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codeName="ThisWorkbook"/>
  <mc:AlternateContent xmlns:mc="http://schemas.openxmlformats.org/markup-compatibility/2006">
    <mc:Choice Requires="x15">
      <x15ac:absPath xmlns:x15ac="http://schemas.microsoft.com/office/spreadsheetml/2010/11/ac" url="\\kfs01\s1369\02_感染症対策連携グループ\02_個別業務\02_エイズ\Ⅱ医療体制_04_針刺し事故対応\針刺し事故対応マップ\"/>
    </mc:Choice>
  </mc:AlternateContent>
  <xr:revisionPtr revIDLastSave="0" documentId="13_ncr:1_{5562B6D0-1884-4E3C-B95C-9309D95B5041}" xr6:coauthVersionLast="47" xr6:coauthVersionMax="47" xr10:uidLastSave="{00000000-0000-0000-0000-000000000000}"/>
  <bookViews>
    <workbookView xWindow="-108" yWindow="-108" windowWidth="23256" windowHeight="12456" tabRatio="788" xr2:uid="{00000000-000D-0000-FFFF-FFFF00000000}"/>
  </bookViews>
  <sheets>
    <sheet name="マップ" sheetId="6" r:id="rId1"/>
    <sheet name="市大" sheetId="7" r:id="rId2"/>
    <sheet name="小田原" sheetId="8" r:id="rId3"/>
    <sheet name="横浜市民" sheetId="9" r:id="rId4"/>
    <sheet name="川崎" sheetId="31" r:id="rId5"/>
    <sheet name="井田" sheetId="11" r:id="rId6"/>
    <sheet name="聖マリ" sheetId="12" r:id="rId7"/>
    <sheet name="北里" sheetId="26" r:id="rId8"/>
    <sheet name="東海" sheetId="30" r:id="rId9"/>
    <sheet name="厚木" sheetId="14" r:id="rId10"/>
    <sheet name="足柄上" sheetId="16" r:id="rId11"/>
    <sheet name="国立横浜" sheetId="17" r:id="rId12"/>
    <sheet name="みなと赤十字" sheetId="28" r:id="rId13"/>
    <sheet name="こども" sheetId="29" r:id="rId14"/>
    <sheet name="センター病院" sheetId="27" r:id="rId15"/>
    <sheet name="国立相模原" sheetId="22" r:id="rId16"/>
    <sheet name="相模原赤" sheetId="23" r:id="rId17"/>
    <sheet name="秦野赤" sheetId="24" r:id="rId18"/>
    <sheet name="横須賀市民" sheetId="25" r:id="rId19"/>
  </sheets>
  <definedNames>
    <definedName name="_xlnm.Print_Area" localSheetId="13">こども!$A$1:$J$15</definedName>
    <definedName name="_xlnm.Print_Area" localSheetId="14">センター病院!$A$1:$J$15</definedName>
    <definedName name="_xlnm.Print_Area" localSheetId="0">マップ!$A$1:$S$51</definedName>
    <definedName name="_xlnm.Print_Area" localSheetId="12">みなと赤十字!$A$1:$J$15</definedName>
    <definedName name="_xlnm.Print_Area" localSheetId="5">井田!$A$1:$J$15</definedName>
    <definedName name="_xlnm.Print_Area" localSheetId="18">横須賀市民!$A$1:$J$15</definedName>
    <definedName name="_xlnm.Print_Area" localSheetId="3">横浜市民!$A$1:$J$15</definedName>
    <definedName name="_xlnm.Print_Area" localSheetId="9">厚木!$A$1:$J$15</definedName>
    <definedName name="_xlnm.Print_Area" localSheetId="11">国立横浜!$A$1:$J$15</definedName>
    <definedName name="_xlnm.Print_Area" localSheetId="15">国立相模原!$A$1:$J$15</definedName>
    <definedName name="_xlnm.Print_Area" localSheetId="1">市大!$A$1:$J$20</definedName>
    <definedName name="_xlnm.Print_Area" localSheetId="2">小田原!$A$1:$J$20</definedName>
    <definedName name="_xlnm.Print_Area" localSheetId="17">秦野赤!$A$1:$J$15</definedName>
    <definedName name="_xlnm.Print_Area" localSheetId="6">聖マリ!$A$1:$J$15</definedName>
    <definedName name="_xlnm.Print_Area" localSheetId="4">川崎!$A$1:$J$15</definedName>
    <definedName name="_xlnm.Print_Area" localSheetId="16">相模原赤!$A$1:$J$15</definedName>
    <definedName name="_xlnm.Print_Area" localSheetId="10">足柄上!$A$1:$J$15</definedName>
    <definedName name="_xlnm.Print_Area" localSheetId="8">東海!$A$1:$J$15</definedName>
    <definedName name="_xlnm.Print_Area" localSheetId="7">北里!$A$1:$J$15</definedName>
  </definedNames>
  <calcPr calcId="162913"/>
</workbook>
</file>

<file path=xl/sharedStrings.xml><?xml version="1.0" encoding="utf-8"?>
<sst xmlns="http://schemas.openxmlformats.org/spreadsheetml/2006/main" count="531" uniqueCount="172">
  <si>
    <t>神奈川県針刺し事故対応病院</t>
    <rPh sb="0" eb="4">
      <t>カナガワケン</t>
    </rPh>
    <rPh sb="4" eb="6">
      <t>ハリサ</t>
    </rPh>
    <rPh sb="7" eb="9">
      <t>ジコ</t>
    </rPh>
    <rPh sb="9" eb="11">
      <t>タイオウ</t>
    </rPh>
    <rPh sb="11" eb="13">
      <t>ビョウイン</t>
    </rPh>
    <phoneticPr fontId="1"/>
  </si>
  <si>
    <r>
      <rPr>
        <sz val="18"/>
        <rFont val="ＭＳ Ｐゴシック"/>
        <family val="3"/>
        <charset val="128"/>
      </rPr>
      <t>公立大学法人</t>
    </r>
    <r>
      <rPr>
        <sz val="12"/>
        <rFont val="ＭＳ Ｐゴシック"/>
        <family val="3"/>
        <charset val="128"/>
      </rPr>
      <t xml:space="preserve">
</t>
    </r>
    <r>
      <rPr>
        <sz val="28"/>
        <rFont val="ＭＳ Ｐゴシック"/>
        <family val="3"/>
        <charset val="128"/>
      </rPr>
      <t>横浜市立大学附属病院</t>
    </r>
    <rPh sb="0" eb="2">
      <t>コウリツ</t>
    </rPh>
    <rPh sb="2" eb="4">
      <t>ダイガク</t>
    </rPh>
    <rPh sb="4" eb="6">
      <t>ホウジン</t>
    </rPh>
    <rPh sb="7" eb="9">
      <t>ヨコハマ</t>
    </rPh>
    <rPh sb="9" eb="11">
      <t>シリツ</t>
    </rPh>
    <rPh sb="11" eb="13">
      <t>ダイガク</t>
    </rPh>
    <rPh sb="13" eb="15">
      <t>フゾク</t>
    </rPh>
    <rPh sb="15" eb="17">
      <t>ビョウイン</t>
    </rPh>
    <phoneticPr fontId="1"/>
  </si>
  <si>
    <t>抗HIV薬
配置病院</t>
    <rPh sb="0" eb="1">
      <t>コウ</t>
    </rPh>
    <rPh sb="4" eb="5">
      <t>ヤク</t>
    </rPh>
    <rPh sb="6" eb="8">
      <t>ハイチ</t>
    </rPh>
    <rPh sb="8" eb="10">
      <t>ビョウイン</t>
    </rPh>
    <phoneticPr fontId="1"/>
  </si>
  <si>
    <t>緊急診療
対応病院</t>
    <rPh sb="0" eb="2">
      <t>キンキュウ</t>
    </rPh>
    <rPh sb="2" eb="4">
      <t>シンリョウ</t>
    </rPh>
    <rPh sb="5" eb="7">
      <t>タイオウ</t>
    </rPh>
    <rPh sb="7" eb="9">
      <t>ビョウイン</t>
    </rPh>
    <phoneticPr fontId="1"/>
  </si>
  <si>
    <t>住所</t>
    <rPh sb="0" eb="2">
      <t>ジュウショ</t>
    </rPh>
    <phoneticPr fontId="1"/>
  </si>
  <si>
    <t>アクセス</t>
    <phoneticPr fontId="1"/>
  </si>
  <si>
    <t>シーサイドライン「市大医学部」駅徒歩１分</t>
    <rPh sb="9" eb="11">
      <t>シダイ</t>
    </rPh>
    <rPh sb="11" eb="13">
      <t>イガク</t>
    </rPh>
    <rPh sb="13" eb="14">
      <t>ブ</t>
    </rPh>
    <rPh sb="15" eb="16">
      <t>エキ</t>
    </rPh>
    <rPh sb="16" eb="18">
      <t>トホ</t>
    </rPh>
    <rPh sb="19" eb="20">
      <t>フン</t>
    </rPh>
    <phoneticPr fontId="1"/>
  </si>
  <si>
    <t>駐車場</t>
    <rPh sb="0" eb="3">
      <t>チュウシャジョウ</t>
    </rPh>
    <phoneticPr fontId="1"/>
  </si>
  <si>
    <t>あり</t>
    <phoneticPr fontId="1"/>
  </si>
  <si>
    <t>平日・土曜日</t>
    <rPh sb="0" eb="2">
      <t>ヘイジツ</t>
    </rPh>
    <rPh sb="3" eb="6">
      <t>ドヨウビ</t>
    </rPh>
    <phoneticPr fontId="1"/>
  </si>
  <si>
    <t>休日・時間外</t>
    <rPh sb="0" eb="2">
      <t>キュウジツ</t>
    </rPh>
    <rPh sb="3" eb="6">
      <t>ジカンガイ</t>
    </rPh>
    <phoneticPr fontId="1"/>
  </si>
  <si>
    <t>時間帯</t>
    <rPh sb="0" eb="3">
      <t>ジカンタイ</t>
    </rPh>
    <phoneticPr fontId="1"/>
  </si>
  <si>
    <t>8:30～17:15</t>
    <phoneticPr fontId="1"/>
  </si>
  <si>
    <t>電話番号</t>
    <rPh sb="0" eb="2">
      <t>デンワ</t>
    </rPh>
    <rPh sb="2" eb="4">
      <t>バンゴウ</t>
    </rPh>
    <phoneticPr fontId="1"/>
  </si>
  <si>
    <t>045-787-2854</t>
    <phoneticPr fontId="1"/>
  </si>
  <si>
    <t>担当窓口</t>
    <rPh sb="0" eb="2">
      <t>タントウ</t>
    </rPh>
    <rPh sb="2" eb="4">
      <t>マドグチ</t>
    </rPh>
    <phoneticPr fontId="1"/>
  </si>
  <si>
    <t>（必要なもの）</t>
    <rPh sb="1" eb="3">
      <t>ヒツヨウ</t>
    </rPh>
    <phoneticPr fontId="1"/>
  </si>
  <si>
    <t>小田原市立病院</t>
    <rPh sb="0" eb="3">
      <t>オダワラ</t>
    </rPh>
    <rPh sb="3" eb="7">
      <t>シリツビョウイン</t>
    </rPh>
    <rPh sb="5" eb="7">
      <t>ビョウイン</t>
    </rPh>
    <phoneticPr fontId="1"/>
  </si>
  <si>
    <t>平日</t>
    <rPh sb="0" eb="2">
      <t>ヘイジツ</t>
    </rPh>
    <phoneticPr fontId="1"/>
  </si>
  <si>
    <t>土曜日・休日・時間外</t>
    <rPh sb="0" eb="3">
      <t>ドヨウビ</t>
    </rPh>
    <rPh sb="4" eb="6">
      <t>キュウジツ</t>
    </rPh>
    <rPh sb="7" eb="10">
      <t>ジカンガイ</t>
    </rPh>
    <phoneticPr fontId="1"/>
  </si>
  <si>
    <r>
      <t>※地域ごとの色分けは</t>
    </r>
    <r>
      <rPr>
        <u/>
        <sz val="14"/>
        <rFont val="ＭＳ Ｐゴシック"/>
        <family val="3"/>
        <charset val="128"/>
      </rPr>
      <t>あくまで目安</t>
    </r>
    <r>
      <rPr>
        <sz val="14"/>
        <rFont val="ＭＳ Ｐゴシック"/>
        <family val="3"/>
        <charset val="128"/>
      </rPr>
      <t>ですので、病院を選ぶ上での参考にしてください。</t>
    </r>
    <rPh sb="1" eb="3">
      <t>チイキ</t>
    </rPh>
    <rPh sb="6" eb="8">
      <t>イロワ</t>
    </rPh>
    <rPh sb="14" eb="16">
      <t>メヤス</t>
    </rPh>
    <rPh sb="21" eb="23">
      <t>ビョウイン</t>
    </rPh>
    <rPh sb="24" eb="25">
      <t>エラ</t>
    </rPh>
    <rPh sb="26" eb="27">
      <t>ウエ</t>
    </rPh>
    <rPh sb="29" eb="31">
      <t>サンコウ</t>
    </rPh>
    <phoneticPr fontId="1"/>
  </si>
  <si>
    <t>病院のホームページはこちら</t>
    <rPh sb="0" eb="2">
      <t>ビョウイン</t>
    </rPh>
    <phoneticPr fontId="1"/>
  </si>
  <si>
    <t>病院のホームページはこちら</t>
    <phoneticPr fontId="1"/>
  </si>
  <si>
    <t>・本人が確認できるもの</t>
    <rPh sb="1" eb="3">
      <t>ホンニン</t>
    </rPh>
    <rPh sb="4" eb="6">
      <t>カクニン</t>
    </rPh>
    <phoneticPr fontId="1"/>
  </si>
  <si>
    <t>・本人確認ができるもの</t>
    <rPh sb="1" eb="3">
      <t>ホンニン</t>
    </rPh>
    <rPh sb="3" eb="5">
      <t>カクニン</t>
    </rPh>
    <phoneticPr fontId="1"/>
  </si>
  <si>
    <t>横浜市立市民病院</t>
    <rPh sb="0" eb="4">
      <t>ヨコハマシリツ</t>
    </rPh>
    <rPh sb="4" eb="6">
      <t>シミン</t>
    </rPh>
    <rPh sb="6" eb="8">
      <t>ビョウイン</t>
    </rPh>
    <phoneticPr fontId="1"/>
  </si>
  <si>
    <t>川崎市立井田病院</t>
    <rPh sb="0" eb="4">
      <t>カワサキシリツ</t>
    </rPh>
    <rPh sb="4" eb="6">
      <t>イダ</t>
    </rPh>
    <rPh sb="6" eb="8">
      <t>ビョウイン</t>
    </rPh>
    <phoneticPr fontId="1"/>
  </si>
  <si>
    <t>聖マリアンナ医科大学病院</t>
    <rPh sb="0" eb="1">
      <t>セイ</t>
    </rPh>
    <rPh sb="6" eb="8">
      <t>イカ</t>
    </rPh>
    <rPh sb="8" eb="10">
      <t>ダイガク</t>
    </rPh>
    <rPh sb="10" eb="12">
      <t>ビョウイン</t>
    </rPh>
    <phoneticPr fontId="1"/>
  </si>
  <si>
    <t>小田急バス・川崎市営バス　「聖マリアンナ医科大学」「医大下」下車</t>
    <rPh sb="0" eb="3">
      <t>オダキュウ</t>
    </rPh>
    <rPh sb="6" eb="8">
      <t>カワサキ</t>
    </rPh>
    <rPh sb="8" eb="10">
      <t>シエイ</t>
    </rPh>
    <rPh sb="14" eb="15">
      <t>セイ</t>
    </rPh>
    <rPh sb="20" eb="22">
      <t>イカ</t>
    </rPh>
    <rPh sb="22" eb="24">
      <t>ダイガク</t>
    </rPh>
    <rPh sb="26" eb="28">
      <t>イダイ</t>
    </rPh>
    <rPh sb="28" eb="29">
      <t>シタ</t>
    </rPh>
    <rPh sb="30" eb="32">
      <t>ゲシャ</t>
    </rPh>
    <phoneticPr fontId="1"/>
  </si>
  <si>
    <t>厚木市立病院</t>
    <rPh sb="0" eb="4">
      <t>アツギシリツ</t>
    </rPh>
    <rPh sb="4" eb="6">
      <t>ビョウイン</t>
    </rPh>
    <phoneticPr fontId="1"/>
  </si>
  <si>
    <t>神奈川県立足柄上病院</t>
    <rPh sb="0" eb="5">
      <t>カナガワケンリツ</t>
    </rPh>
    <rPh sb="5" eb="8">
      <t>アシガラカミ</t>
    </rPh>
    <rPh sb="8" eb="10">
      <t>ビョウイン</t>
    </rPh>
    <phoneticPr fontId="1"/>
  </si>
  <si>
    <t>小田急線「新松田」駅徒歩5分　/　JR御殿場線「松田」駅徒歩１０分</t>
    <rPh sb="0" eb="4">
      <t>オダキュウセン</t>
    </rPh>
    <rPh sb="5" eb="6">
      <t>シン</t>
    </rPh>
    <rPh sb="6" eb="8">
      <t>マツダ</t>
    </rPh>
    <rPh sb="9" eb="10">
      <t>エキ</t>
    </rPh>
    <rPh sb="10" eb="12">
      <t>トホ</t>
    </rPh>
    <rPh sb="13" eb="14">
      <t>フン</t>
    </rPh>
    <rPh sb="19" eb="22">
      <t>ゴテンバ</t>
    </rPh>
    <rPh sb="22" eb="23">
      <t>セン</t>
    </rPh>
    <rPh sb="24" eb="26">
      <t>マツダ</t>
    </rPh>
    <rPh sb="27" eb="28">
      <t>エキ</t>
    </rPh>
    <rPh sb="28" eb="30">
      <t>トホ</t>
    </rPh>
    <rPh sb="32" eb="33">
      <t>フン</t>
    </rPh>
    <phoneticPr fontId="1"/>
  </si>
  <si>
    <r>
      <rPr>
        <sz val="18"/>
        <rFont val="ＭＳ Ｐゴシック"/>
        <family val="3"/>
        <charset val="128"/>
      </rPr>
      <t>独立行政法人国立病院機構</t>
    </r>
    <r>
      <rPr>
        <sz val="28"/>
        <rFont val="ＭＳ Ｐゴシック"/>
        <family val="3"/>
        <charset val="128"/>
      </rPr>
      <t xml:space="preserve">
横浜医療センター</t>
    </r>
    <rPh sb="0" eb="2">
      <t>ドクリツ</t>
    </rPh>
    <rPh sb="2" eb="4">
      <t>ギョウセイ</t>
    </rPh>
    <rPh sb="4" eb="6">
      <t>ホウジン</t>
    </rPh>
    <rPh sb="6" eb="8">
      <t>コクリツ</t>
    </rPh>
    <rPh sb="8" eb="10">
      <t>ビョウイン</t>
    </rPh>
    <rPh sb="10" eb="12">
      <t>キコウ</t>
    </rPh>
    <rPh sb="13" eb="15">
      <t>ヨコハマ</t>
    </rPh>
    <rPh sb="15" eb="17">
      <t>イリョウ</t>
    </rPh>
    <phoneticPr fontId="1"/>
  </si>
  <si>
    <t>バス「横浜医療センター前」または「横浜医療センター」下車</t>
    <rPh sb="3" eb="5">
      <t>ヨコハマ</t>
    </rPh>
    <rPh sb="5" eb="7">
      <t>イリョウ</t>
    </rPh>
    <rPh sb="11" eb="12">
      <t>マエ</t>
    </rPh>
    <rPh sb="17" eb="19">
      <t>ヨコハマ</t>
    </rPh>
    <rPh sb="19" eb="21">
      <t>イリョウ</t>
    </rPh>
    <rPh sb="26" eb="28">
      <t>ゲシャ</t>
    </rPh>
    <phoneticPr fontId="1"/>
  </si>
  <si>
    <r>
      <rPr>
        <sz val="18"/>
        <rFont val="ＭＳ Ｐゴシック"/>
        <family val="3"/>
        <charset val="128"/>
      </rPr>
      <t>独立行政法人国立病院機構</t>
    </r>
    <r>
      <rPr>
        <sz val="28"/>
        <rFont val="ＭＳ Ｐゴシック"/>
        <family val="3"/>
        <charset val="128"/>
      </rPr>
      <t xml:space="preserve">
相模原病院</t>
    </r>
    <rPh sb="0" eb="2">
      <t>ドクリツ</t>
    </rPh>
    <rPh sb="2" eb="4">
      <t>ギョウセイ</t>
    </rPh>
    <rPh sb="4" eb="6">
      <t>ホウジン</t>
    </rPh>
    <rPh sb="6" eb="8">
      <t>コクリツ</t>
    </rPh>
    <rPh sb="8" eb="10">
      <t>ビョウイン</t>
    </rPh>
    <rPh sb="10" eb="12">
      <t>キコウ</t>
    </rPh>
    <rPh sb="13" eb="16">
      <t>サガミハラ</t>
    </rPh>
    <rPh sb="16" eb="18">
      <t>ビョウイン</t>
    </rPh>
    <phoneticPr fontId="1"/>
  </si>
  <si>
    <t>小田急「相模原駅」北口徒歩15分 / バス「国立相模原病院」下車</t>
    <rPh sb="0" eb="3">
      <t>オダキュウ</t>
    </rPh>
    <rPh sb="4" eb="8">
      <t>サガミハラエキ</t>
    </rPh>
    <rPh sb="9" eb="11">
      <t>キタグチ</t>
    </rPh>
    <rPh sb="11" eb="13">
      <t>トホ</t>
    </rPh>
    <rPh sb="15" eb="16">
      <t>フン</t>
    </rPh>
    <phoneticPr fontId="1"/>
  </si>
  <si>
    <t>相模原赤十字病院</t>
    <rPh sb="0" eb="3">
      <t>サガミハラ</t>
    </rPh>
    <rPh sb="3" eb="6">
      <t>セキジュウジ</t>
    </rPh>
    <rPh sb="6" eb="8">
      <t>ビョウイン</t>
    </rPh>
    <phoneticPr fontId="1"/>
  </si>
  <si>
    <t xml:space="preserve"> 秦野赤十字病院</t>
    <rPh sb="1" eb="3">
      <t>ハダノ</t>
    </rPh>
    <rPh sb="3" eb="4">
      <t>アカ</t>
    </rPh>
    <rPh sb="4" eb="6">
      <t>ジュウジ</t>
    </rPh>
    <rPh sb="6" eb="8">
      <t>ビョウイン</t>
    </rPh>
    <phoneticPr fontId="1"/>
  </si>
  <si>
    <t xml:space="preserve">横須賀市立市民病院
</t>
    <rPh sb="0" eb="5">
      <t>ヨコスカシリツ</t>
    </rPh>
    <rPh sb="5" eb="7">
      <t>シミン</t>
    </rPh>
    <rPh sb="7" eb="9">
      <t>ビョウイン</t>
    </rPh>
    <phoneticPr fontId="1"/>
  </si>
  <si>
    <t>バス「横須賀市民病院」下車</t>
    <rPh sb="3" eb="6">
      <t>ヨコスカ</t>
    </rPh>
    <rPh sb="6" eb="8">
      <t>シミン</t>
    </rPh>
    <rPh sb="8" eb="10">
      <t>ビョウイン</t>
    </rPh>
    <rPh sb="11" eb="13">
      <t>ゲシャ</t>
    </rPh>
    <phoneticPr fontId="1"/>
  </si>
  <si>
    <t>平日(月～金・第１・３・５土曜日）</t>
    <rPh sb="0" eb="2">
      <t>ヘイジツ</t>
    </rPh>
    <rPh sb="3" eb="4">
      <t>ツキ</t>
    </rPh>
    <rPh sb="5" eb="6">
      <t>キン</t>
    </rPh>
    <rPh sb="7" eb="8">
      <t>ダイ</t>
    </rPh>
    <rPh sb="13" eb="16">
      <t>ドヨウビ</t>
    </rPh>
    <phoneticPr fontId="1"/>
  </si>
  <si>
    <t>休日・時間外（左記以外）</t>
    <rPh sb="0" eb="2">
      <t>キュウジツ</t>
    </rPh>
    <rPh sb="3" eb="6">
      <t>ジカンガイ</t>
    </rPh>
    <rPh sb="7" eb="9">
      <t>サキ</t>
    </rPh>
    <rPh sb="9" eb="11">
      <t>イガイ</t>
    </rPh>
    <phoneticPr fontId="1"/>
  </si>
  <si>
    <t>8:30～17:00</t>
    <phoneticPr fontId="1"/>
  </si>
  <si>
    <t>042-784-1101</t>
    <phoneticPr fontId="1"/>
  </si>
  <si>
    <t>薬剤部</t>
    <rPh sb="0" eb="2">
      <t>ヤクザイ</t>
    </rPh>
    <rPh sb="2" eb="3">
      <t>ブ</t>
    </rPh>
    <phoneticPr fontId="1"/>
  </si>
  <si>
    <t>当直</t>
    <rPh sb="0" eb="2">
      <t>トウチョク</t>
    </rPh>
    <phoneticPr fontId="1"/>
  </si>
  <si>
    <t>左記以外</t>
    <rPh sb="0" eb="2">
      <t>サキ</t>
    </rPh>
    <rPh sb="2" eb="4">
      <t>イガイ</t>
    </rPh>
    <phoneticPr fontId="1"/>
  </si>
  <si>
    <t>0463-81-3721</t>
    <phoneticPr fontId="1"/>
  </si>
  <si>
    <t>薬剤師または管理当直看護師</t>
    <rPh sb="0" eb="3">
      <t>ヤクザイシ</t>
    </rPh>
    <rPh sb="6" eb="8">
      <t>カンリ</t>
    </rPh>
    <rPh sb="8" eb="10">
      <t>トウチョク</t>
    </rPh>
    <rPh sb="10" eb="13">
      <t>カンゴシ</t>
    </rPh>
    <phoneticPr fontId="1"/>
  </si>
  <si>
    <t>平日（月～金曜日）</t>
    <rPh sb="0" eb="2">
      <t>ヘイジツ</t>
    </rPh>
    <rPh sb="3" eb="4">
      <t>ツキ</t>
    </rPh>
    <rPh sb="5" eb="6">
      <t>キン</t>
    </rPh>
    <rPh sb="6" eb="8">
      <t>ヨウビ</t>
    </rPh>
    <phoneticPr fontId="1"/>
  </si>
  <si>
    <t>045-787-2800（内線3041）</t>
    <rPh sb="13" eb="15">
      <t>ナイセン</t>
    </rPh>
    <phoneticPr fontId="1"/>
  </si>
  <si>
    <t>リウマチ・血液・感染症内科</t>
    <rPh sb="5" eb="7">
      <t>ケツエキ</t>
    </rPh>
    <rPh sb="8" eb="10">
      <t>カンセン</t>
    </rPh>
    <rPh sb="10" eb="11">
      <t>ショウ</t>
    </rPh>
    <rPh sb="11" eb="13">
      <t>ナイカ</t>
    </rPh>
    <phoneticPr fontId="1"/>
  </si>
  <si>
    <t>・紹介状（後日でも可）</t>
    <rPh sb="1" eb="4">
      <t>ショウカイジョウ</t>
    </rPh>
    <rPh sb="5" eb="7">
      <t>ゴジツ</t>
    </rPh>
    <rPh sb="9" eb="10">
      <t>カ</t>
    </rPh>
    <phoneticPr fontId="1"/>
  </si>
  <si>
    <t>・保険証</t>
    <phoneticPr fontId="1"/>
  </si>
  <si>
    <t>・所属施設、身分を証明できるもの（名刺等）</t>
    <rPh sb="1" eb="3">
      <t>ショゾク</t>
    </rPh>
    <rPh sb="3" eb="5">
      <t>シセツ</t>
    </rPh>
    <rPh sb="6" eb="8">
      <t>ミブン</t>
    </rPh>
    <rPh sb="9" eb="11">
      <t>ショウメイ</t>
    </rPh>
    <rPh sb="17" eb="19">
      <t>メイシ</t>
    </rPh>
    <rPh sb="19" eb="20">
      <t>トウ</t>
    </rPh>
    <phoneticPr fontId="1"/>
  </si>
  <si>
    <t>046-858-1760</t>
    <phoneticPr fontId="1"/>
  </si>
  <si>
    <t>046-856-3136</t>
    <phoneticPr fontId="1"/>
  </si>
  <si>
    <t>日当直医師</t>
    <rPh sb="0" eb="2">
      <t>ニットウ</t>
    </rPh>
    <rPh sb="2" eb="3">
      <t>チョク</t>
    </rPh>
    <rPh sb="3" eb="5">
      <t>イシ</t>
    </rPh>
    <phoneticPr fontId="1"/>
  </si>
  <si>
    <t>044-766-2188</t>
    <phoneticPr fontId="1"/>
  </si>
  <si>
    <t>平日（月～金曜日）</t>
    <rPh sb="0" eb="2">
      <t>ヘイジツ</t>
    </rPh>
    <rPh sb="3" eb="4">
      <t>ツキ</t>
    </rPh>
    <rPh sb="5" eb="8">
      <t>キンヨウビ</t>
    </rPh>
    <phoneticPr fontId="1"/>
  </si>
  <si>
    <t>24時間</t>
    <rPh sb="2" eb="4">
      <t>ジカン</t>
    </rPh>
    <phoneticPr fontId="1"/>
  </si>
  <si>
    <t>0465-34-3175</t>
    <phoneticPr fontId="1"/>
  </si>
  <si>
    <t>薬剤科</t>
    <rPh sb="0" eb="2">
      <t>ヤクザイ</t>
    </rPh>
    <rPh sb="2" eb="3">
      <t>カ</t>
    </rPh>
    <phoneticPr fontId="1"/>
  </si>
  <si>
    <t>同左</t>
    <rPh sb="0" eb="2">
      <t>ドウサ</t>
    </rPh>
    <phoneticPr fontId="1"/>
  </si>
  <si>
    <t>046-221-1570</t>
    <phoneticPr fontId="1"/>
  </si>
  <si>
    <t>・保険証</t>
    <rPh sb="1" eb="4">
      <t>ホケンショウ</t>
    </rPh>
    <phoneticPr fontId="1"/>
  </si>
  <si>
    <t>044-977-8111</t>
    <phoneticPr fontId="1"/>
  </si>
  <si>
    <t>救急救命センター</t>
    <rPh sb="0" eb="2">
      <t>キュウキュウ</t>
    </rPh>
    <rPh sb="2" eb="4">
      <t>キュウメイ</t>
    </rPh>
    <phoneticPr fontId="1"/>
  </si>
  <si>
    <t>健康診断センター</t>
    <rPh sb="0" eb="2">
      <t>ケンコウ</t>
    </rPh>
    <rPh sb="2" eb="4">
      <t>シンダン</t>
    </rPh>
    <phoneticPr fontId="1"/>
  </si>
  <si>
    <t>・（あれば）相手の感染症のデータ</t>
    <rPh sb="6" eb="8">
      <t>アイテ</t>
    </rPh>
    <rPh sb="9" eb="11">
      <t>カンセン</t>
    </rPh>
    <rPh sb="11" eb="12">
      <t>ショウ</t>
    </rPh>
    <phoneticPr fontId="1"/>
  </si>
  <si>
    <t>平日（月～金曜日）</t>
    <rPh sb="0" eb="2">
      <t>ヘイジツ</t>
    </rPh>
    <rPh sb="3" eb="4">
      <t>ゲツ</t>
    </rPh>
    <rPh sb="5" eb="8">
      <t>キンヨウビ</t>
    </rPh>
    <phoneticPr fontId="1"/>
  </si>
  <si>
    <t>0465-83-0351</t>
    <phoneticPr fontId="1"/>
  </si>
  <si>
    <t>総合診療科（内科）</t>
    <rPh sb="0" eb="2">
      <t>ソウゴウ</t>
    </rPh>
    <rPh sb="2" eb="4">
      <t>シンリョウ</t>
    </rPh>
    <rPh sb="6" eb="8">
      <t>ナイカ</t>
    </rPh>
    <phoneticPr fontId="1"/>
  </si>
  <si>
    <t>感染管理室</t>
    <rPh sb="0" eb="2">
      <t>カンセン</t>
    </rPh>
    <rPh sb="2" eb="5">
      <t>カンリシツ</t>
    </rPh>
    <phoneticPr fontId="1"/>
  </si>
  <si>
    <t>・（あれば）曝露源検査データ</t>
    <rPh sb="6" eb="8">
      <t>バクロ</t>
    </rPh>
    <rPh sb="8" eb="9">
      <t>ミナモト</t>
    </rPh>
    <rPh sb="9" eb="11">
      <t>ケンサ</t>
    </rPh>
    <phoneticPr fontId="1"/>
  </si>
  <si>
    <t>診療部内科外来</t>
    <rPh sb="0" eb="2">
      <t>シンリョウ</t>
    </rPh>
    <rPh sb="2" eb="3">
      <t>ブ</t>
    </rPh>
    <rPh sb="3" eb="5">
      <t>ナイカ</t>
    </rPh>
    <rPh sb="5" eb="7">
      <t>ガイライ</t>
    </rPh>
    <phoneticPr fontId="1"/>
  </si>
  <si>
    <t>内科当直</t>
    <rPh sb="0" eb="2">
      <t>ナイカ</t>
    </rPh>
    <rPh sb="2" eb="4">
      <t>トウチョク</t>
    </rPh>
    <phoneticPr fontId="1"/>
  </si>
  <si>
    <t>内科</t>
    <rPh sb="0" eb="2">
      <t>ナイカ</t>
    </rPh>
    <phoneticPr fontId="1"/>
  </si>
  <si>
    <t>045-851-2621</t>
    <phoneticPr fontId="1"/>
  </si>
  <si>
    <t>救急第４当直医</t>
    <phoneticPr fontId="1"/>
  </si>
  <si>
    <t>患者支援センター</t>
    <rPh sb="0" eb="2">
      <t>カンジャ</t>
    </rPh>
    <rPh sb="2" eb="4">
      <t>シエン</t>
    </rPh>
    <phoneticPr fontId="1"/>
  </si>
  <si>
    <t>横浜市金沢区福浦3-9</t>
    <rPh sb="0" eb="3">
      <t>ヨコハマシ</t>
    </rPh>
    <phoneticPr fontId="1"/>
  </si>
  <si>
    <t>小田原市久野46</t>
    <rPh sb="0" eb="4">
      <t>オダワラシ</t>
    </rPh>
    <rPh sb="4" eb="6">
      <t>クノ</t>
    </rPh>
    <phoneticPr fontId="1"/>
  </si>
  <si>
    <t>川崎市中原区井田２－２７－１</t>
    <rPh sb="0" eb="3">
      <t>カワサキシ</t>
    </rPh>
    <rPh sb="3" eb="6">
      <t>ナカハラク</t>
    </rPh>
    <rPh sb="6" eb="8">
      <t>イダ</t>
    </rPh>
    <phoneticPr fontId="1"/>
  </si>
  <si>
    <t>川崎市宮前区菅生２－１６－１</t>
    <rPh sb="0" eb="3">
      <t>カワサキシ</t>
    </rPh>
    <rPh sb="3" eb="6">
      <t>ミヤマエク</t>
    </rPh>
    <rPh sb="6" eb="8">
      <t>スガオ</t>
    </rPh>
    <phoneticPr fontId="1"/>
  </si>
  <si>
    <t>厚木市水引１－１６－３６</t>
    <rPh sb="0" eb="3">
      <t>アツギシ</t>
    </rPh>
    <rPh sb="3" eb="5">
      <t>ミズヒキ</t>
    </rPh>
    <phoneticPr fontId="1"/>
  </si>
  <si>
    <t>足柄上郡松田町松田惣領８６６－１</t>
    <rPh sb="0" eb="4">
      <t>アシガラカミグン</t>
    </rPh>
    <rPh sb="4" eb="6">
      <t>マツダ</t>
    </rPh>
    <rPh sb="6" eb="7">
      <t>マチ</t>
    </rPh>
    <rPh sb="7" eb="9">
      <t>マツダ</t>
    </rPh>
    <rPh sb="9" eb="11">
      <t>ソウリョウ</t>
    </rPh>
    <phoneticPr fontId="1"/>
  </si>
  <si>
    <t>横浜市戸塚区原宿３－６０－２</t>
    <rPh sb="0" eb="3">
      <t>ヨコハマシ</t>
    </rPh>
    <rPh sb="3" eb="6">
      <t>トツカク</t>
    </rPh>
    <rPh sb="6" eb="8">
      <t>ハラジュク</t>
    </rPh>
    <phoneticPr fontId="1"/>
  </si>
  <si>
    <t>相模原市南区桜台１８－１</t>
    <rPh sb="0" eb="4">
      <t>サガミハラシ</t>
    </rPh>
    <rPh sb="4" eb="6">
      <t>ミナミク</t>
    </rPh>
    <rPh sb="6" eb="8">
      <t>サクラダイ</t>
    </rPh>
    <phoneticPr fontId="1"/>
  </si>
  <si>
    <t>相模原市緑区中野２５６</t>
    <rPh sb="0" eb="4">
      <t>サガミハラシ</t>
    </rPh>
    <rPh sb="4" eb="6">
      <t>ミドリク</t>
    </rPh>
    <rPh sb="6" eb="7">
      <t>ナカ</t>
    </rPh>
    <rPh sb="7" eb="8">
      <t>ノ</t>
    </rPh>
    <phoneticPr fontId="1"/>
  </si>
  <si>
    <t>秦野市立野台一丁目1番地</t>
    <rPh sb="0" eb="3">
      <t>ハダノシ</t>
    </rPh>
    <rPh sb="3" eb="5">
      <t>タテノ</t>
    </rPh>
    <rPh sb="5" eb="6">
      <t>ダイ</t>
    </rPh>
    <rPh sb="6" eb="9">
      <t>イッチョウメ</t>
    </rPh>
    <rPh sb="10" eb="12">
      <t>バンチ</t>
    </rPh>
    <phoneticPr fontId="1"/>
  </si>
  <si>
    <t>横須賀市長坂1-3-2</t>
    <rPh sb="0" eb="4">
      <t>ヨコスカシ</t>
    </rPh>
    <rPh sb="4" eb="6">
      <t>ナガサカ</t>
    </rPh>
    <phoneticPr fontId="1"/>
  </si>
  <si>
    <t>北里大学病院</t>
    <rPh sb="0" eb="2">
      <t>キタザト</t>
    </rPh>
    <rPh sb="2" eb="4">
      <t>ダイガク</t>
    </rPh>
    <rPh sb="4" eb="6">
      <t>ビョウイン</t>
    </rPh>
    <phoneticPr fontId="1"/>
  </si>
  <si>
    <t>アクセス</t>
    <phoneticPr fontId="1"/>
  </si>
  <si>
    <t>左記以外</t>
    <phoneticPr fontId="1"/>
  </si>
  <si>
    <t>042-778-8128</t>
    <phoneticPr fontId="1"/>
  </si>
  <si>
    <t>内科総合外来</t>
    <phoneticPr fontId="1"/>
  </si>
  <si>
    <r>
      <t xml:space="preserve">横浜市立大学附属
</t>
    </r>
    <r>
      <rPr>
        <sz val="28"/>
        <rFont val="ＭＳ Ｐゴシック"/>
        <family val="3"/>
        <charset val="128"/>
      </rPr>
      <t>市民総合医療センター</t>
    </r>
    <rPh sb="0" eb="4">
      <t>ヨコハマシリツ</t>
    </rPh>
    <rPh sb="4" eb="6">
      <t>ダイガク</t>
    </rPh>
    <rPh sb="6" eb="8">
      <t>フゾク</t>
    </rPh>
    <rPh sb="9" eb="11">
      <t>シミン</t>
    </rPh>
    <rPh sb="11" eb="13">
      <t>ソウゴウ</t>
    </rPh>
    <rPh sb="13" eb="15">
      <t>イリョウ</t>
    </rPh>
    <phoneticPr fontId="1"/>
  </si>
  <si>
    <t xml:space="preserve">京浜急行「黄金町」駅徒歩１０分 / 市営地下鉄「阪東橋」駅徒歩５分
</t>
    <rPh sb="0" eb="2">
      <t>ケイヒン</t>
    </rPh>
    <rPh sb="2" eb="4">
      <t>キュウコウ</t>
    </rPh>
    <rPh sb="5" eb="8">
      <t>コガネチョウ</t>
    </rPh>
    <rPh sb="9" eb="10">
      <t>エキ</t>
    </rPh>
    <rPh sb="10" eb="12">
      <t>トホ</t>
    </rPh>
    <rPh sb="14" eb="15">
      <t>フン</t>
    </rPh>
    <phoneticPr fontId="1"/>
  </si>
  <si>
    <t xml:space="preserve">バス浦舟町下車
</t>
    <phoneticPr fontId="1"/>
  </si>
  <si>
    <t>9：00～17：00</t>
    <phoneticPr fontId="1"/>
  </si>
  <si>
    <t>045-261-5656</t>
    <phoneticPr fontId="1"/>
  </si>
  <si>
    <t xml:space="preserve">横浜市立みなと赤十字病院 </t>
    <rPh sb="0" eb="4">
      <t>ヨコハマシリツ</t>
    </rPh>
    <rPh sb="7" eb="10">
      <t>セキジュウジ</t>
    </rPh>
    <rPh sb="10" eb="12">
      <t>ビョウイン</t>
    </rPh>
    <phoneticPr fontId="1"/>
  </si>
  <si>
    <t>アクセス</t>
    <phoneticPr fontId="1"/>
  </si>
  <si>
    <t>市営バス「みなと赤十字病院」または「みなと赤十字病院入口」徒歩3分</t>
    <rPh sb="0" eb="2">
      <t>シエイ</t>
    </rPh>
    <rPh sb="8" eb="11">
      <t>セキジュウジ</t>
    </rPh>
    <rPh sb="11" eb="13">
      <t>ビョウイン</t>
    </rPh>
    <rPh sb="21" eb="24">
      <t>セキジュウジ</t>
    </rPh>
    <rPh sb="24" eb="26">
      <t>ビョウイン</t>
    </rPh>
    <rPh sb="26" eb="28">
      <t>イリグチ</t>
    </rPh>
    <rPh sb="29" eb="31">
      <t>トホ</t>
    </rPh>
    <rPh sb="32" eb="33">
      <t>フン</t>
    </rPh>
    <phoneticPr fontId="1"/>
  </si>
  <si>
    <t>あり</t>
    <phoneticPr fontId="1"/>
  </si>
  <si>
    <t>8:30～17:00</t>
    <phoneticPr fontId="1"/>
  </si>
  <si>
    <t>左記以外</t>
    <phoneticPr fontId="1"/>
  </si>
  <si>
    <t>045-628-6100</t>
    <phoneticPr fontId="1"/>
  </si>
  <si>
    <t>薬剤部</t>
    <phoneticPr fontId="1"/>
  </si>
  <si>
    <t>アクセス</t>
    <phoneticPr fontId="1"/>
  </si>
  <si>
    <t xml:space="preserve">神奈川中央交通バス「こども医療センター」下車
</t>
    <rPh sb="0" eb="3">
      <t>カナガワ</t>
    </rPh>
    <rPh sb="3" eb="5">
      <t>チュウオウ</t>
    </rPh>
    <rPh sb="5" eb="7">
      <t>コウツウ</t>
    </rPh>
    <phoneticPr fontId="1"/>
  </si>
  <si>
    <t>あり</t>
    <phoneticPr fontId="1"/>
  </si>
  <si>
    <t>045-711-2351</t>
    <phoneticPr fontId="1"/>
  </si>
  <si>
    <t>病院のホームページはこちら</t>
    <phoneticPr fontId="1"/>
  </si>
  <si>
    <t>病院のホームページはこちら</t>
    <phoneticPr fontId="1"/>
  </si>
  <si>
    <t>感染免疫科</t>
    <rPh sb="0" eb="2">
      <t>カンセン</t>
    </rPh>
    <rPh sb="2" eb="4">
      <t>メンエキ</t>
    </rPh>
    <rPh sb="4" eb="5">
      <t>カ</t>
    </rPh>
    <phoneticPr fontId="1"/>
  </si>
  <si>
    <t>東海大学医学部付属病院</t>
    <rPh sb="0" eb="2">
      <t>トウカイ</t>
    </rPh>
    <rPh sb="2" eb="4">
      <t>ダイガク</t>
    </rPh>
    <rPh sb="4" eb="6">
      <t>イガク</t>
    </rPh>
    <rPh sb="6" eb="7">
      <t>ブ</t>
    </rPh>
    <rPh sb="7" eb="9">
      <t>フゾク</t>
    </rPh>
    <rPh sb="9" eb="11">
      <t>ビョウイン</t>
    </rPh>
    <phoneticPr fontId="1"/>
  </si>
  <si>
    <t>アクセス</t>
    <phoneticPr fontId="1"/>
  </si>
  <si>
    <t>あり</t>
    <phoneticPr fontId="1"/>
  </si>
  <si>
    <t>総合内科</t>
    <phoneticPr fontId="1"/>
  </si>
  <si>
    <t xml:space="preserve">月～金・第1･3･5土
8:00～16:00
</t>
    <phoneticPr fontId="1"/>
  </si>
  <si>
    <t>0463-93-1121（代）</t>
    <phoneticPr fontId="1"/>
  </si>
  <si>
    <t>当直</t>
    <phoneticPr fontId="1"/>
  </si>
  <si>
    <t>0463-93-1121（代）</t>
    <phoneticPr fontId="1"/>
  </si>
  <si>
    <t>042-778-8111</t>
    <phoneticPr fontId="1"/>
  </si>
  <si>
    <t>川崎市立川崎病院</t>
    <rPh sb="0" eb="4">
      <t>カワサキシリツ</t>
    </rPh>
    <rPh sb="4" eb="6">
      <t>カワサキ</t>
    </rPh>
    <rPh sb="6" eb="8">
      <t>ビョウイン</t>
    </rPh>
    <phoneticPr fontId="1"/>
  </si>
  <si>
    <t>平日（月～金）</t>
    <rPh sb="0" eb="2">
      <t>ヘイジツ</t>
    </rPh>
    <rPh sb="3" eb="4">
      <t>ゲツ</t>
    </rPh>
    <rPh sb="5" eb="6">
      <t>キン</t>
    </rPh>
    <phoneticPr fontId="1"/>
  </si>
  <si>
    <t>9:00～17:00</t>
    <phoneticPr fontId="1"/>
  </si>
  <si>
    <t>044-233-5521</t>
    <phoneticPr fontId="1"/>
  </si>
  <si>
    <t>救急外来</t>
    <phoneticPr fontId="1"/>
  </si>
  <si>
    <t>044-233-5521</t>
    <phoneticPr fontId="1"/>
  </si>
  <si>
    <t>　ワンコインバス　直通川崎病院行き（病院正面玄関前）
　市バス　「教育文化会館前」徒歩5分
　臨港バス　「さつき橋」徒歩3分</t>
    <rPh sb="9" eb="11">
      <t>チョクツウ</t>
    </rPh>
    <rPh sb="11" eb="13">
      <t>カワサキ</t>
    </rPh>
    <rPh sb="13" eb="15">
      <t>ビョウイン</t>
    </rPh>
    <rPh sb="15" eb="16">
      <t>イ</t>
    </rPh>
    <rPh sb="18" eb="20">
      <t>ビョウイン</t>
    </rPh>
    <rPh sb="20" eb="22">
      <t>ショウメン</t>
    </rPh>
    <rPh sb="22" eb="24">
      <t>ゲンカン</t>
    </rPh>
    <rPh sb="24" eb="25">
      <t>マエ</t>
    </rPh>
    <rPh sb="28" eb="29">
      <t>シ</t>
    </rPh>
    <rPh sb="33" eb="35">
      <t>キョウイク</t>
    </rPh>
    <rPh sb="35" eb="37">
      <t>ブンカ</t>
    </rPh>
    <rPh sb="37" eb="39">
      <t>カイカン</t>
    </rPh>
    <rPh sb="39" eb="40">
      <t>マエ</t>
    </rPh>
    <rPh sb="41" eb="43">
      <t>トホ</t>
    </rPh>
    <rPh sb="44" eb="45">
      <t>フン</t>
    </rPh>
    <rPh sb="47" eb="49">
      <t>リンコウ</t>
    </rPh>
    <rPh sb="56" eb="57">
      <t>ハシ</t>
    </rPh>
    <rPh sb="58" eb="60">
      <t>トホ</t>
    </rPh>
    <rPh sb="61" eb="62">
      <t>フン</t>
    </rPh>
    <phoneticPr fontId="1"/>
  </si>
  <si>
    <t>川崎市川崎区新川通１２－１</t>
    <rPh sb="0" eb="3">
      <t>カワサキシ</t>
    </rPh>
    <rPh sb="3" eb="6">
      <t>カワサキク</t>
    </rPh>
    <rPh sb="6" eb="8">
      <t>シンカワ</t>
    </rPh>
    <rPh sb="8" eb="9">
      <t>トオ</t>
    </rPh>
    <phoneticPr fontId="1"/>
  </si>
  <si>
    <t>横浜市神奈川区三ツ沢西町１－１</t>
    <rPh sb="0" eb="3">
      <t>ヨコハマシ</t>
    </rPh>
    <rPh sb="3" eb="7">
      <t>カナガワク</t>
    </rPh>
    <rPh sb="7" eb="8">
      <t>ミ</t>
    </rPh>
    <rPh sb="9" eb="10">
      <t>ザワ</t>
    </rPh>
    <rPh sb="10" eb="11">
      <t>ニシ</t>
    </rPh>
    <rPh sb="11" eb="12">
      <t>マチ</t>
    </rPh>
    <phoneticPr fontId="1"/>
  </si>
  <si>
    <t>バス停「市民病院」下車　すぐ
・横浜駅西口から　市営87系統又は34系統（平日の日中のみ）
・東神奈川駅から　市営88系統（東神奈川駅西口～東横反町駅前～三ツ沢上町前～市民病院）
・保土ケ谷区内や相鉄線沿線から　208系統（横浜駅西口～和田町～市民病院）
バス停「三ツ沢総合グランド入口」下車　徒歩1分
・横浜駅西口から三ツ沢総合グランド経由のバスに乗車</t>
    <phoneticPr fontId="1"/>
  </si>
  <si>
    <t>総合受付または医事課</t>
    <rPh sb="0" eb="2">
      <t>ソウゴウ</t>
    </rPh>
    <rPh sb="2" eb="4">
      <t>ウケツケ</t>
    </rPh>
    <rPh sb="7" eb="10">
      <t>イジカ</t>
    </rPh>
    <phoneticPr fontId="1"/>
  </si>
  <si>
    <t>救急外来受付</t>
    <rPh sb="0" eb="2">
      <t>キュウキュウ</t>
    </rPh>
    <rPh sb="2" eb="4">
      <t>ガイライ</t>
    </rPh>
    <rPh sb="4" eb="6">
      <t>ウケツケ</t>
    </rPh>
    <phoneticPr fontId="1"/>
  </si>
  <si>
    <r>
      <t>045-316-4580　</t>
    </r>
    <r>
      <rPr>
        <sz val="10"/>
        <color rgb="FFFF0000"/>
        <rFont val="ＭＳ Ｐゴシック"/>
        <family val="3"/>
        <charset val="128"/>
      </rPr>
      <t>音声ガイダンス：１</t>
    </r>
    <rPh sb="13" eb="15">
      <t>オンセイ</t>
    </rPh>
    <phoneticPr fontId="1"/>
  </si>
  <si>
    <t>・（あれば）曝露源患者の血液</t>
    <rPh sb="6" eb="8">
      <t>バクロ</t>
    </rPh>
    <rPh sb="8" eb="9">
      <t>ゲン</t>
    </rPh>
    <rPh sb="9" eb="11">
      <t>カンジャ</t>
    </rPh>
    <rPh sb="12" eb="14">
      <t>ケツエキ</t>
    </rPh>
    <phoneticPr fontId="1"/>
  </si>
  <si>
    <t>院内感染対策室</t>
    <rPh sb="0" eb="2">
      <t>インナイ</t>
    </rPh>
    <rPh sb="2" eb="4">
      <t>カンセン</t>
    </rPh>
    <rPh sb="4" eb="6">
      <t>タイサク</t>
    </rPh>
    <rPh sb="6" eb="7">
      <t>シツ</t>
    </rPh>
    <phoneticPr fontId="1"/>
  </si>
  <si>
    <t>バス停「井田病院正門前」
東急東横線・目黒線・横浜市営地下鉄グリーンライン「日吉」駅
７番バス停　東急バス「さくらが丘行き」　約５分</t>
    <rPh sb="2" eb="3">
      <t>テイ</t>
    </rPh>
    <rPh sb="4" eb="6">
      <t>イダ</t>
    </rPh>
    <rPh sb="6" eb="8">
      <t>ビョウイン</t>
    </rPh>
    <rPh sb="8" eb="10">
      <t>セイモン</t>
    </rPh>
    <rPh sb="10" eb="11">
      <t>マエ</t>
    </rPh>
    <rPh sb="13" eb="15">
      <t>トウキュウ</t>
    </rPh>
    <rPh sb="15" eb="18">
      <t>トウヨコセン</t>
    </rPh>
    <rPh sb="19" eb="21">
      <t>メグロ</t>
    </rPh>
    <rPh sb="21" eb="22">
      <t>セン</t>
    </rPh>
    <rPh sb="23" eb="25">
      <t>ヨコハマ</t>
    </rPh>
    <rPh sb="25" eb="27">
      <t>シエイ</t>
    </rPh>
    <rPh sb="27" eb="30">
      <t>チカテツ</t>
    </rPh>
    <rPh sb="38" eb="40">
      <t>ヒヨシ</t>
    </rPh>
    <rPh sb="41" eb="42">
      <t>エキ</t>
    </rPh>
    <rPh sb="44" eb="45">
      <t>バン</t>
    </rPh>
    <rPh sb="47" eb="48">
      <t>テイ</t>
    </rPh>
    <rPh sb="49" eb="51">
      <t>トウキュウ</t>
    </rPh>
    <rPh sb="58" eb="59">
      <t>オカ</t>
    </rPh>
    <rPh sb="59" eb="60">
      <t>イ</t>
    </rPh>
    <rPh sb="63" eb="64">
      <t>ヤク</t>
    </rPh>
    <rPh sb="65" eb="66">
      <t>フン</t>
    </rPh>
    <phoneticPr fontId="1"/>
  </si>
  <si>
    <t>月～金　9:00～16:00
土曜日　9:00～12:00</t>
    <rPh sb="0" eb="1">
      <t>ツキ</t>
    </rPh>
    <rPh sb="2" eb="3">
      <t>キン</t>
    </rPh>
    <rPh sb="15" eb="18">
      <t>ドヨウビ</t>
    </rPh>
    <phoneticPr fontId="1"/>
  </si>
  <si>
    <t>平日（月～金・土曜日）</t>
    <rPh sb="0" eb="2">
      <t>ヘイジツ</t>
    </rPh>
    <rPh sb="3" eb="4">
      <t>ゲツ</t>
    </rPh>
    <rPh sb="5" eb="6">
      <t>キン</t>
    </rPh>
    <rPh sb="7" eb="10">
      <t>ドヨウビ</t>
    </rPh>
    <phoneticPr fontId="1"/>
  </si>
  <si>
    <t>当直
（救命救急・災害医療センター外来）</t>
    <phoneticPr fontId="1"/>
  </si>
  <si>
    <t xml:space="preserve">神奈中バス「北里大学病院・北里大学」
・相模大野駅北口　１・２・３番乗り場「北里大学・北里大学病院」行き
</t>
    <rPh sb="0" eb="1">
      <t>カミ</t>
    </rPh>
    <rPh sb="1" eb="2">
      <t>ナ</t>
    </rPh>
    <rPh sb="2" eb="3">
      <t>チュウ</t>
    </rPh>
    <rPh sb="6" eb="8">
      <t>キタザト</t>
    </rPh>
    <rPh sb="8" eb="10">
      <t>ダイガク</t>
    </rPh>
    <rPh sb="10" eb="12">
      <t>ビョウイン</t>
    </rPh>
    <rPh sb="13" eb="15">
      <t>キタザト</t>
    </rPh>
    <rPh sb="15" eb="17">
      <t>ダイガク</t>
    </rPh>
    <rPh sb="20" eb="25">
      <t>サガミオオノエキ</t>
    </rPh>
    <rPh sb="25" eb="27">
      <t>キタグチ</t>
    </rPh>
    <rPh sb="33" eb="34">
      <t>バン</t>
    </rPh>
    <rPh sb="34" eb="35">
      <t>ノ</t>
    </rPh>
    <rPh sb="36" eb="37">
      <t>バ</t>
    </rPh>
    <rPh sb="38" eb="40">
      <t>キタサト</t>
    </rPh>
    <rPh sb="40" eb="42">
      <t>ダイガク</t>
    </rPh>
    <rPh sb="43" eb="45">
      <t>キタサト</t>
    </rPh>
    <rPh sb="45" eb="47">
      <t>ダイガク</t>
    </rPh>
    <rPh sb="47" eb="49">
      <t>ビョウイン</t>
    </rPh>
    <rPh sb="50" eb="51">
      <t>イ</t>
    </rPh>
    <phoneticPr fontId="1"/>
  </si>
  <si>
    <t>「東海大学病院」バス停
・伊勢原駅南口　４番乗り場「東海大学病院」行き</t>
    <rPh sb="1" eb="3">
      <t>トウカイ</t>
    </rPh>
    <rPh sb="3" eb="5">
      <t>ダイガク</t>
    </rPh>
    <rPh sb="5" eb="7">
      <t>ビョウイン</t>
    </rPh>
    <rPh sb="10" eb="11">
      <t>テイ</t>
    </rPh>
    <rPh sb="13" eb="16">
      <t>イセハラ</t>
    </rPh>
    <rPh sb="16" eb="17">
      <t>エキ</t>
    </rPh>
    <rPh sb="17" eb="19">
      <t>ミナミグチ</t>
    </rPh>
    <rPh sb="21" eb="22">
      <t>バン</t>
    </rPh>
    <rPh sb="22" eb="23">
      <t>ノ</t>
    </rPh>
    <rPh sb="24" eb="25">
      <t>バ</t>
    </rPh>
    <rPh sb="26" eb="28">
      <t>トウカイ</t>
    </rPh>
    <rPh sb="28" eb="30">
      <t>ダイガク</t>
    </rPh>
    <rPh sb="30" eb="32">
      <t>ビョウイン</t>
    </rPh>
    <rPh sb="33" eb="34">
      <t>イ</t>
    </rPh>
    <phoneticPr fontId="1"/>
  </si>
  <si>
    <t>・（あれば）診察券</t>
  </si>
  <si>
    <t>内科系救急当番
（電話窓口は外来師長）</t>
    <phoneticPr fontId="1"/>
  </si>
  <si>
    <r>
      <rPr>
        <sz val="12"/>
        <rFont val="ＭＳ Ｐゴシック"/>
        <family val="3"/>
        <charset val="128"/>
      </rPr>
      <t xml:space="preserve">地方独立行政法人 神奈川県立病院機構
</t>
    </r>
    <r>
      <rPr>
        <sz val="26"/>
        <rFont val="ＭＳ Ｐゴシック"/>
        <family val="3"/>
        <charset val="128"/>
      </rPr>
      <t xml:space="preserve"> 神奈川県立こども医療センター</t>
    </r>
    <rPh sb="0" eb="2">
      <t>チホウ</t>
    </rPh>
    <rPh sb="2" eb="4">
      <t>ドクリツ</t>
    </rPh>
    <rPh sb="4" eb="6">
      <t>ギョウセイ</t>
    </rPh>
    <rPh sb="6" eb="8">
      <t>ホウジン</t>
    </rPh>
    <rPh sb="9" eb="14">
      <t>カナガワケンリツ</t>
    </rPh>
    <rPh sb="14" eb="16">
      <t>ビョウイン</t>
    </rPh>
    <rPh sb="16" eb="18">
      <t>キコウ</t>
    </rPh>
    <rPh sb="20" eb="25">
      <t>カナガワケンリツ</t>
    </rPh>
    <rPh sb="28" eb="30">
      <t>イリョウ</t>
    </rPh>
    <phoneticPr fontId="1"/>
  </si>
  <si>
    <t>バス停「日赤病院西」下車　徒歩１分</t>
    <rPh sb="2" eb="3">
      <t>テイ</t>
    </rPh>
    <rPh sb="4" eb="6">
      <t>ニッセキ</t>
    </rPh>
    <rPh sb="6" eb="8">
      <t>ビョウイン</t>
    </rPh>
    <rPh sb="8" eb="9">
      <t>ニシ</t>
    </rPh>
    <rPh sb="10" eb="12">
      <t>ゲシャ</t>
    </rPh>
    <rPh sb="13" eb="15">
      <t>トホ</t>
    </rPh>
    <rPh sb="16" eb="17">
      <t>フン</t>
    </rPh>
    <phoneticPr fontId="1"/>
  </si>
  <si>
    <t>橋本駅北口　１番乗り場「三ケ木」行き</t>
    <rPh sb="0" eb="2">
      <t>ハシモト</t>
    </rPh>
    <rPh sb="2" eb="3">
      <t>エキ</t>
    </rPh>
    <rPh sb="3" eb="5">
      <t>キタグチ</t>
    </rPh>
    <rPh sb="7" eb="8">
      <t>バン</t>
    </rPh>
    <rPh sb="8" eb="9">
      <t>ノ</t>
    </rPh>
    <rPh sb="10" eb="11">
      <t>バ</t>
    </rPh>
    <rPh sb="12" eb="15">
      <t>ミカゲ</t>
    </rPh>
    <rPh sb="16" eb="17">
      <t>イ</t>
    </rPh>
    <phoneticPr fontId="1"/>
  </si>
  <si>
    <t>小田急線「秦野」駅南口徒歩20分 / 神奈川中央交通バス「日赤病院前」下車「小原台入口」下車、徒歩5分</t>
    <rPh sb="0" eb="4">
      <t>オダキュウセン</t>
    </rPh>
    <rPh sb="5" eb="7">
      <t>ハダノ</t>
    </rPh>
    <rPh sb="8" eb="9">
      <t>エキ</t>
    </rPh>
    <rPh sb="9" eb="11">
      <t>ミナミグチ</t>
    </rPh>
    <rPh sb="11" eb="13">
      <t>トホ</t>
    </rPh>
    <rPh sb="15" eb="16">
      <t>プン</t>
    </rPh>
    <rPh sb="24" eb="26">
      <t>コウツウ</t>
    </rPh>
    <phoneticPr fontId="1"/>
  </si>
  <si>
    <t>感染対策室医師</t>
    <rPh sb="0" eb="2">
      <t>カンセン</t>
    </rPh>
    <rPh sb="2" eb="4">
      <t>タイサク</t>
    </rPh>
    <rPh sb="4" eb="5">
      <t>シツ</t>
    </rPh>
    <rPh sb="5" eb="7">
      <t>イシ</t>
    </rPh>
    <phoneticPr fontId="1"/>
  </si>
  <si>
    <r>
      <t xml:space="preserve">   </t>
    </r>
    <r>
      <rPr>
        <sz val="12"/>
        <color rgb="FFFF0000"/>
        <rFont val="ＭＳ Ｐゴシック"/>
        <family val="3"/>
        <charset val="128"/>
      </rPr>
      <t xml:space="preserve">（注意）　「抗HIV薬の予防的服用」は、原則として労災対応となります。事前
              に手続きの確認を行ってください。
      </t>
    </r>
    <r>
      <rPr>
        <sz val="14"/>
        <rFont val="ＭＳ Ｐゴシック"/>
        <family val="3"/>
        <charset val="128"/>
      </rPr>
      <t xml:space="preserve">
</t>
    </r>
    <phoneticPr fontId="1"/>
  </si>
  <si>
    <t xml:space="preserve">    </t>
    <phoneticPr fontId="1"/>
  </si>
  <si>
    <t>（参考リンク）HIVの労災について</t>
    <phoneticPr fontId="1"/>
  </si>
  <si>
    <t>相模原市南区北里１－１５－１</t>
    <rPh sb="0" eb="4">
      <t>サガミハラシ</t>
    </rPh>
    <rPh sb="4" eb="6">
      <t>ミナミク</t>
    </rPh>
    <rPh sb="6" eb="8">
      <t>キタザト</t>
    </rPh>
    <phoneticPr fontId="1"/>
  </si>
  <si>
    <t>伊勢原市下糟屋１４３</t>
    <rPh sb="0" eb="4">
      <t>イセハラシ</t>
    </rPh>
    <rPh sb="4" eb="5">
      <t>シモ</t>
    </rPh>
    <rPh sb="5" eb="6">
      <t>ソウ</t>
    </rPh>
    <rPh sb="6" eb="7">
      <t>ヤ</t>
    </rPh>
    <phoneticPr fontId="1"/>
  </si>
  <si>
    <t>横浜市中区新山下3丁目12番1号</t>
    <rPh sb="0" eb="3">
      <t>ヨコハマシ</t>
    </rPh>
    <rPh sb="3" eb="5">
      <t>ナカク</t>
    </rPh>
    <rPh sb="5" eb="8">
      <t>シンヤマシタ</t>
    </rPh>
    <rPh sb="9" eb="11">
      <t>チョウメ</t>
    </rPh>
    <rPh sb="13" eb="14">
      <t>バン</t>
    </rPh>
    <rPh sb="15" eb="16">
      <t>ゴウ</t>
    </rPh>
    <phoneticPr fontId="1"/>
  </si>
  <si>
    <t>横浜市南区六ツ川2-138-4</t>
    <rPh sb="0" eb="3">
      <t>ヨコハマシ</t>
    </rPh>
    <rPh sb="3" eb="5">
      <t>ミナミク</t>
    </rPh>
    <rPh sb="5" eb="6">
      <t>ム</t>
    </rPh>
    <rPh sb="7" eb="8">
      <t>カワ</t>
    </rPh>
    <phoneticPr fontId="1"/>
  </si>
  <si>
    <t>横浜市南区浦舟町４－５７</t>
    <rPh sb="0" eb="3">
      <t>ヨコハマシ</t>
    </rPh>
    <rPh sb="3" eb="5">
      <t>ミナミク</t>
    </rPh>
    <rPh sb="5" eb="8">
      <t>ウラフネチョウ</t>
    </rPh>
    <phoneticPr fontId="1"/>
  </si>
  <si>
    <t>小田急線「足柄」駅徒歩10分　／　大雄山線「井細田」駅徒歩10分
JR東海道線「小田原」駅徒歩20分</t>
    <phoneticPr fontId="1"/>
  </si>
  <si>
    <t>駐車場</t>
    <rPh sb="0" eb="3">
      <t>チュウシャジョウ</t>
    </rPh>
    <phoneticPr fontId="1"/>
  </si>
  <si>
    <t>なし</t>
    <phoneticPr fontId="1"/>
  </si>
  <si>
    <t>小田急線「本厚木」駅　徒歩約15分/北口よりバス「市立病院前」徒歩2分</t>
    <rPh sb="0" eb="4">
      <t>オダキュウセン</t>
    </rPh>
    <rPh sb="5" eb="8">
      <t>ホンアツギ</t>
    </rPh>
    <rPh sb="9" eb="10">
      <t>エキ</t>
    </rPh>
    <rPh sb="11" eb="13">
      <t>トホ</t>
    </rPh>
    <rPh sb="13" eb="14">
      <t>ヤク</t>
    </rPh>
    <rPh sb="16" eb="17">
      <t>フン</t>
    </rPh>
    <rPh sb="18" eb="20">
      <t>キタグチ</t>
    </rPh>
    <rPh sb="25" eb="27">
      <t>シリツ</t>
    </rPh>
    <rPh sb="27" eb="29">
      <t>ビョウイン</t>
    </rPh>
    <rPh sb="29" eb="30">
      <t>マエ</t>
    </rPh>
    <rPh sb="31" eb="33">
      <t>トホ</t>
    </rPh>
    <rPh sb="34" eb="35">
      <t>フン</t>
    </rPh>
    <phoneticPr fontId="1"/>
  </si>
  <si>
    <t>・紹介状または診療情報提供用紙</t>
  </si>
  <si>
    <t>土曜日・休日　全日
時間外　17:15～8:30</t>
    <rPh sb="0" eb="3">
      <t>ドヨウビ</t>
    </rPh>
    <rPh sb="4" eb="6">
      <t>キュウジツ</t>
    </rPh>
    <rPh sb="7" eb="9">
      <t>ゼンジツ</t>
    </rPh>
    <rPh sb="10" eb="12">
      <t>ジカン</t>
    </rPh>
    <rPh sb="12" eb="13">
      <t>ガイ</t>
    </rPh>
    <phoneticPr fontId="1"/>
  </si>
  <si>
    <r>
      <t xml:space="preserve">042-742-8311
</t>
    </r>
    <r>
      <rPr>
        <sz val="11"/>
        <rFont val="ＭＳ Ｐゴシック"/>
        <family val="3"/>
        <charset val="128"/>
      </rPr>
      <t>ガイダンスで「５」を押し、電話交換に「内科外来」に取り次ぐよう依頼</t>
    </r>
    <phoneticPr fontId="1"/>
  </si>
  <si>
    <t>045-316-4580　内線3640</t>
    <rPh sb="13" eb="15">
      <t>ナイセン</t>
    </rPh>
    <phoneticPr fontId="1"/>
  </si>
  <si>
    <t>月～金 8:30-17:00</t>
    <phoneticPr fontId="1"/>
  </si>
  <si>
    <t>感染制御部</t>
    <rPh sb="0" eb="2">
      <t>カンセン</t>
    </rPh>
    <rPh sb="2" eb="4">
      <t>セイギョ</t>
    </rPh>
    <rPh sb="4" eb="5">
      <t>ブ</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7">
    <font>
      <sz val="11"/>
      <name val="ＭＳ Ｐゴシック"/>
      <family val="3"/>
      <charset val="128"/>
    </font>
    <font>
      <sz val="6"/>
      <name val="ＭＳ Ｐゴシック"/>
      <family val="3"/>
      <charset val="128"/>
    </font>
    <font>
      <sz val="10"/>
      <name val="明朝"/>
      <family val="1"/>
      <charset val="128"/>
    </font>
    <font>
      <sz val="10"/>
      <name val="ＭＳ 明朝"/>
      <family val="1"/>
      <charset val="128"/>
    </font>
    <font>
      <u/>
      <sz val="22"/>
      <name val="ＭＳ Ｐゴシック"/>
      <family val="3"/>
      <charset val="128"/>
    </font>
    <font>
      <sz val="12"/>
      <name val="ＭＳ Ｐゴシック"/>
      <family val="3"/>
      <charset val="128"/>
    </font>
    <font>
      <sz val="18"/>
      <name val="ＭＳ Ｐゴシック"/>
      <family val="3"/>
      <charset val="128"/>
    </font>
    <font>
      <sz val="28"/>
      <name val="ＭＳ Ｐゴシック"/>
      <family val="3"/>
      <charset val="128"/>
    </font>
    <font>
      <sz val="13"/>
      <name val="ＭＳ Ｐゴシック"/>
      <family val="3"/>
      <charset val="128"/>
    </font>
    <font>
      <b/>
      <sz val="13"/>
      <name val="ＭＳ Ｐゴシック"/>
      <family val="3"/>
      <charset val="128"/>
    </font>
    <font>
      <sz val="14"/>
      <name val="ＭＳ Ｐゴシック"/>
      <family val="3"/>
      <charset val="128"/>
    </font>
    <font>
      <b/>
      <sz val="16"/>
      <name val="ＭＳ Ｐゴシック"/>
      <family val="3"/>
      <charset val="128"/>
    </font>
    <font>
      <b/>
      <sz val="16"/>
      <color rgb="FFFF0000"/>
      <name val="ＭＳ Ｐゴシック"/>
      <family val="3"/>
      <charset val="128"/>
    </font>
    <font>
      <b/>
      <sz val="13"/>
      <color rgb="FFFF0000"/>
      <name val="ＭＳ Ｐゴシック"/>
      <family val="3"/>
      <charset val="128"/>
    </font>
    <font>
      <sz val="13"/>
      <color rgb="FFFF0000"/>
      <name val="ＭＳ Ｐゴシック"/>
      <family val="3"/>
      <charset val="128"/>
    </font>
    <font>
      <sz val="14"/>
      <color rgb="FFFF0000"/>
      <name val="ＭＳ Ｐゴシック"/>
      <family val="3"/>
      <charset val="128"/>
    </font>
    <font>
      <u/>
      <sz val="14"/>
      <name val="ＭＳ Ｐゴシック"/>
      <family val="3"/>
      <charset val="128"/>
    </font>
    <font>
      <u/>
      <sz val="11"/>
      <color theme="10"/>
      <name val="ＭＳ Ｐゴシック"/>
      <family val="3"/>
      <charset val="128"/>
    </font>
    <font>
      <sz val="10.5"/>
      <name val="ＭＳ Ｐゴシック"/>
      <family val="3"/>
      <charset val="128"/>
    </font>
    <font>
      <sz val="10.5"/>
      <color rgb="FFFF0000"/>
      <name val="ＭＳ Ｐゴシック"/>
      <family val="3"/>
      <charset val="128"/>
    </font>
    <font>
      <sz val="14"/>
      <color rgb="FF333333"/>
      <name val="ＭＳ Ｐゴシック"/>
      <family val="3"/>
      <charset val="128"/>
      <scheme val="minor"/>
    </font>
    <font>
      <sz val="10"/>
      <color rgb="FFFF0000"/>
      <name val="ＭＳ Ｐゴシック"/>
      <family val="3"/>
      <charset val="128"/>
    </font>
    <font>
      <sz val="26"/>
      <name val="ＭＳ Ｐゴシック"/>
      <family val="3"/>
      <charset val="128"/>
    </font>
    <font>
      <sz val="12"/>
      <color rgb="FFFF0000"/>
      <name val="ＭＳ Ｐゴシック"/>
      <family val="3"/>
      <charset val="128"/>
    </font>
    <font>
      <b/>
      <u/>
      <sz val="12"/>
      <color theme="1"/>
      <name val="HG丸ｺﾞｼｯｸM-PRO"/>
      <family val="3"/>
      <charset val="128"/>
    </font>
    <font>
      <b/>
      <sz val="14"/>
      <name val="ＭＳ Ｐゴシック"/>
      <family val="3"/>
      <charset val="128"/>
    </font>
    <font>
      <b/>
      <sz val="11"/>
      <name val="ＭＳ Ｐゴシック"/>
      <family val="3"/>
      <charset val="128"/>
    </font>
  </fonts>
  <fills count="5">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rgb="FFFF4B21"/>
        <bgColor indexed="64"/>
      </patternFill>
    </fill>
  </fills>
  <borders count="26">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
      <left style="medium">
        <color auto="1"/>
      </left>
      <right style="medium">
        <color auto="1"/>
      </right>
      <top style="medium">
        <color auto="1"/>
      </top>
      <bottom style="thin">
        <color indexed="64"/>
      </bottom>
      <diagonal/>
    </border>
    <border>
      <left style="medium">
        <color auto="1"/>
      </left>
      <right style="thin">
        <color indexed="64"/>
      </right>
      <top style="thin">
        <color indexed="64"/>
      </top>
      <bottom/>
      <diagonal/>
    </border>
    <border>
      <left/>
      <right style="medium">
        <color indexed="64"/>
      </right>
      <top/>
      <bottom/>
      <diagonal/>
    </border>
    <border>
      <left style="medium">
        <color auto="1"/>
      </left>
      <right style="medium">
        <color auto="1"/>
      </right>
      <top/>
      <bottom/>
      <diagonal/>
    </border>
    <border>
      <left style="medium">
        <color auto="1"/>
      </left>
      <right style="thin">
        <color indexed="64"/>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style="medium">
        <color auto="1"/>
      </right>
      <top style="thin">
        <color indexed="64"/>
      </top>
      <bottom style="thin">
        <color indexed="64"/>
      </bottom>
      <diagonal/>
    </border>
    <border>
      <left style="medium">
        <color indexed="64"/>
      </left>
      <right style="thin">
        <color indexed="64"/>
      </right>
      <top/>
      <bottom style="medium">
        <color indexed="64"/>
      </bottom>
      <diagonal/>
    </border>
    <border>
      <left/>
      <right/>
      <top/>
      <bottom style="medium">
        <color indexed="64"/>
      </bottom>
      <diagonal/>
    </border>
    <border>
      <left/>
      <right style="medium">
        <color auto="1"/>
      </right>
      <top/>
      <bottom style="medium">
        <color auto="1"/>
      </bottom>
      <diagonal/>
    </border>
    <border>
      <left style="medium">
        <color auto="1"/>
      </left>
      <right style="medium">
        <color auto="1"/>
      </right>
      <top/>
      <bottom style="medium">
        <color auto="1"/>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auto="1"/>
      </left>
      <right/>
      <top/>
      <bottom style="medium">
        <color auto="1"/>
      </bottom>
      <diagonal/>
    </border>
    <border>
      <left style="medium">
        <color auto="1"/>
      </left>
      <right style="medium">
        <color auto="1"/>
      </right>
      <top style="medium">
        <color auto="1"/>
      </top>
      <bottom/>
      <diagonal/>
    </border>
    <border>
      <left/>
      <right/>
      <top style="medium">
        <color auto="1"/>
      </top>
      <bottom style="medium">
        <color auto="1"/>
      </bottom>
      <diagonal/>
    </border>
    <border>
      <left/>
      <right/>
      <top style="thin">
        <color indexed="64"/>
      </top>
      <bottom style="medium">
        <color auto="1"/>
      </bottom>
      <diagonal/>
    </border>
    <border>
      <left/>
      <right style="medium">
        <color auto="1"/>
      </right>
      <top style="thin">
        <color indexed="64"/>
      </top>
      <bottom style="medium">
        <color auto="1"/>
      </bottom>
      <diagonal/>
    </border>
    <border>
      <left style="medium">
        <color indexed="64"/>
      </left>
      <right/>
      <top/>
      <bottom/>
      <diagonal/>
    </border>
    <border>
      <left style="thin">
        <color indexed="64"/>
      </left>
      <right/>
      <top style="thin">
        <color indexed="64"/>
      </top>
      <bottom style="thin">
        <color indexed="64"/>
      </bottom>
      <diagonal/>
    </border>
  </borders>
  <cellStyleXfs count="3">
    <xf numFmtId="0" fontId="0" fillId="0" borderId="0"/>
    <xf numFmtId="0" fontId="2" fillId="0" borderId="0"/>
    <xf numFmtId="0" fontId="17" fillId="0" borderId="0" applyNumberFormat="0" applyFill="0" applyBorder="0" applyAlignment="0" applyProtection="0">
      <alignment vertical="top"/>
      <protection locked="0"/>
    </xf>
  </cellStyleXfs>
  <cellXfs count="188">
    <xf numFmtId="0" fontId="0" fillId="0" borderId="0" xfId="0"/>
    <xf numFmtId="0" fontId="0" fillId="2" borderId="0" xfId="0" applyFill="1"/>
    <xf numFmtId="0" fontId="3" fillId="2" borderId="0" xfId="1" applyFont="1" applyFill="1"/>
    <xf numFmtId="0" fontId="5" fillId="2" borderId="0" xfId="0" applyFont="1" applyFill="1" applyAlignment="1">
      <alignment vertical="center"/>
    </xf>
    <xf numFmtId="0" fontId="0" fillId="2" borderId="0" xfId="0" applyFill="1" applyAlignment="1">
      <alignment vertical="center"/>
    </xf>
    <xf numFmtId="0" fontId="0" fillId="0" borderId="0" xfId="0" applyAlignment="1">
      <alignment vertical="center"/>
    </xf>
    <xf numFmtId="0" fontId="8" fillId="3" borderId="1" xfId="0" applyFont="1" applyFill="1" applyBorder="1" applyAlignment="1">
      <alignment horizontal="center" vertical="center" wrapText="1"/>
    </xf>
    <xf numFmtId="0" fontId="8" fillId="4" borderId="1" xfId="0" applyFont="1" applyFill="1" applyBorder="1" applyAlignment="1">
      <alignment horizontal="center" vertical="center" wrapText="1"/>
    </xf>
    <xf numFmtId="0" fontId="5" fillId="0" borderId="0" xfId="0" applyFont="1" applyAlignment="1">
      <alignment vertical="top" wrapText="1"/>
    </xf>
    <xf numFmtId="0" fontId="9" fillId="2" borderId="1" xfId="0" applyFont="1" applyFill="1" applyBorder="1" applyAlignment="1">
      <alignment horizontal="center" vertical="center"/>
    </xf>
    <xf numFmtId="0" fontId="8" fillId="2" borderId="2" xfId="0" applyFont="1" applyFill="1" applyBorder="1" applyAlignment="1">
      <alignment horizontal="center" vertical="center"/>
    </xf>
    <xf numFmtId="0" fontId="10" fillId="0" borderId="0" xfId="0" applyFont="1" applyAlignment="1">
      <alignment vertical="center"/>
    </xf>
    <xf numFmtId="0" fontId="10" fillId="0" borderId="0" xfId="0" applyFont="1" applyAlignment="1">
      <alignment horizontal="left" vertical="center"/>
    </xf>
    <xf numFmtId="0" fontId="0" fillId="0" borderId="0" xfId="0" applyAlignment="1">
      <alignment horizontal="left" vertical="center"/>
    </xf>
    <xf numFmtId="0" fontId="9" fillId="2" borderId="5" xfId="0" applyFont="1" applyFill="1" applyBorder="1" applyAlignment="1">
      <alignment horizontal="center" vertical="center"/>
    </xf>
    <xf numFmtId="0" fontId="8" fillId="2" borderId="0" xfId="0" applyFont="1" applyFill="1" applyBorder="1" applyAlignment="1">
      <alignment horizontal="center" vertical="center"/>
    </xf>
    <xf numFmtId="0" fontId="13" fillId="2" borderId="5" xfId="0" applyFont="1" applyFill="1" applyBorder="1" applyAlignment="1">
      <alignment horizontal="center" vertical="center"/>
    </xf>
    <xf numFmtId="0" fontId="14" fillId="2" borderId="0" xfId="0" applyFont="1" applyFill="1" applyBorder="1" applyAlignment="1">
      <alignment horizontal="center" vertical="center"/>
    </xf>
    <xf numFmtId="0" fontId="9" fillId="2" borderId="8" xfId="0" applyFont="1" applyFill="1" applyBorder="1" applyAlignment="1">
      <alignment horizontal="center" vertical="center"/>
    </xf>
    <xf numFmtId="0" fontId="8" fillId="2" borderId="9" xfId="0" applyFont="1" applyFill="1" applyBorder="1" applyAlignment="1">
      <alignment horizontal="center" vertical="center"/>
    </xf>
    <xf numFmtId="0" fontId="13" fillId="2" borderId="8" xfId="0" applyFont="1" applyFill="1" applyBorder="1" applyAlignment="1">
      <alignment horizontal="center" vertical="center"/>
    </xf>
    <xf numFmtId="0" fontId="14" fillId="2" borderId="9" xfId="0" applyFont="1" applyFill="1" applyBorder="1" applyAlignment="1">
      <alignment horizontal="center" vertical="center"/>
    </xf>
    <xf numFmtId="0" fontId="9" fillId="2" borderId="12" xfId="0" applyFont="1" applyFill="1" applyBorder="1" applyAlignment="1">
      <alignment horizontal="center" vertical="center"/>
    </xf>
    <xf numFmtId="0" fontId="8" fillId="2" borderId="13" xfId="0" applyFont="1" applyFill="1" applyBorder="1" applyAlignment="1">
      <alignment horizontal="center" vertical="center"/>
    </xf>
    <xf numFmtId="0" fontId="13" fillId="2" borderId="12" xfId="0" applyFont="1" applyFill="1" applyBorder="1" applyAlignment="1">
      <alignment horizontal="center" vertical="center"/>
    </xf>
    <xf numFmtId="0" fontId="14" fillId="2" borderId="13" xfId="0" applyFont="1" applyFill="1" applyBorder="1" applyAlignment="1">
      <alignment horizontal="center" vertical="center"/>
    </xf>
    <xf numFmtId="0" fontId="10" fillId="2" borderId="16" xfId="0" applyFont="1" applyFill="1" applyBorder="1" applyAlignment="1">
      <alignment horizontal="left" vertical="center"/>
    </xf>
    <xf numFmtId="0" fontId="10" fillId="2" borderId="17" xfId="0" applyFont="1" applyFill="1" applyBorder="1" applyAlignment="1">
      <alignment horizontal="left" vertical="center"/>
    </xf>
    <xf numFmtId="0" fontId="10" fillId="2" borderId="18" xfId="0" applyFont="1" applyFill="1" applyBorder="1" applyAlignment="1">
      <alignment horizontal="left" vertical="center"/>
    </xf>
    <xf numFmtId="0" fontId="10" fillId="2" borderId="19" xfId="0" applyFont="1" applyFill="1" applyBorder="1" applyAlignment="1">
      <alignment horizontal="left" vertical="center"/>
    </xf>
    <xf numFmtId="0" fontId="10" fillId="2" borderId="13" xfId="0" applyFont="1" applyFill="1" applyBorder="1" applyAlignment="1">
      <alignment horizontal="left" vertical="center"/>
    </xf>
    <xf numFmtId="0" fontId="10" fillId="2" borderId="14" xfId="0" applyFont="1" applyFill="1" applyBorder="1" applyAlignment="1">
      <alignment horizontal="left" vertical="center"/>
    </xf>
    <xf numFmtId="0" fontId="6" fillId="0" borderId="0" xfId="0" applyFont="1" applyAlignment="1">
      <alignment horizontal="left" vertical="center"/>
    </xf>
    <xf numFmtId="0" fontId="10" fillId="0" borderId="0" xfId="0" applyFont="1"/>
    <xf numFmtId="0" fontId="8" fillId="0" borderId="1" xfId="0" applyFont="1" applyFill="1" applyBorder="1" applyAlignment="1">
      <alignment horizontal="center" vertical="center" wrapText="1"/>
    </xf>
    <xf numFmtId="0" fontId="8" fillId="2" borderId="16" xfId="0" applyFont="1" applyFill="1" applyBorder="1" applyAlignment="1">
      <alignment horizontal="center" vertical="center"/>
    </xf>
    <xf numFmtId="0" fontId="8" fillId="2" borderId="19" xfId="0" applyFont="1" applyFill="1" applyBorder="1" applyAlignment="1">
      <alignment horizontal="center" vertical="center"/>
    </xf>
    <xf numFmtId="0" fontId="10" fillId="2" borderId="13" xfId="0" applyFont="1" applyFill="1" applyBorder="1" applyAlignment="1">
      <alignment vertical="center"/>
    </xf>
    <xf numFmtId="0" fontId="0" fillId="0" borderId="13" xfId="0" applyBorder="1" applyAlignment="1">
      <alignment horizontal="left" vertical="center"/>
    </xf>
    <xf numFmtId="0" fontId="10" fillId="2" borderId="14" xfId="0" applyFont="1" applyFill="1" applyBorder="1" applyAlignment="1">
      <alignment vertical="center"/>
    </xf>
    <xf numFmtId="0" fontId="10" fillId="2" borderId="21" xfId="0" applyFont="1" applyFill="1" applyBorder="1" applyAlignment="1">
      <alignment vertical="center"/>
    </xf>
    <xf numFmtId="0" fontId="10" fillId="2" borderId="3" xfId="0" applyFont="1" applyFill="1" applyBorder="1" applyAlignment="1">
      <alignment vertical="center"/>
    </xf>
    <xf numFmtId="0" fontId="0" fillId="2" borderId="0" xfId="0" applyFill="1" applyBorder="1" applyAlignment="1"/>
    <xf numFmtId="0" fontId="17" fillId="2" borderId="0" xfId="2" applyFill="1" applyAlignment="1" applyProtection="1">
      <alignment horizontal="right"/>
    </xf>
    <xf numFmtId="0" fontId="10" fillId="2" borderId="14" xfId="0" applyFont="1" applyFill="1" applyBorder="1" applyAlignment="1">
      <alignment horizontal="left" vertical="center"/>
    </xf>
    <xf numFmtId="0" fontId="10" fillId="2" borderId="18" xfId="0" applyFont="1" applyFill="1" applyBorder="1" applyAlignment="1">
      <alignment horizontal="left" vertical="center"/>
    </xf>
    <xf numFmtId="0" fontId="5" fillId="2" borderId="17" xfId="0" applyFont="1" applyFill="1" applyBorder="1" applyAlignment="1">
      <alignment horizontal="left" vertical="center"/>
    </xf>
    <xf numFmtId="0" fontId="5" fillId="2" borderId="13" xfId="0" applyFont="1" applyFill="1" applyBorder="1" applyAlignment="1">
      <alignment horizontal="left" vertical="center"/>
    </xf>
    <xf numFmtId="0" fontId="17" fillId="0" borderId="13" xfId="2" applyBorder="1" applyAlignment="1" applyProtection="1"/>
    <xf numFmtId="0" fontId="17" fillId="0" borderId="13" xfId="2" applyBorder="1" applyAlignment="1" applyProtection="1">
      <alignment horizontal="right"/>
    </xf>
    <xf numFmtId="0" fontId="10" fillId="0" borderId="0" xfId="0" applyFont="1" applyAlignment="1">
      <alignment horizontal="center" vertical="center"/>
    </xf>
    <xf numFmtId="0" fontId="10" fillId="0" borderId="0" xfId="0" applyFont="1" applyAlignment="1">
      <alignment horizontal="left"/>
    </xf>
    <xf numFmtId="0" fontId="5" fillId="2" borderId="13" xfId="0" applyFont="1" applyFill="1" applyBorder="1" applyAlignment="1">
      <alignment horizontal="left" vertical="center"/>
    </xf>
    <xf numFmtId="0" fontId="10" fillId="2" borderId="14" xfId="0" applyFont="1" applyFill="1" applyBorder="1" applyAlignment="1">
      <alignment horizontal="left" vertical="center"/>
    </xf>
    <xf numFmtId="0" fontId="10" fillId="2" borderId="18" xfId="0" applyFont="1" applyFill="1" applyBorder="1" applyAlignment="1">
      <alignment horizontal="left" vertical="center"/>
    </xf>
    <xf numFmtId="0" fontId="5" fillId="2" borderId="17" xfId="0" applyFont="1" applyFill="1" applyBorder="1" applyAlignment="1">
      <alignment horizontal="left" vertical="center"/>
    </xf>
    <xf numFmtId="0" fontId="5" fillId="2" borderId="13" xfId="0" applyFont="1" applyFill="1" applyBorder="1" applyAlignment="1">
      <alignment horizontal="left" vertical="center"/>
    </xf>
    <xf numFmtId="0" fontId="10" fillId="2" borderId="16" xfId="0" applyFont="1" applyFill="1" applyBorder="1" applyAlignment="1">
      <alignment horizontal="left" vertical="center"/>
    </xf>
    <xf numFmtId="0" fontId="10" fillId="2" borderId="17" xfId="0" applyFont="1" applyFill="1" applyBorder="1" applyAlignment="1">
      <alignment horizontal="left" vertical="center"/>
    </xf>
    <xf numFmtId="0" fontId="10" fillId="2" borderId="19" xfId="0" applyFont="1" applyFill="1" applyBorder="1" applyAlignment="1">
      <alignment horizontal="left" vertical="center"/>
    </xf>
    <xf numFmtId="0" fontId="10" fillId="2" borderId="13" xfId="0" applyFont="1" applyFill="1" applyBorder="1" applyAlignment="1">
      <alignment horizontal="left" vertical="center"/>
    </xf>
    <xf numFmtId="0" fontId="17" fillId="0" borderId="0" xfId="2" applyAlignment="1" applyProtection="1">
      <alignment horizontal="right"/>
    </xf>
    <xf numFmtId="0" fontId="10" fillId="2" borderId="14" xfId="0" applyFont="1" applyFill="1" applyBorder="1" applyAlignment="1">
      <alignment horizontal="left" vertical="center"/>
    </xf>
    <xf numFmtId="0" fontId="10" fillId="2" borderId="18" xfId="0" applyFont="1" applyFill="1" applyBorder="1" applyAlignment="1">
      <alignment horizontal="left" vertical="center"/>
    </xf>
    <xf numFmtId="0" fontId="5" fillId="2" borderId="17" xfId="0" applyFont="1" applyFill="1" applyBorder="1" applyAlignment="1">
      <alignment horizontal="left" vertical="center"/>
    </xf>
    <xf numFmtId="0" fontId="5" fillId="2" borderId="13" xfId="0" applyFont="1" applyFill="1" applyBorder="1" applyAlignment="1">
      <alignment horizontal="left" vertical="center"/>
    </xf>
    <xf numFmtId="0" fontId="10" fillId="2" borderId="16" xfId="0" applyFont="1" applyFill="1" applyBorder="1" applyAlignment="1">
      <alignment horizontal="left" vertical="center"/>
    </xf>
    <xf numFmtId="0" fontId="10" fillId="2" borderId="17" xfId="0" applyFont="1" applyFill="1" applyBorder="1" applyAlignment="1">
      <alignment horizontal="left" vertical="center"/>
    </xf>
    <xf numFmtId="0" fontId="10" fillId="2" borderId="19" xfId="0" applyFont="1" applyFill="1" applyBorder="1" applyAlignment="1">
      <alignment horizontal="left" vertical="center"/>
    </xf>
    <xf numFmtId="0" fontId="10" fillId="2" borderId="13" xfId="0" applyFont="1" applyFill="1" applyBorder="1" applyAlignment="1">
      <alignment horizontal="left" vertical="center"/>
    </xf>
    <xf numFmtId="0" fontId="10" fillId="2" borderId="14" xfId="0" applyFont="1" applyFill="1" applyBorder="1" applyAlignment="1">
      <alignment horizontal="left" vertical="center"/>
    </xf>
    <xf numFmtId="0" fontId="10" fillId="2" borderId="18" xfId="0" applyFont="1" applyFill="1" applyBorder="1" applyAlignment="1">
      <alignment horizontal="left" vertical="center"/>
    </xf>
    <xf numFmtId="0" fontId="5" fillId="2" borderId="17" xfId="0" applyFont="1" applyFill="1" applyBorder="1" applyAlignment="1">
      <alignment horizontal="left" vertical="center"/>
    </xf>
    <xf numFmtId="0" fontId="5" fillId="2" borderId="13" xfId="0" applyFont="1" applyFill="1" applyBorder="1" applyAlignment="1">
      <alignment horizontal="left" vertical="center"/>
    </xf>
    <xf numFmtId="0" fontId="10" fillId="2" borderId="16" xfId="0" applyFont="1" applyFill="1" applyBorder="1" applyAlignment="1">
      <alignment horizontal="left" vertical="center"/>
    </xf>
    <xf numFmtId="0" fontId="10" fillId="2" borderId="17" xfId="0" applyFont="1" applyFill="1" applyBorder="1" applyAlignment="1">
      <alignment horizontal="left" vertical="center"/>
    </xf>
    <xf numFmtId="0" fontId="10" fillId="2" borderId="19" xfId="0" applyFont="1" applyFill="1" applyBorder="1" applyAlignment="1">
      <alignment horizontal="left" vertical="center"/>
    </xf>
    <xf numFmtId="0" fontId="10" fillId="2" borderId="13" xfId="0" applyFont="1" applyFill="1" applyBorder="1" applyAlignment="1">
      <alignment horizontal="left" vertical="center"/>
    </xf>
    <xf numFmtId="0" fontId="10" fillId="0" borderId="24" xfId="0" applyFont="1" applyBorder="1" applyAlignment="1">
      <alignment vertical="center" wrapText="1"/>
    </xf>
    <xf numFmtId="0" fontId="10" fillId="0" borderId="0" xfId="0" applyFont="1" applyBorder="1" applyAlignment="1">
      <alignment vertical="center" wrapText="1"/>
    </xf>
    <xf numFmtId="0" fontId="5" fillId="2" borderId="17" xfId="0" applyFont="1" applyFill="1" applyBorder="1" applyAlignment="1">
      <alignment horizontal="left" vertical="center"/>
    </xf>
    <xf numFmtId="0" fontId="5" fillId="2" borderId="18" xfId="0" applyFont="1" applyFill="1" applyBorder="1" applyAlignment="1">
      <alignment horizontal="left" vertical="center"/>
    </xf>
    <xf numFmtId="0" fontId="5" fillId="2" borderId="24" xfId="0" applyFont="1" applyFill="1" applyBorder="1" applyAlignment="1">
      <alignment horizontal="left" vertical="center"/>
    </xf>
    <xf numFmtId="0" fontId="5" fillId="2" borderId="0" xfId="0" applyFont="1" applyFill="1" applyBorder="1" applyAlignment="1">
      <alignment horizontal="left" vertical="center"/>
    </xf>
    <xf numFmtId="0" fontId="5" fillId="2" borderId="13" xfId="0" applyFont="1" applyFill="1" applyBorder="1" applyAlignment="1">
      <alignment horizontal="left" vertical="center"/>
    </xf>
    <xf numFmtId="0" fontId="5" fillId="2" borderId="14" xfId="0" applyFont="1" applyFill="1" applyBorder="1" applyAlignment="1">
      <alignment horizontal="left" vertical="center"/>
    </xf>
    <xf numFmtId="0" fontId="10" fillId="2" borderId="17" xfId="0" applyFont="1" applyFill="1" applyBorder="1" applyAlignment="1">
      <alignment horizontal="left" vertical="center"/>
    </xf>
    <xf numFmtId="0" fontId="10" fillId="2" borderId="19" xfId="0" applyFont="1" applyFill="1" applyBorder="1" applyAlignment="1">
      <alignment horizontal="left" vertical="center"/>
    </xf>
    <xf numFmtId="0" fontId="10" fillId="2" borderId="13" xfId="0" applyFont="1" applyFill="1" applyBorder="1" applyAlignment="1">
      <alignment horizontal="left" vertical="center"/>
    </xf>
    <xf numFmtId="0" fontId="10" fillId="2" borderId="16" xfId="0" applyFont="1" applyFill="1" applyBorder="1" applyAlignment="1">
      <alignment horizontal="left" vertical="center"/>
    </xf>
    <xf numFmtId="0" fontId="5" fillId="2" borderId="2" xfId="0" applyFont="1" applyFill="1" applyBorder="1" applyAlignment="1">
      <alignment horizontal="center" vertical="center"/>
    </xf>
    <xf numFmtId="0" fontId="25" fillId="0" borderId="0" xfId="0" applyFont="1" applyAlignment="1">
      <alignment horizontal="left" vertical="center"/>
    </xf>
    <xf numFmtId="0" fontId="26" fillId="0" borderId="0" xfId="0" applyFont="1" applyAlignment="1">
      <alignment horizontal="left" vertical="center"/>
    </xf>
    <xf numFmtId="0" fontId="15" fillId="2" borderId="13" xfId="0" applyFont="1" applyFill="1" applyBorder="1" applyAlignment="1">
      <alignment horizontal="center" vertical="center"/>
    </xf>
    <xf numFmtId="0" fontId="10" fillId="2" borderId="14" xfId="0" applyFont="1" applyFill="1" applyBorder="1" applyAlignment="1">
      <alignment horizontal="left" vertical="center"/>
    </xf>
    <xf numFmtId="0" fontId="5" fillId="2" borderId="17" xfId="0" applyFont="1" applyFill="1" applyBorder="1" applyAlignment="1">
      <alignment horizontal="left" vertical="center"/>
    </xf>
    <xf numFmtId="0" fontId="5" fillId="2" borderId="13" xfId="0" applyFont="1" applyFill="1" applyBorder="1" applyAlignment="1">
      <alignment horizontal="left" vertical="center"/>
    </xf>
    <xf numFmtId="0" fontId="10" fillId="2" borderId="17" xfId="0" applyFont="1" applyFill="1" applyBorder="1" applyAlignment="1">
      <alignment horizontal="left" vertical="center"/>
    </xf>
    <xf numFmtId="0" fontId="10" fillId="2" borderId="18" xfId="0" applyFont="1" applyFill="1" applyBorder="1" applyAlignment="1">
      <alignment horizontal="left" vertical="center"/>
    </xf>
    <xf numFmtId="0" fontId="10" fillId="2" borderId="19" xfId="0" applyFont="1" applyFill="1" applyBorder="1" applyAlignment="1">
      <alignment horizontal="left" vertical="center"/>
    </xf>
    <xf numFmtId="0" fontId="10" fillId="2" borderId="13" xfId="0" applyFont="1" applyFill="1" applyBorder="1" applyAlignment="1">
      <alignment horizontal="left" vertical="center"/>
    </xf>
    <xf numFmtId="0" fontId="10" fillId="2" borderId="16" xfId="0" applyFont="1" applyFill="1" applyBorder="1" applyAlignment="1">
      <alignment horizontal="left" vertical="center"/>
    </xf>
    <xf numFmtId="0" fontId="0" fillId="2" borderId="0" xfId="0" applyFill="1" applyBorder="1" applyAlignment="1">
      <alignment horizontal="center"/>
    </xf>
    <xf numFmtId="0" fontId="4" fillId="2" borderId="0" xfId="0" applyFont="1" applyFill="1" applyAlignment="1">
      <alignment horizontal="left" vertical="center"/>
    </xf>
    <xf numFmtId="0" fontId="10" fillId="2" borderId="0" xfId="0" applyFont="1" applyFill="1" applyBorder="1" applyAlignment="1">
      <alignment horizontal="center" vertical="center"/>
    </xf>
    <xf numFmtId="0" fontId="10" fillId="0" borderId="24" xfId="0" applyFont="1" applyBorder="1" applyAlignment="1">
      <alignment horizontal="left" vertical="center" wrapText="1"/>
    </xf>
    <xf numFmtId="0" fontId="10" fillId="0" borderId="0" xfId="0" applyFont="1" applyBorder="1" applyAlignment="1">
      <alignment horizontal="left" vertical="center" wrapText="1"/>
    </xf>
    <xf numFmtId="0" fontId="24" fillId="0" borderId="0" xfId="2" applyFont="1" applyBorder="1" applyAlignment="1" applyProtection="1">
      <alignment horizontal="left" vertical="center" wrapText="1"/>
    </xf>
    <xf numFmtId="0" fontId="5" fillId="0" borderId="1" xfId="0" applyFont="1" applyBorder="1" applyAlignment="1">
      <alignment horizontal="left" vertical="center" wrapText="1"/>
    </xf>
    <xf numFmtId="0" fontId="10" fillId="2" borderId="3" xfId="0" applyFont="1" applyFill="1" applyBorder="1" applyAlignment="1">
      <alignment horizontal="left" vertical="center"/>
    </xf>
    <xf numFmtId="0" fontId="10" fillId="2" borderId="1" xfId="0" applyFont="1" applyFill="1" applyBorder="1" applyAlignment="1">
      <alignment horizontal="left" vertical="center"/>
    </xf>
    <xf numFmtId="0" fontId="11" fillId="2" borderId="4" xfId="0" applyFont="1" applyFill="1" applyBorder="1" applyAlignment="1">
      <alignment horizontal="left" vertical="center"/>
    </xf>
    <xf numFmtId="0" fontId="12" fillId="2" borderId="4" xfId="0" applyFont="1" applyFill="1" applyBorder="1" applyAlignment="1">
      <alignment horizontal="left" vertical="center"/>
    </xf>
    <xf numFmtId="0" fontId="10" fillId="2" borderId="6" xfId="0" applyFont="1" applyFill="1" applyBorder="1" applyAlignment="1">
      <alignment horizontal="left" vertical="center"/>
    </xf>
    <xf numFmtId="0" fontId="10" fillId="2" borderId="7" xfId="0" applyFont="1" applyFill="1" applyBorder="1" applyAlignment="1">
      <alignment horizontal="left" vertical="center"/>
    </xf>
    <xf numFmtId="0" fontId="15" fillId="2" borderId="6" xfId="0" applyFont="1" applyFill="1" applyBorder="1" applyAlignment="1">
      <alignment horizontal="left" vertical="center"/>
    </xf>
    <xf numFmtId="0" fontId="15" fillId="2" borderId="7" xfId="0" applyFont="1" applyFill="1" applyBorder="1" applyAlignment="1">
      <alignment horizontal="left" vertical="center"/>
    </xf>
    <xf numFmtId="0" fontId="10" fillId="2" borderId="10" xfId="0" applyFont="1" applyFill="1" applyBorder="1" applyAlignment="1">
      <alignment horizontal="left" vertical="center"/>
    </xf>
    <xf numFmtId="0" fontId="10" fillId="2" borderId="11" xfId="0" applyFont="1" applyFill="1" applyBorder="1" applyAlignment="1">
      <alignment horizontal="left" vertical="center"/>
    </xf>
    <xf numFmtId="0" fontId="15" fillId="2" borderId="10" xfId="0" applyFont="1" applyFill="1" applyBorder="1" applyAlignment="1">
      <alignment horizontal="left" vertical="center"/>
    </xf>
    <xf numFmtId="0" fontId="15" fillId="2" borderId="11" xfId="0" applyFont="1" applyFill="1" applyBorder="1" applyAlignment="1">
      <alignment horizontal="left" vertical="center"/>
    </xf>
    <xf numFmtId="0" fontId="10" fillId="2" borderId="14" xfId="0" applyFont="1" applyFill="1" applyBorder="1" applyAlignment="1">
      <alignment horizontal="left" vertical="center"/>
    </xf>
    <xf numFmtId="0" fontId="10" fillId="2" borderId="15" xfId="0" applyFont="1" applyFill="1" applyBorder="1" applyAlignment="1">
      <alignment horizontal="left" vertical="center"/>
    </xf>
    <xf numFmtId="0" fontId="15" fillId="2" borderId="14" xfId="0" applyFont="1" applyFill="1" applyBorder="1" applyAlignment="1">
      <alignment horizontal="left" vertical="center"/>
    </xf>
    <xf numFmtId="0" fontId="15" fillId="2" borderId="15" xfId="0" applyFont="1" applyFill="1" applyBorder="1" applyAlignment="1">
      <alignment horizontal="left" vertical="center"/>
    </xf>
    <xf numFmtId="0" fontId="7" fillId="0" borderId="1" xfId="0" applyFont="1" applyBorder="1" applyAlignment="1">
      <alignment horizontal="left" vertical="center" wrapText="1"/>
    </xf>
    <xf numFmtId="0" fontId="9" fillId="2" borderId="18" xfId="0" applyFont="1" applyFill="1" applyBorder="1" applyAlignment="1">
      <alignment horizontal="center" vertical="center"/>
    </xf>
    <xf numFmtId="0" fontId="9" fillId="2" borderId="6" xfId="0" applyFont="1" applyFill="1" applyBorder="1" applyAlignment="1">
      <alignment horizontal="center" vertical="center"/>
    </xf>
    <xf numFmtId="0" fontId="5" fillId="2" borderId="2" xfId="0" applyFont="1" applyFill="1" applyBorder="1" applyAlignment="1">
      <alignment horizontal="left" vertical="center"/>
    </xf>
    <xf numFmtId="0" fontId="5" fillId="2" borderId="3" xfId="0" applyFont="1" applyFill="1" applyBorder="1" applyAlignment="1">
      <alignment horizontal="left" vertical="center"/>
    </xf>
    <xf numFmtId="0" fontId="10" fillId="2" borderId="16" xfId="0" applyFont="1" applyFill="1" applyBorder="1" applyAlignment="1">
      <alignment horizontal="left" vertical="center" wrapText="1"/>
    </xf>
    <xf numFmtId="0" fontId="10" fillId="2" borderId="17" xfId="0" applyFont="1" applyFill="1" applyBorder="1" applyAlignment="1">
      <alignment horizontal="left" vertical="center" wrapText="1"/>
    </xf>
    <xf numFmtId="0" fontId="10" fillId="2" borderId="18" xfId="0" applyFont="1" applyFill="1" applyBorder="1" applyAlignment="1">
      <alignment horizontal="left" vertical="center" wrapText="1"/>
    </xf>
    <xf numFmtId="0" fontId="9" fillId="2" borderId="20" xfId="0" applyFont="1" applyFill="1" applyBorder="1" applyAlignment="1">
      <alignment horizontal="center" vertical="center"/>
    </xf>
    <xf numFmtId="0" fontId="9" fillId="2" borderId="15" xfId="0" applyFont="1" applyFill="1" applyBorder="1" applyAlignment="1">
      <alignment horizontal="center" vertical="center"/>
    </xf>
    <xf numFmtId="0" fontId="5" fillId="2" borderId="16" xfId="0" applyFont="1" applyFill="1" applyBorder="1" applyAlignment="1">
      <alignment horizontal="left" vertical="center" wrapText="1"/>
    </xf>
    <xf numFmtId="0" fontId="5" fillId="2" borderId="17" xfId="0" applyFont="1" applyFill="1" applyBorder="1" applyAlignment="1">
      <alignment horizontal="left" vertical="center"/>
    </xf>
    <xf numFmtId="0" fontId="5" fillId="2" borderId="18" xfId="0" applyFont="1" applyFill="1" applyBorder="1" applyAlignment="1">
      <alignment horizontal="left" vertical="center"/>
    </xf>
    <xf numFmtId="0" fontId="5" fillId="2" borderId="19" xfId="0" applyFont="1" applyFill="1" applyBorder="1" applyAlignment="1">
      <alignment horizontal="left" vertical="center"/>
    </xf>
    <xf numFmtId="0" fontId="5" fillId="2" borderId="13" xfId="0" applyFont="1" applyFill="1" applyBorder="1" applyAlignment="1">
      <alignment horizontal="left" vertical="center"/>
    </xf>
    <xf numFmtId="0" fontId="5" fillId="2" borderId="14" xfId="0" applyFont="1" applyFill="1" applyBorder="1" applyAlignment="1">
      <alignment horizontal="left" vertical="center"/>
    </xf>
    <xf numFmtId="0" fontId="10" fillId="2" borderId="17" xfId="0" applyFont="1" applyFill="1" applyBorder="1" applyAlignment="1">
      <alignment horizontal="left" vertical="center"/>
    </xf>
    <xf numFmtId="0" fontId="10" fillId="2" borderId="18" xfId="0" applyFont="1" applyFill="1" applyBorder="1" applyAlignment="1">
      <alignment horizontal="left" vertical="center"/>
    </xf>
    <xf numFmtId="0" fontId="10" fillId="2" borderId="19" xfId="0" applyFont="1" applyFill="1" applyBorder="1" applyAlignment="1">
      <alignment horizontal="left" vertical="center"/>
    </xf>
    <xf numFmtId="0" fontId="10" fillId="2" borderId="13" xfId="0" applyFont="1" applyFill="1" applyBorder="1" applyAlignment="1">
      <alignment horizontal="left" vertical="center"/>
    </xf>
    <xf numFmtId="0" fontId="5" fillId="2" borderId="17" xfId="0" applyFont="1" applyFill="1" applyBorder="1" applyAlignment="1">
      <alignment horizontal="left" vertical="center" wrapText="1"/>
    </xf>
    <xf numFmtId="0" fontId="5" fillId="2" borderId="18" xfId="0" applyFont="1" applyFill="1" applyBorder="1" applyAlignment="1">
      <alignment horizontal="left" vertical="center" wrapText="1"/>
    </xf>
    <xf numFmtId="0" fontId="5" fillId="2" borderId="19" xfId="0" applyFont="1" applyFill="1" applyBorder="1" applyAlignment="1">
      <alignment horizontal="left" vertical="center" wrapText="1"/>
    </xf>
    <xf numFmtId="0" fontId="5" fillId="2" borderId="13" xfId="0" applyFont="1" applyFill="1" applyBorder="1" applyAlignment="1">
      <alignment horizontal="left" vertical="center" wrapText="1"/>
    </xf>
    <xf numFmtId="0" fontId="5" fillId="2" borderId="14" xfId="0" applyFont="1" applyFill="1" applyBorder="1" applyAlignment="1">
      <alignment horizontal="left" vertical="center" wrapText="1"/>
    </xf>
    <xf numFmtId="0" fontId="5" fillId="2" borderId="9" xfId="0" applyFont="1" applyFill="1" applyBorder="1" applyAlignment="1">
      <alignment horizontal="left" vertical="center" wrapText="1"/>
    </xf>
    <xf numFmtId="0" fontId="5" fillId="0" borderId="9" xfId="0" applyFont="1" applyBorder="1"/>
    <xf numFmtId="0" fontId="5" fillId="0" borderId="10" xfId="0" applyFont="1" applyBorder="1"/>
    <xf numFmtId="0" fontId="10" fillId="2" borderId="16" xfId="0" applyFont="1" applyFill="1" applyBorder="1" applyAlignment="1">
      <alignment horizontal="left" vertical="center"/>
    </xf>
    <xf numFmtId="0" fontId="5" fillId="2" borderId="6" xfId="0" applyFont="1" applyFill="1" applyBorder="1" applyAlignment="1">
      <alignment horizontal="left" vertical="center" wrapText="1"/>
    </xf>
    <xf numFmtId="0" fontId="5" fillId="2" borderId="7" xfId="0" applyFont="1" applyFill="1" applyBorder="1" applyAlignment="1">
      <alignment horizontal="left" vertical="center"/>
    </xf>
    <xf numFmtId="0" fontId="19" fillId="2" borderId="14" xfId="0" applyFont="1" applyFill="1" applyBorder="1" applyAlignment="1">
      <alignment horizontal="left" vertical="center" wrapText="1"/>
    </xf>
    <xf numFmtId="0" fontId="19" fillId="2" borderId="15" xfId="0" applyFont="1" applyFill="1" applyBorder="1" applyAlignment="1">
      <alignment horizontal="left" vertical="center"/>
    </xf>
    <xf numFmtId="0" fontId="10" fillId="2" borderId="16" xfId="0" applyFont="1" applyFill="1" applyBorder="1" applyAlignment="1">
      <alignment horizontal="center" vertical="center" wrapText="1"/>
    </xf>
    <xf numFmtId="0" fontId="10" fillId="2" borderId="17" xfId="0" applyFont="1" applyFill="1" applyBorder="1" applyAlignment="1">
      <alignment horizontal="center" vertical="center"/>
    </xf>
    <xf numFmtId="0" fontId="10" fillId="2" borderId="18" xfId="0" applyFont="1" applyFill="1" applyBorder="1" applyAlignment="1">
      <alignment horizontal="center" vertical="center"/>
    </xf>
    <xf numFmtId="0" fontId="10" fillId="2" borderId="19" xfId="0" applyFont="1" applyFill="1" applyBorder="1" applyAlignment="1">
      <alignment horizontal="center" vertical="center"/>
    </xf>
    <xf numFmtId="0" fontId="10" fillId="2" borderId="13" xfId="0" applyFont="1" applyFill="1" applyBorder="1" applyAlignment="1">
      <alignment horizontal="center" vertical="center"/>
    </xf>
    <xf numFmtId="0" fontId="10" fillId="2" borderId="14" xfId="0" applyFont="1" applyFill="1" applyBorder="1" applyAlignment="1">
      <alignment horizontal="center" vertical="center"/>
    </xf>
    <xf numFmtId="0" fontId="10" fillId="2" borderId="25" xfId="0" applyFont="1" applyFill="1" applyBorder="1" applyAlignment="1">
      <alignment horizontal="center" vertical="top" wrapText="1"/>
    </xf>
    <xf numFmtId="0" fontId="10" fillId="2" borderId="9" xfId="0" applyFont="1" applyFill="1" applyBorder="1" applyAlignment="1">
      <alignment horizontal="center" vertical="top" wrapText="1"/>
    </xf>
    <xf numFmtId="0" fontId="10" fillId="2" borderId="10" xfId="0" applyFont="1" applyFill="1" applyBorder="1" applyAlignment="1">
      <alignment horizontal="center" vertical="top" wrapText="1"/>
    </xf>
    <xf numFmtId="0" fontId="10" fillId="2" borderId="2" xfId="0" applyFont="1" applyFill="1" applyBorder="1" applyAlignment="1">
      <alignment horizontal="left" vertical="center"/>
    </xf>
    <xf numFmtId="0" fontId="10" fillId="2" borderId="21" xfId="0" applyFont="1" applyFill="1" applyBorder="1" applyAlignment="1">
      <alignment horizontal="left" vertical="center"/>
    </xf>
    <xf numFmtId="0" fontId="23" fillId="2" borderId="6" xfId="0" applyFont="1" applyFill="1" applyBorder="1" applyAlignment="1">
      <alignment horizontal="left" vertical="center" wrapText="1"/>
    </xf>
    <xf numFmtId="0" fontId="23" fillId="2" borderId="7" xfId="0" applyFont="1" applyFill="1" applyBorder="1" applyAlignment="1">
      <alignment horizontal="left" vertical="center"/>
    </xf>
    <xf numFmtId="0" fontId="15" fillId="2" borderId="6" xfId="0" applyFont="1" applyFill="1" applyBorder="1" applyAlignment="1">
      <alignment horizontal="left" vertical="center" wrapText="1"/>
    </xf>
    <xf numFmtId="0" fontId="18" fillId="2" borderId="14" xfId="0" applyFont="1" applyFill="1" applyBorder="1" applyAlignment="1">
      <alignment horizontal="left" vertical="center" wrapText="1"/>
    </xf>
    <xf numFmtId="0" fontId="18" fillId="2" borderId="15" xfId="0" applyFont="1" applyFill="1" applyBorder="1" applyAlignment="1">
      <alignment horizontal="left" vertical="center"/>
    </xf>
    <xf numFmtId="0" fontId="9" fillId="2" borderId="14" xfId="0" applyFont="1" applyFill="1" applyBorder="1" applyAlignment="1">
      <alignment horizontal="center" vertical="center"/>
    </xf>
    <xf numFmtId="0" fontId="10" fillId="2" borderId="20" xfId="0" applyFont="1" applyFill="1" applyBorder="1" applyAlignment="1">
      <alignment horizontal="left" vertical="center"/>
    </xf>
    <xf numFmtId="0" fontId="20" fillId="0" borderId="13" xfId="0" applyFont="1" applyBorder="1" applyAlignment="1">
      <alignment horizontal="left" vertical="center"/>
    </xf>
    <xf numFmtId="0" fontId="10" fillId="2" borderId="10" xfId="0" applyFont="1" applyFill="1" applyBorder="1" applyAlignment="1">
      <alignment horizontal="left" vertical="center" wrapText="1"/>
    </xf>
    <xf numFmtId="0" fontId="15" fillId="2" borderId="22" xfId="0" applyFont="1" applyFill="1" applyBorder="1" applyAlignment="1">
      <alignment horizontal="left" vertical="center" shrinkToFit="1"/>
    </xf>
    <xf numFmtId="0" fontId="15" fillId="2" borderId="23" xfId="0" applyFont="1" applyFill="1" applyBorder="1" applyAlignment="1">
      <alignment horizontal="left" vertical="center" shrinkToFit="1"/>
    </xf>
    <xf numFmtId="0" fontId="10" fillId="2" borderId="13" xfId="0" applyFont="1" applyFill="1" applyBorder="1" applyAlignment="1">
      <alignment horizontal="left" vertical="center" wrapText="1"/>
    </xf>
    <xf numFmtId="0" fontId="10" fillId="2" borderId="14" xfId="0" applyFont="1" applyFill="1" applyBorder="1" applyAlignment="1">
      <alignment horizontal="left" vertical="center" wrapText="1"/>
    </xf>
    <xf numFmtId="0" fontId="7" fillId="0" borderId="2" xfId="0" applyFont="1" applyBorder="1" applyAlignment="1">
      <alignment horizontal="left" vertical="center"/>
    </xf>
    <xf numFmtId="0" fontId="5" fillId="0" borderId="21" xfId="0" applyFont="1" applyBorder="1" applyAlignment="1">
      <alignment horizontal="left" vertical="center"/>
    </xf>
    <xf numFmtId="0" fontId="5" fillId="0" borderId="3" xfId="0" applyFont="1" applyBorder="1" applyAlignment="1">
      <alignment horizontal="left" vertical="center"/>
    </xf>
    <xf numFmtId="0" fontId="8" fillId="2" borderId="0" xfId="0" applyFont="1" applyFill="1" applyAlignment="1">
      <alignment horizontal="center" vertical="center"/>
    </xf>
    <xf numFmtId="0" fontId="14" fillId="2" borderId="0" xfId="0" applyFont="1" applyFill="1" applyAlignment="1">
      <alignment horizontal="center" vertical="center"/>
    </xf>
    <xf numFmtId="0" fontId="8" fillId="0" borderId="1" xfId="0" applyFont="1" applyBorder="1" applyAlignment="1">
      <alignment horizontal="center" vertical="center" wrapText="1"/>
    </xf>
  </cellXfs>
  <cellStyles count="3">
    <cellStyle name="ハイパーリンク" xfId="2" builtinId="8"/>
    <cellStyle name="標準" xfId="0" builtinId="0"/>
    <cellStyle name="標準_Win95地図" xfId="1" xr:uid="{00000000-0005-0000-0000-000002000000}"/>
  </cellStyles>
  <dxfs count="0"/>
  <tableStyles count="0" defaultTableStyle="TableStyleMedium9" defaultPivotStyle="PivotStyleLight16"/>
  <colors>
    <mruColors>
      <color rgb="FFEDF2F9"/>
      <color rgb="FFFFFF66"/>
      <color rgb="FFFF6600"/>
      <color rgb="FF333399"/>
      <color rgb="FF9966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8" Type="http://schemas.openxmlformats.org/officeDocument/2006/relationships/hyperlink" Target="#&#31206;&#37326;&#36196;!A1"/><Relationship Id="rId13" Type="http://schemas.openxmlformats.org/officeDocument/2006/relationships/hyperlink" Target="#&#21402;&#26408;!A1"/><Relationship Id="rId18" Type="http://schemas.openxmlformats.org/officeDocument/2006/relationships/hyperlink" Target="#&#12371;&#12393;&#12418;!A1"/><Relationship Id="rId3" Type="http://schemas.openxmlformats.org/officeDocument/2006/relationships/hyperlink" Target="#&#32854;&#12510;&#12522;!A1"/><Relationship Id="rId21" Type="http://schemas.openxmlformats.org/officeDocument/2006/relationships/hyperlink" Target="http://www.pref.kanagawa.jp/uploaded/attachment/843744.pdf" TargetMode="External"/><Relationship Id="rId7" Type="http://schemas.openxmlformats.org/officeDocument/2006/relationships/hyperlink" Target="#&#27728;&#35211;&#21488;!A1"/><Relationship Id="rId12" Type="http://schemas.openxmlformats.org/officeDocument/2006/relationships/hyperlink" Target="#&#36275;&#26564;&#19978;!A1"/><Relationship Id="rId17" Type="http://schemas.openxmlformats.org/officeDocument/2006/relationships/hyperlink" Target="#&#27178;&#27996;&#12475;&#12531;&#12479;&#12540;!A1"/><Relationship Id="rId2" Type="http://schemas.openxmlformats.org/officeDocument/2006/relationships/hyperlink" Target="#&#22269;&#30456;&#27169;&#21407;!A1"/><Relationship Id="rId16" Type="http://schemas.openxmlformats.org/officeDocument/2006/relationships/hyperlink" Target="#&#12415;&#12394;&#12392;&#36196;&#21313;&#23383;!A1"/><Relationship Id="rId20" Type="http://schemas.openxmlformats.org/officeDocument/2006/relationships/hyperlink" Target="#&#12415;&#12394;&#12392;&#36196;!A1"/><Relationship Id="rId1" Type="http://schemas.openxmlformats.org/officeDocument/2006/relationships/hyperlink" Target="#&#30456;&#27169;&#21407;&#36196;!A1"/><Relationship Id="rId6" Type="http://schemas.openxmlformats.org/officeDocument/2006/relationships/hyperlink" Target="#&#24066;&#22823;!A1"/><Relationship Id="rId11" Type="http://schemas.openxmlformats.org/officeDocument/2006/relationships/hyperlink" Target="#&#27178;&#38920;&#36032;&#24066;&#27665;!A1"/><Relationship Id="rId5" Type="http://schemas.openxmlformats.org/officeDocument/2006/relationships/hyperlink" Target="#&#27178;&#27996;&#24066;&#27665;!A1"/><Relationship Id="rId15" Type="http://schemas.openxmlformats.org/officeDocument/2006/relationships/hyperlink" Target="#&#21271;&#37324;!A1"/><Relationship Id="rId10" Type="http://schemas.openxmlformats.org/officeDocument/2006/relationships/hyperlink" Target="#&#23567;&#30000;&#21407;!A1"/><Relationship Id="rId19" Type="http://schemas.openxmlformats.org/officeDocument/2006/relationships/hyperlink" Target="#&#26481;&#28023;!A1"/><Relationship Id="rId4" Type="http://schemas.openxmlformats.org/officeDocument/2006/relationships/hyperlink" Target="#&#20117;&#30000;!A1"/><Relationship Id="rId9" Type="http://schemas.openxmlformats.org/officeDocument/2006/relationships/hyperlink" Target="#&#22269;&#31435;&#27178;&#27996;!A1"/><Relationship Id="rId14" Type="http://schemas.openxmlformats.org/officeDocument/2006/relationships/hyperlink" Target="http://wwwhourei.mhlw.go.jp/cgi-bin/t_document.cgi?MODE=tsuchi&amp;DMODE=CONTENTS&amp;SMODE=NORMAL&amp;KEYWORD=&amp;EFSNO=9681&amp;PAGE=1&amp;FILE=&amp;POS=0" TargetMode="External"/><Relationship Id="rId22" Type="http://schemas.openxmlformats.org/officeDocument/2006/relationships/hyperlink" Target="#&#24029;&#23822;!A1"/></Relationships>
</file>

<file path=xl/drawings/drawing1.xml><?xml version="1.0" encoding="utf-8"?>
<xdr:wsDr xmlns:xdr="http://schemas.openxmlformats.org/drawingml/2006/spreadsheetDrawing" xmlns:a="http://schemas.openxmlformats.org/drawingml/2006/main">
  <xdr:twoCellAnchor editAs="oneCell">
    <xdr:from>
      <xdr:col>14</xdr:col>
      <xdr:colOff>228600</xdr:colOff>
      <xdr:row>13</xdr:row>
      <xdr:rowOff>47625</xdr:rowOff>
    </xdr:from>
    <xdr:to>
      <xdr:col>15</xdr:col>
      <xdr:colOff>466725</xdr:colOff>
      <xdr:row>19</xdr:row>
      <xdr:rowOff>114300</xdr:rowOff>
    </xdr:to>
    <xdr:sp macro="" textlink="">
      <xdr:nvSpPr>
        <xdr:cNvPr id="2" name="d14101">
          <a:extLst>
            <a:ext uri="{FF2B5EF4-FFF2-40B4-BE49-F238E27FC236}">
              <a16:creationId xmlns:a16="http://schemas.microsoft.com/office/drawing/2014/main" id="{00000000-0008-0000-0000-000002000000}"/>
            </a:ext>
          </a:extLst>
        </xdr:cNvPr>
        <xdr:cNvSpPr>
          <a:spLocks/>
        </xdr:cNvSpPr>
      </xdr:nvSpPr>
      <xdr:spPr bwMode="auto">
        <a:xfrm>
          <a:off x="8763000" y="3095625"/>
          <a:ext cx="847725" cy="981075"/>
        </a:xfrm>
        <a:custGeom>
          <a:avLst/>
          <a:gdLst/>
          <a:ahLst/>
          <a:cxnLst>
            <a:cxn ang="0">
              <a:pos x="7180" y="14157"/>
            </a:cxn>
            <a:cxn ang="0">
              <a:pos x="7732" y="14157"/>
            </a:cxn>
            <a:cxn ang="0">
              <a:pos x="7916" y="14952"/>
            </a:cxn>
            <a:cxn ang="0">
              <a:pos x="6811" y="15430"/>
            </a:cxn>
            <a:cxn ang="0">
              <a:pos x="6443" y="15907"/>
            </a:cxn>
            <a:cxn ang="0">
              <a:pos x="6811" y="16384"/>
            </a:cxn>
            <a:cxn ang="0">
              <a:pos x="9757" y="15271"/>
            </a:cxn>
            <a:cxn ang="0">
              <a:pos x="8652" y="10339"/>
            </a:cxn>
            <a:cxn ang="0">
              <a:pos x="8836" y="10021"/>
            </a:cxn>
            <a:cxn ang="0">
              <a:pos x="10493" y="13839"/>
            </a:cxn>
            <a:cxn ang="0">
              <a:pos x="12334" y="13044"/>
            </a:cxn>
            <a:cxn ang="0">
              <a:pos x="11045" y="11135"/>
            </a:cxn>
            <a:cxn ang="0">
              <a:pos x="12334" y="10817"/>
            </a:cxn>
            <a:cxn ang="0">
              <a:pos x="13070" y="12725"/>
            </a:cxn>
            <a:cxn ang="0">
              <a:pos x="16384" y="11294"/>
            </a:cxn>
            <a:cxn ang="0">
              <a:pos x="14359" y="8590"/>
            </a:cxn>
            <a:cxn ang="0">
              <a:pos x="13439" y="8908"/>
            </a:cxn>
            <a:cxn ang="0">
              <a:pos x="12518" y="5886"/>
            </a:cxn>
            <a:cxn ang="0">
              <a:pos x="11966" y="4931"/>
            </a:cxn>
            <a:cxn ang="0">
              <a:pos x="11229" y="4613"/>
            </a:cxn>
            <a:cxn ang="0">
              <a:pos x="11414" y="4136"/>
            </a:cxn>
            <a:cxn ang="0">
              <a:pos x="11229" y="3340"/>
            </a:cxn>
            <a:cxn ang="0">
              <a:pos x="10677" y="2386"/>
            </a:cxn>
            <a:cxn ang="0">
              <a:pos x="10309" y="1750"/>
            </a:cxn>
            <a:cxn ang="0">
              <a:pos x="10493" y="0"/>
            </a:cxn>
            <a:cxn ang="0">
              <a:pos x="9204" y="0"/>
            </a:cxn>
            <a:cxn ang="0">
              <a:pos x="8284" y="318"/>
            </a:cxn>
            <a:cxn ang="0">
              <a:pos x="6627" y="1273"/>
            </a:cxn>
            <a:cxn ang="0">
              <a:pos x="5155" y="636"/>
            </a:cxn>
            <a:cxn ang="0">
              <a:pos x="4234" y="477"/>
            </a:cxn>
            <a:cxn ang="0">
              <a:pos x="4050" y="159"/>
            </a:cxn>
            <a:cxn ang="0">
              <a:pos x="3498" y="477"/>
            </a:cxn>
            <a:cxn ang="0">
              <a:pos x="2393" y="1113"/>
            </a:cxn>
            <a:cxn ang="0">
              <a:pos x="2209" y="1750"/>
            </a:cxn>
            <a:cxn ang="0">
              <a:pos x="2393" y="2386"/>
            </a:cxn>
            <a:cxn ang="0">
              <a:pos x="2209" y="3340"/>
            </a:cxn>
            <a:cxn ang="0">
              <a:pos x="1841" y="3818"/>
            </a:cxn>
            <a:cxn ang="0">
              <a:pos x="1289" y="3818"/>
            </a:cxn>
            <a:cxn ang="0">
              <a:pos x="1289" y="4613"/>
            </a:cxn>
            <a:cxn ang="0">
              <a:pos x="1105" y="4931"/>
            </a:cxn>
            <a:cxn ang="0">
              <a:pos x="184" y="5408"/>
            </a:cxn>
            <a:cxn ang="0">
              <a:pos x="0" y="6045"/>
            </a:cxn>
            <a:cxn ang="0">
              <a:pos x="184" y="6999"/>
            </a:cxn>
            <a:cxn ang="0">
              <a:pos x="368" y="7317"/>
            </a:cxn>
            <a:cxn ang="0">
              <a:pos x="736" y="7794"/>
            </a:cxn>
            <a:cxn ang="0">
              <a:pos x="1289" y="8112"/>
            </a:cxn>
            <a:cxn ang="0">
              <a:pos x="1841" y="8749"/>
            </a:cxn>
            <a:cxn ang="0">
              <a:pos x="2577" y="8908"/>
            </a:cxn>
            <a:cxn ang="0">
              <a:pos x="3498" y="9067"/>
            </a:cxn>
            <a:cxn ang="0">
              <a:pos x="4234" y="9703"/>
            </a:cxn>
            <a:cxn ang="0">
              <a:pos x="4418" y="10498"/>
            </a:cxn>
            <a:cxn ang="0">
              <a:pos x="4970" y="10658"/>
            </a:cxn>
            <a:cxn ang="0">
              <a:pos x="5339" y="11453"/>
            </a:cxn>
            <a:cxn ang="0">
              <a:pos x="6075" y="12407"/>
            </a:cxn>
            <a:cxn ang="0">
              <a:pos x="6811" y="13362"/>
            </a:cxn>
            <a:cxn ang="0">
              <a:pos x="7180" y="14157"/>
            </a:cxn>
          </a:cxnLst>
          <a:rect l="0" t="0" r="r" b="b"/>
          <a:pathLst>
            <a:path w="16384" h="16384">
              <a:moveTo>
                <a:pt x="7180" y="14157"/>
              </a:moveTo>
              <a:lnTo>
                <a:pt x="7732" y="14157"/>
              </a:lnTo>
              <a:lnTo>
                <a:pt x="7916" y="14952"/>
              </a:lnTo>
              <a:lnTo>
                <a:pt x="6811" y="15430"/>
              </a:lnTo>
              <a:lnTo>
                <a:pt x="6443" y="15907"/>
              </a:lnTo>
              <a:lnTo>
                <a:pt x="6811" y="16384"/>
              </a:lnTo>
              <a:lnTo>
                <a:pt x="9757" y="15271"/>
              </a:lnTo>
              <a:lnTo>
                <a:pt x="8652" y="10339"/>
              </a:lnTo>
              <a:lnTo>
                <a:pt x="8836" y="10021"/>
              </a:lnTo>
              <a:lnTo>
                <a:pt x="10493" y="13839"/>
              </a:lnTo>
              <a:lnTo>
                <a:pt x="12334" y="13044"/>
              </a:lnTo>
              <a:lnTo>
                <a:pt x="11045" y="11135"/>
              </a:lnTo>
              <a:lnTo>
                <a:pt x="12334" y="10817"/>
              </a:lnTo>
              <a:lnTo>
                <a:pt x="13070" y="12725"/>
              </a:lnTo>
              <a:lnTo>
                <a:pt x="16384" y="11294"/>
              </a:lnTo>
              <a:lnTo>
                <a:pt x="14359" y="8590"/>
              </a:lnTo>
              <a:lnTo>
                <a:pt x="13439" y="8908"/>
              </a:lnTo>
              <a:lnTo>
                <a:pt x="12518" y="5886"/>
              </a:lnTo>
              <a:lnTo>
                <a:pt x="11966" y="4931"/>
              </a:lnTo>
              <a:lnTo>
                <a:pt x="11229" y="4613"/>
              </a:lnTo>
              <a:lnTo>
                <a:pt x="11414" y="4136"/>
              </a:lnTo>
              <a:lnTo>
                <a:pt x="11229" y="3340"/>
              </a:lnTo>
              <a:lnTo>
                <a:pt x="10677" y="2386"/>
              </a:lnTo>
              <a:lnTo>
                <a:pt x="10309" y="1750"/>
              </a:lnTo>
              <a:lnTo>
                <a:pt x="10493" y="0"/>
              </a:lnTo>
              <a:lnTo>
                <a:pt x="9204" y="0"/>
              </a:lnTo>
              <a:lnTo>
                <a:pt x="8284" y="318"/>
              </a:lnTo>
              <a:lnTo>
                <a:pt x="6627" y="1273"/>
              </a:lnTo>
              <a:lnTo>
                <a:pt x="5155" y="636"/>
              </a:lnTo>
              <a:lnTo>
                <a:pt x="4234" y="477"/>
              </a:lnTo>
              <a:lnTo>
                <a:pt x="4050" y="159"/>
              </a:lnTo>
              <a:lnTo>
                <a:pt x="3498" y="477"/>
              </a:lnTo>
              <a:lnTo>
                <a:pt x="2393" y="1113"/>
              </a:lnTo>
              <a:lnTo>
                <a:pt x="2209" y="1750"/>
              </a:lnTo>
              <a:lnTo>
                <a:pt x="2393" y="2386"/>
              </a:lnTo>
              <a:lnTo>
                <a:pt x="2209" y="3340"/>
              </a:lnTo>
              <a:lnTo>
                <a:pt x="1841" y="3818"/>
              </a:lnTo>
              <a:lnTo>
                <a:pt x="1289" y="3818"/>
              </a:lnTo>
              <a:lnTo>
                <a:pt x="1289" y="4613"/>
              </a:lnTo>
              <a:lnTo>
                <a:pt x="1105" y="4931"/>
              </a:lnTo>
              <a:lnTo>
                <a:pt x="184" y="5408"/>
              </a:lnTo>
              <a:lnTo>
                <a:pt x="0" y="6045"/>
              </a:lnTo>
              <a:lnTo>
                <a:pt x="184" y="6999"/>
              </a:lnTo>
              <a:lnTo>
                <a:pt x="368" y="7317"/>
              </a:lnTo>
              <a:lnTo>
                <a:pt x="736" y="7794"/>
              </a:lnTo>
              <a:lnTo>
                <a:pt x="1289" y="8112"/>
              </a:lnTo>
              <a:lnTo>
                <a:pt x="1841" y="8749"/>
              </a:lnTo>
              <a:lnTo>
                <a:pt x="2577" y="8908"/>
              </a:lnTo>
              <a:lnTo>
                <a:pt x="3498" y="9067"/>
              </a:lnTo>
              <a:lnTo>
                <a:pt x="4234" y="9703"/>
              </a:lnTo>
              <a:lnTo>
                <a:pt x="4418" y="10498"/>
              </a:lnTo>
              <a:lnTo>
                <a:pt x="4970" y="10658"/>
              </a:lnTo>
              <a:lnTo>
                <a:pt x="5339" y="11453"/>
              </a:lnTo>
              <a:lnTo>
                <a:pt x="6075" y="12407"/>
              </a:lnTo>
              <a:lnTo>
                <a:pt x="6811" y="13362"/>
              </a:lnTo>
              <a:lnTo>
                <a:pt x="7180" y="1415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28575</xdr:colOff>
      <xdr:row>16</xdr:row>
      <xdr:rowOff>57150</xdr:rowOff>
    </xdr:from>
    <xdr:to>
      <xdr:col>14</xdr:col>
      <xdr:colOff>600075</xdr:colOff>
      <xdr:row>20</xdr:row>
      <xdr:rowOff>19050</xdr:rowOff>
    </xdr:to>
    <xdr:sp macro="" textlink="">
      <xdr:nvSpPr>
        <xdr:cNvPr id="3" name="d14102">
          <a:extLst>
            <a:ext uri="{FF2B5EF4-FFF2-40B4-BE49-F238E27FC236}">
              <a16:creationId xmlns:a16="http://schemas.microsoft.com/office/drawing/2014/main" id="{00000000-0008-0000-0000-000003000000}"/>
            </a:ext>
          </a:extLst>
        </xdr:cNvPr>
        <xdr:cNvSpPr>
          <a:spLocks/>
        </xdr:cNvSpPr>
      </xdr:nvSpPr>
      <xdr:spPr bwMode="auto">
        <a:xfrm>
          <a:off x="7953375" y="3562350"/>
          <a:ext cx="1181100" cy="571500"/>
        </a:xfrm>
        <a:custGeom>
          <a:avLst/>
          <a:gdLst/>
          <a:ahLst/>
          <a:cxnLst>
            <a:cxn ang="0">
              <a:pos x="16120" y="9557"/>
            </a:cxn>
            <a:cxn ang="0">
              <a:pos x="15063" y="6281"/>
            </a:cxn>
            <a:cxn ang="0">
              <a:pos x="14402" y="4642"/>
            </a:cxn>
            <a:cxn ang="0">
              <a:pos x="13741" y="2185"/>
            </a:cxn>
            <a:cxn ang="0">
              <a:pos x="12552" y="1638"/>
            </a:cxn>
            <a:cxn ang="0">
              <a:pos x="11759" y="0"/>
            </a:cxn>
            <a:cxn ang="0">
              <a:pos x="11363" y="1911"/>
            </a:cxn>
            <a:cxn ang="0">
              <a:pos x="11231" y="4915"/>
            </a:cxn>
            <a:cxn ang="0">
              <a:pos x="10306" y="4915"/>
            </a:cxn>
            <a:cxn ang="0">
              <a:pos x="9645" y="6007"/>
            </a:cxn>
            <a:cxn ang="0">
              <a:pos x="8721" y="5734"/>
            </a:cxn>
            <a:cxn ang="0">
              <a:pos x="8060" y="4642"/>
            </a:cxn>
            <a:cxn ang="0">
              <a:pos x="6871" y="4642"/>
            </a:cxn>
            <a:cxn ang="0">
              <a:pos x="7003" y="3004"/>
            </a:cxn>
            <a:cxn ang="0">
              <a:pos x="6342" y="1911"/>
            </a:cxn>
            <a:cxn ang="0">
              <a:pos x="5814" y="2731"/>
            </a:cxn>
            <a:cxn ang="0">
              <a:pos x="4625" y="2185"/>
            </a:cxn>
            <a:cxn ang="0">
              <a:pos x="3567" y="1365"/>
            </a:cxn>
            <a:cxn ang="0">
              <a:pos x="2907" y="546"/>
            </a:cxn>
            <a:cxn ang="0">
              <a:pos x="2246" y="819"/>
            </a:cxn>
            <a:cxn ang="0">
              <a:pos x="1189" y="273"/>
            </a:cxn>
            <a:cxn ang="0">
              <a:pos x="661" y="1638"/>
            </a:cxn>
            <a:cxn ang="0">
              <a:pos x="132" y="3004"/>
            </a:cxn>
            <a:cxn ang="0">
              <a:pos x="132" y="4096"/>
            </a:cxn>
            <a:cxn ang="0">
              <a:pos x="1189" y="6827"/>
            </a:cxn>
            <a:cxn ang="0">
              <a:pos x="1586" y="10923"/>
            </a:cxn>
            <a:cxn ang="0">
              <a:pos x="2510" y="13380"/>
            </a:cxn>
            <a:cxn ang="0">
              <a:pos x="3171" y="10923"/>
            </a:cxn>
            <a:cxn ang="0">
              <a:pos x="4492" y="9830"/>
            </a:cxn>
            <a:cxn ang="0">
              <a:pos x="5285" y="10650"/>
            </a:cxn>
            <a:cxn ang="0">
              <a:pos x="5285" y="14199"/>
            </a:cxn>
            <a:cxn ang="0">
              <a:pos x="5814" y="14473"/>
            </a:cxn>
            <a:cxn ang="0">
              <a:pos x="6606" y="13926"/>
            </a:cxn>
            <a:cxn ang="0">
              <a:pos x="7928" y="13926"/>
            </a:cxn>
            <a:cxn ang="0">
              <a:pos x="8588" y="14746"/>
            </a:cxn>
            <a:cxn ang="0">
              <a:pos x="9513" y="15838"/>
            </a:cxn>
            <a:cxn ang="0">
              <a:pos x="10438" y="15565"/>
            </a:cxn>
            <a:cxn ang="0">
              <a:pos x="12288" y="14473"/>
            </a:cxn>
            <a:cxn ang="0">
              <a:pos x="13874" y="15838"/>
            </a:cxn>
            <a:cxn ang="0">
              <a:pos x="13477" y="13380"/>
            </a:cxn>
            <a:cxn ang="0">
              <a:pos x="12684" y="11196"/>
            </a:cxn>
            <a:cxn ang="0">
              <a:pos x="14666" y="11196"/>
            </a:cxn>
            <a:cxn ang="0">
              <a:pos x="15988" y="11196"/>
            </a:cxn>
          </a:cxnLst>
          <a:rect l="0" t="0" r="r" b="b"/>
          <a:pathLst>
            <a:path w="16384" h="16384">
              <a:moveTo>
                <a:pt x="16384" y="10923"/>
              </a:moveTo>
              <a:lnTo>
                <a:pt x="16120" y="9557"/>
              </a:lnTo>
              <a:lnTo>
                <a:pt x="15591" y="7919"/>
              </a:lnTo>
              <a:lnTo>
                <a:pt x="15063" y="6281"/>
              </a:lnTo>
              <a:lnTo>
                <a:pt x="14798" y="4915"/>
              </a:lnTo>
              <a:lnTo>
                <a:pt x="14402" y="4642"/>
              </a:lnTo>
              <a:lnTo>
                <a:pt x="14270" y="3277"/>
              </a:lnTo>
              <a:lnTo>
                <a:pt x="13741" y="2185"/>
              </a:lnTo>
              <a:lnTo>
                <a:pt x="13081" y="1911"/>
              </a:lnTo>
              <a:lnTo>
                <a:pt x="12552" y="1638"/>
              </a:lnTo>
              <a:lnTo>
                <a:pt x="12156" y="546"/>
              </a:lnTo>
              <a:lnTo>
                <a:pt x="11759" y="0"/>
              </a:lnTo>
              <a:lnTo>
                <a:pt x="11495" y="546"/>
              </a:lnTo>
              <a:lnTo>
                <a:pt x="11363" y="1911"/>
              </a:lnTo>
              <a:lnTo>
                <a:pt x="11363" y="3550"/>
              </a:lnTo>
              <a:lnTo>
                <a:pt x="11231" y="4915"/>
              </a:lnTo>
              <a:lnTo>
                <a:pt x="10835" y="5188"/>
              </a:lnTo>
              <a:lnTo>
                <a:pt x="10306" y="4915"/>
              </a:lnTo>
              <a:lnTo>
                <a:pt x="10042" y="5461"/>
              </a:lnTo>
              <a:lnTo>
                <a:pt x="9645" y="6007"/>
              </a:lnTo>
              <a:lnTo>
                <a:pt x="9381" y="6281"/>
              </a:lnTo>
              <a:lnTo>
                <a:pt x="8721" y="5734"/>
              </a:lnTo>
              <a:lnTo>
                <a:pt x="8324" y="5461"/>
              </a:lnTo>
              <a:lnTo>
                <a:pt x="8060" y="4642"/>
              </a:lnTo>
              <a:lnTo>
                <a:pt x="7399" y="4642"/>
              </a:lnTo>
              <a:lnTo>
                <a:pt x="6871" y="4642"/>
              </a:lnTo>
              <a:lnTo>
                <a:pt x="6739" y="4096"/>
              </a:lnTo>
              <a:lnTo>
                <a:pt x="7003" y="3004"/>
              </a:lnTo>
              <a:lnTo>
                <a:pt x="6739" y="1911"/>
              </a:lnTo>
              <a:lnTo>
                <a:pt x="6342" y="1911"/>
              </a:lnTo>
              <a:lnTo>
                <a:pt x="6078" y="2458"/>
              </a:lnTo>
              <a:lnTo>
                <a:pt x="5814" y="2731"/>
              </a:lnTo>
              <a:lnTo>
                <a:pt x="5153" y="2458"/>
              </a:lnTo>
              <a:lnTo>
                <a:pt x="4625" y="2185"/>
              </a:lnTo>
              <a:lnTo>
                <a:pt x="4096" y="1911"/>
              </a:lnTo>
              <a:lnTo>
                <a:pt x="3567" y="1365"/>
              </a:lnTo>
              <a:lnTo>
                <a:pt x="3700" y="546"/>
              </a:lnTo>
              <a:lnTo>
                <a:pt x="2907" y="546"/>
              </a:lnTo>
              <a:lnTo>
                <a:pt x="2643" y="819"/>
              </a:lnTo>
              <a:lnTo>
                <a:pt x="2246" y="819"/>
              </a:lnTo>
              <a:lnTo>
                <a:pt x="1718" y="546"/>
              </a:lnTo>
              <a:lnTo>
                <a:pt x="1189" y="273"/>
              </a:lnTo>
              <a:lnTo>
                <a:pt x="925" y="1092"/>
              </a:lnTo>
              <a:lnTo>
                <a:pt x="661" y="1638"/>
              </a:lnTo>
              <a:lnTo>
                <a:pt x="396" y="2458"/>
              </a:lnTo>
              <a:lnTo>
                <a:pt x="132" y="3004"/>
              </a:lnTo>
              <a:lnTo>
                <a:pt x="0" y="3277"/>
              </a:lnTo>
              <a:lnTo>
                <a:pt x="132" y="4096"/>
              </a:lnTo>
              <a:lnTo>
                <a:pt x="529" y="5188"/>
              </a:lnTo>
              <a:lnTo>
                <a:pt x="1189" y="6827"/>
              </a:lnTo>
              <a:lnTo>
                <a:pt x="1453" y="8465"/>
              </a:lnTo>
              <a:lnTo>
                <a:pt x="1586" y="10923"/>
              </a:lnTo>
              <a:lnTo>
                <a:pt x="2114" y="12015"/>
              </a:lnTo>
              <a:lnTo>
                <a:pt x="2510" y="13380"/>
              </a:lnTo>
              <a:lnTo>
                <a:pt x="2643" y="12015"/>
              </a:lnTo>
              <a:lnTo>
                <a:pt x="3171" y="10923"/>
              </a:lnTo>
              <a:lnTo>
                <a:pt x="3832" y="9830"/>
              </a:lnTo>
              <a:lnTo>
                <a:pt x="4492" y="9830"/>
              </a:lnTo>
              <a:lnTo>
                <a:pt x="5021" y="9011"/>
              </a:lnTo>
              <a:lnTo>
                <a:pt x="5285" y="10650"/>
              </a:lnTo>
              <a:lnTo>
                <a:pt x="5549" y="12288"/>
              </a:lnTo>
              <a:lnTo>
                <a:pt x="5285" y="14199"/>
              </a:lnTo>
              <a:lnTo>
                <a:pt x="5549" y="14746"/>
              </a:lnTo>
              <a:lnTo>
                <a:pt x="5814" y="14473"/>
              </a:lnTo>
              <a:lnTo>
                <a:pt x="6210" y="14473"/>
              </a:lnTo>
              <a:lnTo>
                <a:pt x="6606" y="13926"/>
              </a:lnTo>
              <a:lnTo>
                <a:pt x="7399" y="13380"/>
              </a:lnTo>
              <a:lnTo>
                <a:pt x="7928" y="13926"/>
              </a:lnTo>
              <a:lnTo>
                <a:pt x="8192" y="14746"/>
              </a:lnTo>
              <a:lnTo>
                <a:pt x="8588" y="14746"/>
              </a:lnTo>
              <a:lnTo>
                <a:pt x="9117" y="15292"/>
              </a:lnTo>
              <a:lnTo>
                <a:pt x="9513" y="15838"/>
              </a:lnTo>
              <a:lnTo>
                <a:pt x="10042" y="15565"/>
              </a:lnTo>
              <a:lnTo>
                <a:pt x="10438" y="15565"/>
              </a:lnTo>
              <a:lnTo>
                <a:pt x="10702" y="16111"/>
              </a:lnTo>
              <a:lnTo>
                <a:pt x="12288" y="14473"/>
              </a:lnTo>
              <a:lnTo>
                <a:pt x="13609" y="16384"/>
              </a:lnTo>
              <a:lnTo>
                <a:pt x="13874" y="15838"/>
              </a:lnTo>
              <a:lnTo>
                <a:pt x="13213" y="14199"/>
              </a:lnTo>
              <a:lnTo>
                <a:pt x="13477" y="13380"/>
              </a:lnTo>
              <a:lnTo>
                <a:pt x="12288" y="11742"/>
              </a:lnTo>
              <a:lnTo>
                <a:pt x="12684" y="11196"/>
              </a:lnTo>
              <a:lnTo>
                <a:pt x="13609" y="11469"/>
              </a:lnTo>
              <a:lnTo>
                <a:pt x="14666" y="11196"/>
              </a:lnTo>
              <a:lnTo>
                <a:pt x="15327" y="11196"/>
              </a:lnTo>
              <a:lnTo>
                <a:pt x="15988" y="11196"/>
              </a:lnTo>
              <a:lnTo>
                <a:pt x="16384" y="10923"/>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447675</xdr:colOff>
      <xdr:row>19</xdr:row>
      <xdr:rowOff>66675</xdr:rowOff>
    </xdr:from>
    <xdr:to>
      <xdr:col>14</xdr:col>
      <xdr:colOff>219075</xdr:colOff>
      <xdr:row>22</xdr:row>
      <xdr:rowOff>95251</xdr:rowOff>
    </xdr:to>
    <xdr:sp macro="" textlink="">
      <xdr:nvSpPr>
        <xdr:cNvPr id="4" name="d14103">
          <a:extLst>
            <a:ext uri="{FF2B5EF4-FFF2-40B4-BE49-F238E27FC236}">
              <a16:creationId xmlns:a16="http://schemas.microsoft.com/office/drawing/2014/main" id="{00000000-0008-0000-0000-000004000000}"/>
            </a:ext>
          </a:extLst>
        </xdr:cNvPr>
        <xdr:cNvSpPr>
          <a:spLocks/>
        </xdr:cNvSpPr>
      </xdr:nvSpPr>
      <xdr:spPr bwMode="auto">
        <a:xfrm>
          <a:off x="8372475" y="4029075"/>
          <a:ext cx="381000" cy="485776"/>
        </a:xfrm>
        <a:custGeom>
          <a:avLst/>
          <a:gdLst/>
          <a:ahLst/>
          <a:cxnLst>
            <a:cxn ang="0">
              <a:pos x="15155" y="3213"/>
            </a:cxn>
            <a:cxn ang="0">
              <a:pos x="14336" y="2570"/>
            </a:cxn>
            <a:cxn ang="0">
              <a:pos x="13107" y="2570"/>
            </a:cxn>
            <a:cxn ang="0">
              <a:pos x="11469" y="2891"/>
            </a:cxn>
            <a:cxn ang="0">
              <a:pos x="10240" y="2249"/>
            </a:cxn>
            <a:cxn ang="0">
              <a:pos x="8602" y="1606"/>
            </a:cxn>
            <a:cxn ang="0">
              <a:pos x="7373" y="1606"/>
            </a:cxn>
            <a:cxn ang="0">
              <a:pos x="6554" y="643"/>
            </a:cxn>
            <a:cxn ang="0">
              <a:pos x="4915" y="0"/>
            </a:cxn>
            <a:cxn ang="0">
              <a:pos x="2458" y="643"/>
            </a:cxn>
            <a:cxn ang="0">
              <a:pos x="1229" y="1285"/>
            </a:cxn>
            <a:cxn ang="0">
              <a:pos x="1229" y="1928"/>
            </a:cxn>
            <a:cxn ang="0">
              <a:pos x="410" y="2570"/>
            </a:cxn>
            <a:cxn ang="0">
              <a:pos x="819" y="3855"/>
            </a:cxn>
            <a:cxn ang="0">
              <a:pos x="1229" y="5140"/>
            </a:cxn>
            <a:cxn ang="0">
              <a:pos x="1638" y="6104"/>
            </a:cxn>
            <a:cxn ang="0">
              <a:pos x="1229" y="7068"/>
            </a:cxn>
            <a:cxn ang="0">
              <a:pos x="1229" y="8353"/>
            </a:cxn>
            <a:cxn ang="0">
              <a:pos x="410" y="9638"/>
            </a:cxn>
            <a:cxn ang="0">
              <a:pos x="0" y="10601"/>
            </a:cxn>
            <a:cxn ang="0">
              <a:pos x="0" y="12208"/>
            </a:cxn>
            <a:cxn ang="0">
              <a:pos x="819" y="13171"/>
            </a:cxn>
            <a:cxn ang="0">
              <a:pos x="1638" y="13493"/>
            </a:cxn>
            <a:cxn ang="0">
              <a:pos x="3277" y="13493"/>
            </a:cxn>
            <a:cxn ang="0">
              <a:pos x="4506" y="13493"/>
            </a:cxn>
            <a:cxn ang="0">
              <a:pos x="5734" y="12850"/>
            </a:cxn>
            <a:cxn ang="0">
              <a:pos x="7373" y="13814"/>
            </a:cxn>
            <a:cxn ang="0">
              <a:pos x="9421" y="14456"/>
            </a:cxn>
            <a:cxn ang="0">
              <a:pos x="9011" y="16063"/>
            </a:cxn>
            <a:cxn ang="0">
              <a:pos x="9421" y="16384"/>
            </a:cxn>
            <a:cxn ang="0">
              <a:pos x="10650" y="16384"/>
            </a:cxn>
            <a:cxn ang="0">
              <a:pos x="12288" y="15420"/>
            </a:cxn>
            <a:cxn ang="0">
              <a:pos x="13926" y="15099"/>
            </a:cxn>
            <a:cxn ang="0">
              <a:pos x="15155" y="13814"/>
            </a:cxn>
            <a:cxn ang="0">
              <a:pos x="15565" y="12529"/>
            </a:cxn>
            <a:cxn ang="0">
              <a:pos x="15974" y="11565"/>
            </a:cxn>
            <a:cxn ang="0">
              <a:pos x="15565" y="10280"/>
            </a:cxn>
            <a:cxn ang="0">
              <a:pos x="15565" y="8995"/>
            </a:cxn>
            <a:cxn ang="0">
              <a:pos x="16384" y="8353"/>
            </a:cxn>
            <a:cxn ang="0">
              <a:pos x="15155" y="7710"/>
            </a:cxn>
            <a:cxn ang="0">
              <a:pos x="13107" y="5783"/>
            </a:cxn>
            <a:cxn ang="0">
              <a:pos x="15155" y="3213"/>
            </a:cxn>
          </a:cxnLst>
          <a:rect l="0" t="0" r="r" b="b"/>
          <a:pathLst>
            <a:path w="16384" h="16384">
              <a:moveTo>
                <a:pt x="15155" y="3213"/>
              </a:moveTo>
              <a:lnTo>
                <a:pt x="14336" y="2570"/>
              </a:lnTo>
              <a:lnTo>
                <a:pt x="13107" y="2570"/>
              </a:lnTo>
              <a:lnTo>
                <a:pt x="11469" y="2891"/>
              </a:lnTo>
              <a:lnTo>
                <a:pt x="10240" y="2249"/>
              </a:lnTo>
              <a:lnTo>
                <a:pt x="8602" y="1606"/>
              </a:lnTo>
              <a:lnTo>
                <a:pt x="7373" y="1606"/>
              </a:lnTo>
              <a:lnTo>
                <a:pt x="6554" y="643"/>
              </a:lnTo>
              <a:lnTo>
                <a:pt x="4915" y="0"/>
              </a:lnTo>
              <a:lnTo>
                <a:pt x="2458" y="643"/>
              </a:lnTo>
              <a:lnTo>
                <a:pt x="1229" y="1285"/>
              </a:lnTo>
              <a:lnTo>
                <a:pt x="1229" y="1928"/>
              </a:lnTo>
              <a:lnTo>
                <a:pt x="410" y="2570"/>
              </a:lnTo>
              <a:lnTo>
                <a:pt x="819" y="3855"/>
              </a:lnTo>
              <a:lnTo>
                <a:pt x="1229" y="5140"/>
              </a:lnTo>
              <a:lnTo>
                <a:pt x="1638" y="6104"/>
              </a:lnTo>
              <a:lnTo>
                <a:pt x="1229" y="7068"/>
              </a:lnTo>
              <a:lnTo>
                <a:pt x="1229" y="8353"/>
              </a:lnTo>
              <a:lnTo>
                <a:pt x="410" y="9638"/>
              </a:lnTo>
              <a:lnTo>
                <a:pt x="0" y="10601"/>
              </a:lnTo>
              <a:lnTo>
                <a:pt x="0" y="12208"/>
              </a:lnTo>
              <a:lnTo>
                <a:pt x="819" y="13171"/>
              </a:lnTo>
              <a:lnTo>
                <a:pt x="1638" y="13493"/>
              </a:lnTo>
              <a:lnTo>
                <a:pt x="3277" y="13493"/>
              </a:lnTo>
              <a:lnTo>
                <a:pt x="4506" y="13493"/>
              </a:lnTo>
              <a:lnTo>
                <a:pt x="5734" y="12850"/>
              </a:lnTo>
              <a:lnTo>
                <a:pt x="7373" y="13814"/>
              </a:lnTo>
              <a:lnTo>
                <a:pt x="9421" y="14456"/>
              </a:lnTo>
              <a:lnTo>
                <a:pt x="9011" y="16063"/>
              </a:lnTo>
              <a:lnTo>
                <a:pt x="9421" y="16384"/>
              </a:lnTo>
              <a:lnTo>
                <a:pt x="10650" y="16384"/>
              </a:lnTo>
              <a:lnTo>
                <a:pt x="12288" y="15420"/>
              </a:lnTo>
              <a:lnTo>
                <a:pt x="13926" y="15099"/>
              </a:lnTo>
              <a:lnTo>
                <a:pt x="15155" y="13814"/>
              </a:lnTo>
              <a:lnTo>
                <a:pt x="15565" y="12529"/>
              </a:lnTo>
              <a:lnTo>
                <a:pt x="15974" y="11565"/>
              </a:lnTo>
              <a:lnTo>
                <a:pt x="15565" y="10280"/>
              </a:lnTo>
              <a:lnTo>
                <a:pt x="15565" y="8995"/>
              </a:lnTo>
              <a:lnTo>
                <a:pt x="16384" y="8353"/>
              </a:lnTo>
              <a:lnTo>
                <a:pt x="15155" y="7710"/>
              </a:lnTo>
              <a:lnTo>
                <a:pt x="13107" y="5783"/>
              </a:lnTo>
              <a:lnTo>
                <a:pt x="15155" y="3213"/>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4</xdr:col>
      <xdr:colOff>85725</xdr:colOff>
      <xdr:row>20</xdr:row>
      <xdr:rowOff>114300</xdr:rowOff>
    </xdr:from>
    <xdr:to>
      <xdr:col>15</xdr:col>
      <xdr:colOff>161925</xdr:colOff>
      <xdr:row>25</xdr:row>
      <xdr:rowOff>95251</xdr:rowOff>
    </xdr:to>
    <xdr:sp macro="" textlink="">
      <xdr:nvSpPr>
        <xdr:cNvPr id="5" name="d14104">
          <a:extLst>
            <a:ext uri="{FF2B5EF4-FFF2-40B4-BE49-F238E27FC236}">
              <a16:creationId xmlns:a16="http://schemas.microsoft.com/office/drawing/2014/main" id="{00000000-0008-0000-0000-000005000000}"/>
            </a:ext>
          </a:extLst>
        </xdr:cNvPr>
        <xdr:cNvSpPr>
          <a:spLocks/>
        </xdr:cNvSpPr>
      </xdr:nvSpPr>
      <xdr:spPr bwMode="auto">
        <a:xfrm>
          <a:off x="8620125" y="4229100"/>
          <a:ext cx="685800" cy="742951"/>
        </a:xfrm>
        <a:custGeom>
          <a:avLst/>
          <a:gdLst/>
          <a:ahLst/>
          <a:cxnLst>
            <a:cxn ang="0">
              <a:pos x="3186" y="1050"/>
            </a:cxn>
            <a:cxn ang="0">
              <a:pos x="2731" y="1470"/>
            </a:cxn>
            <a:cxn ang="0">
              <a:pos x="2731" y="2311"/>
            </a:cxn>
            <a:cxn ang="0">
              <a:pos x="2958" y="3151"/>
            </a:cxn>
            <a:cxn ang="0">
              <a:pos x="2731" y="3781"/>
            </a:cxn>
            <a:cxn ang="0">
              <a:pos x="2503" y="4621"/>
            </a:cxn>
            <a:cxn ang="0">
              <a:pos x="1820" y="5461"/>
            </a:cxn>
            <a:cxn ang="0">
              <a:pos x="2048" y="6302"/>
            </a:cxn>
            <a:cxn ang="0">
              <a:pos x="3186" y="6512"/>
            </a:cxn>
            <a:cxn ang="0">
              <a:pos x="3186" y="7142"/>
            </a:cxn>
            <a:cxn ang="0">
              <a:pos x="3641" y="7562"/>
            </a:cxn>
            <a:cxn ang="0">
              <a:pos x="3413" y="8402"/>
            </a:cxn>
            <a:cxn ang="0">
              <a:pos x="2731" y="8822"/>
            </a:cxn>
            <a:cxn ang="0">
              <a:pos x="2048" y="9242"/>
            </a:cxn>
            <a:cxn ang="0">
              <a:pos x="1138" y="9242"/>
            </a:cxn>
            <a:cxn ang="0">
              <a:pos x="0" y="9242"/>
            </a:cxn>
            <a:cxn ang="0">
              <a:pos x="455" y="9872"/>
            </a:cxn>
            <a:cxn ang="0">
              <a:pos x="1365" y="10503"/>
            </a:cxn>
            <a:cxn ang="0">
              <a:pos x="1593" y="11553"/>
            </a:cxn>
            <a:cxn ang="0">
              <a:pos x="2276" y="11763"/>
            </a:cxn>
            <a:cxn ang="0">
              <a:pos x="3641" y="11763"/>
            </a:cxn>
            <a:cxn ang="0">
              <a:pos x="4096" y="12603"/>
            </a:cxn>
            <a:cxn ang="0">
              <a:pos x="5006" y="14073"/>
            </a:cxn>
            <a:cxn ang="0">
              <a:pos x="6372" y="13653"/>
            </a:cxn>
            <a:cxn ang="0">
              <a:pos x="7282" y="13443"/>
            </a:cxn>
            <a:cxn ang="0">
              <a:pos x="9330" y="14704"/>
            </a:cxn>
            <a:cxn ang="0">
              <a:pos x="11833" y="16384"/>
            </a:cxn>
            <a:cxn ang="0">
              <a:pos x="14791" y="14073"/>
            </a:cxn>
            <a:cxn ang="0">
              <a:pos x="15246" y="12183"/>
            </a:cxn>
            <a:cxn ang="0">
              <a:pos x="13426" y="10923"/>
            </a:cxn>
            <a:cxn ang="0">
              <a:pos x="14108" y="10082"/>
            </a:cxn>
            <a:cxn ang="0">
              <a:pos x="15246" y="10713"/>
            </a:cxn>
            <a:cxn ang="0">
              <a:pos x="16384" y="5671"/>
            </a:cxn>
            <a:cxn ang="0">
              <a:pos x="16156" y="5461"/>
            </a:cxn>
            <a:cxn ang="0">
              <a:pos x="14791" y="8192"/>
            </a:cxn>
            <a:cxn ang="0">
              <a:pos x="13653" y="7562"/>
            </a:cxn>
            <a:cxn ang="0">
              <a:pos x="15246" y="5041"/>
            </a:cxn>
            <a:cxn ang="0">
              <a:pos x="14336" y="4831"/>
            </a:cxn>
            <a:cxn ang="0">
              <a:pos x="13426" y="7142"/>
            </a:cxn>
            <a:cxn ang="0">
              <a:pos x="12743" y="6722"/>
            </a:cxn>
            <a:cxn ang="0">
              <a:pos x="13881" y="4621"/>
            </a:cxn>
            <a:cxn ang="0">
              <a:pos x="13198" y="4201"/>
            </a:cxn>
            <a:cxn ang="0">
              <a:pos x="12288" y="5461"/>
            </a:cxn>
            <a:cxn ang="0">
              <a:pos x="11833" y="5251"/>
            </a:cxn>
            <a:cxn ang="0">
              <a:pos x="12743" y="3361"/>
            </a:cxn>
            <a:cxn ang="0">
              <a:pos x="11833" y="3151"/>
            </a:cxn>
            <a:cxn ang="0">
              <a:pos x="9785" y="5041"/>
            </a:cxn>
            <a:cxn ang="0">
              <a:pos x="8420" y="4201"/>
            </a:cxn>
            <a:cxn ang="0">
              <a:pos x="10923" y="3151"/>
            </a:cxn>
            <a:cxn ang="0">
              <a:pos x="11150" y="2521"/>
            </a:cxn>
            <a:cxn ang="0">
              <a:pos x="10468" y="2311"/>
            </a:cxn>
            <a:cxn ang="0">
              <a:pos x="10240" y="2731"/>
            </a:cxn>
            <a:cxn ang="0">
              <a:pos x="8647" y="2101"/>
            </a:cxn>
            <a:cxn ang="0">
              <a:pos x="7509" y="3361"/>
            </a:cxn>
            <a:cxn ang="0">
              <a:pos x="5006" y="1890"/>
            </a:cxn>
            <a:cxn ang="0">
              <a:pos x="5461" y="420"/>
            </a:cxn>
            <a:cxn ang="0">
              <a:pos x="4551" y="0"/>
            </a:cxn>
            <a:cxn ang="0">
              <a:pos x="3186" y="1050"/>
            </a:cxn>
          </a:cxnLst>
          <a:rect l="0" t="0" r="r" b="b"/>
          <a:pathLst>
            <a:path w="16384" h="16384">
              <a:moveTo>
                <a:pt x="3186" y="1050"/>
              </a:moveTo>
              <a:lnTo>
                <a:pt x="2731" y="1470"/>
              </a:lnTo>
              <a:lnTo>
                <a:pt x="2731" y="2311"/>
              </a:lnTo>
              <a:lnTo>
                <a:pt x="2958" y="3151"/>
              </a:lnTo>
              <a:lnTo>
                <a:pt x="2731" y="3781"/>
              </a:lnTo>
              <a:lnTo>
                <a:pt x="2503" y="4621"/>
              </a:lnTo>
              <a:lnTo>
                <a:pt x="1820" y="5461"/>
              </a:lnTo>
              <a:lnTo>
                <a:pt x="2048" y="6302"/>
              </a:lnTo>
              <a:lnTo>
                <a:pt x="3186" y="6512"/>
              </a:lnTo>
              <a:lnTo>
                <a:pt x="3186" y="7142"/>
              </a:lnTo>
              <a:lnTo>
                <a:pt x="3641" y="7562"/>
              </a:lnTo>
              <a:lnTo>
                <a:pt x="3413" y="8402"/>
              </a:lnTo>
              <a:lnTo>
                <a:pt x="2731" y="8822"/>
              </a:lnTo>
              <a:lnTo>
                <a:pt x="2048" y="9242"/>
              </a:lnTo>
              <a:lnTo>
                <a:pt x="1138" y="9242"/>
              </a:lnTo>
              <a:lnTo>
                <a:pt x="0" y="9242"/>
              </a:lnTo>
              <a:lnTo>
                <a:pt x="455" y="9872"/>
              </a:lnTo>
              <a:lnTo>
                <a:pt x="1365" y="10503"/>
              </a:lnTo>
              <a:lnTo>
                <a:pt x="1593" y="11553"/>
              </a:lnTo>
              <a:lnTo>
                <a:pt x="2276" y="11763"/>
              </a:lnTo>
              <a:lnTo>
                <a:pt x="3641" y="11763"/>
              </a:lnTo>
              <a:lnTo>
                <a:pt x="4096" y="12603"/>
              </a:lnTo>
              <a:lnTo>
                <a:pt x="5006" y="14073"/>
              </a:lnTo>
              <a:lnTo>
                <a:pt x="6372" y="13653"/>
              </a:lnTo>
              <a:lnTo>
                <a:pt x="7282" y="13443"/>
              </a:lnTo>
              <a:lnTo>
                <a:pt x="9330" y="14704"/>
              </a:lnTo>
              <a:lnTo>
                <a:pt x="11833" y="16384"/>
              </a:lnTo>
              <a:lnTo>
                <a:pt x="14791" y="14073"/>
              </a:lnTo>
              <a:lnTo>
                <a:pt x="15246" y="12183"/>
              </a:lnTo>
              <a:lnTo>
                <a:pt x="13426" y="10923"/>
              </a:lnTo>
              <a:lnTo>
                <a:pt x="14108" y="10082"/>
              </a:lnTo>
              <a:lnTo>
                <a:pt x="15246" y="10713"/>
              </a:lnTo>
              <a:lnTo>
                <a:pt x="16384" y="5671"/>
              </a:lnTo>
              <a:lnTo>
                <a:pt x="16156" y="5461"/>
              </a:lnTo>
              <a:lnTo>
                <a:pt x="14791" y="8192"/>
              </a:lnTo>
              <a:lnTo>
                <a:pt x="13653" y="7562"/>
              </a:lnTo>
              <a:lnTo>
                <a:pt x="15246" y="5041"/>
              </a:lnTo>
              <a:lnTo>
                <a:pt x="14336" y="4831"/>
              </a:lnTo>
              <a:lnTo>
                <a:pt x="13426" y="7142"/>
              </a:lnTo>
              <a:lnTo>
                <a:pt x="12743" y="6722"/>
              </a:lnTo>
              <a:lnTo>
                <a:pt x="13881" y="4621"/>
              </a:lnTo>
              <a:lnTo>
                <a:pt x="13198" y="4201"/>
              </a:lnTo>
              <a:lnTo>
                <a:pt x="12288" y="5461"/>
              </a:lnTo>
              <a:lnTo>
                <a:pt x="11833" y="5251"/>
              </a:lnTo>
              <a:lnTo>
                <a:pt x="12743" y="3361"/>
              </a:lnTo>
              <a:lnTo>
                <a:pt x="11833" y="3151"/>
              </a:lnTo>
              <a:lnTo>
                <a:pt x="9785" y="5041"/>
              </a:lnTo>
              <a:lnTo>
                <a:pt x="8420" y="4201"/>
              </a:lnTo>
              <a:lnTo>
                <a:pt x="10923" y="3151"/>
              </a:lnTo>
              <a:lnTo>
                <a:pt x="11150" y="2521"/>
              </a:lnTo>
              <a:lnTo>
                <a:pt x="10468" y="2311"/>
              </a:lnTo>
              <a:lnTo>
                <a:pt x="10240" y="2731"/>
              </a:lnTo>
              <a:lnTo>
                <a:pt x="8647" y="2101"/>
              </a:lnTo>
              <a:lnTo>
                <a:pt x="7509" y="3361"/>
              </a:lnTo>
              <a:lnTo>
                <a:pt x="5006" y="1890"/>
              </a:lnTo>
              <a:lnTo>
                <a:pt x="5461" y="420"/>
              </a:lnTo>
              <a:lnTo>
                <a:pt x="4551" y="0"/>
              </a:lnTo>
              <a:lnTo>
                <a:pt x="3186" y="1050"/>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114300</xdr:colOff>
      <xdr:row>21</xdr:row>
      <xdr:rowOff>142875</xdr:rowOff>
    </xdr:from>
    <xdr:to>
      <xdr:col>14</xdr:col>
      <xdr:colOff>238125</xdr:colOff>
      <xdr:row>25</xdr:row>
      <xdr:rowOff>66677</xdr:rowOff>
    </xdr:to>
    <xdr:sp macro="" textlink="">
      <xdr:nvSpPr>
        <xdr:cNvPr id="6" name="d14105">
          <a:extLst>
            <a:ext uri="{FF2B5EF4-FFF2-40B4-BE49-F238E27FC236}">
              <a16:creationId xmlns:a16="http://schemas.microsoft.com/office/drawing/2014/main" id="{00000000-0008-0000-0000-000006000000}"/>
            </a:ext>
          </a:extLst>
        </xdr:cNvPr>
        <xdr:cNvSpPr>
          <a:spLocks/>
        </xdr:cNvSpPr>
      </xdr:nvSpPr>
      <xdr:spPr bwMode="auto">
        <a:xfrm>
          <a:off x="8039100" y="4410075"/>
          <a:ext cx="733425" cy="533402"/>
        </a:xfrm>
        <a:custGeom>
          <a:avLst/>
          <a:gdLst/>
          <a:ahLst/>
          <a:cxnLst>
            <a:cxn ang="0">
              <a:pos x="14682" y="2048"/>
            </a:cxn>
            <a:cxn ang="0">
              <a:pos x="13831" y="2341"/>
            </a:cxn>
            <a:cxn ang="0">
              <a:pos x="12980" y="3218"/>
            </a:cxn>
            <a:cxn ang="0">
              <a:pos x="12341" y="3218"/>
            </a:cxn>
            <a:cxn ang="0">
              <a:pos x="12128" y="2926"/>
            </a:cxn>
            <a:cxn ang="0">
              <a:pos x="12341" y="1463"/>
            </a:cxn>
            <a:cxn ang="0">
              <a:pos x="11277" y="878"/>
            </a:cxn>
            <a:cxn ang="0">
              <a:pos x="10426" y="0"/>
            </a:cxn>
            <a:cxn ang="0">
              <a:pos x="9788" y="585"/>
            </a:cxn>
            <a:cxn ang="0">
              <a:pos x="9150" y="585"/>
            </a:cxn>
            <a:cxn ang="0">
              <a:pos x="8298" y="585"/>
            </a:cxn>
            <a:cxn ang="0">
              <a:pos x="6809" y="2926"/>
            </a:cxn>
            <a:cxn ang="0">
              <a:pos x="5745" y="1755"/>
            </a:cxn>
            <a:cxn ang="0">
              <a:pos x="4681" y="1463"/>
            </a:cxn>
            <a:cxn ang="0">
              <a:pos x="4043" y="878"/>
            </a:cxn>
            <a:cxn ang="0">
              <a:pos x="2979" y="1755"/>
            </a:cxn>
            <a:cxn ang="0">
              <a:pos x="2341" y="2633"/>
            </a:cxn>
            <a:cxn ang="0">
              <a:pos x="2128" y="3803"/>
            </a:cxn>
            <a:cxn ang="0">
              <a:pos x="1915" y="4974"/>
            </a:cxn>
            <a:cxn ang="0">
              <a:pos x="0" y="5266"/>
            </a:cxn>
            <a:cxn ang="0">
              <a:pos x="0" y="7022"/>
            </a:cxn>
            <a:cxn ang="0">
              <a:pos x="426" y="9070"/>
            </a:cxn>
            <a:cxn ang="0">
              <a:pos x="1064" y="10533"/>
            </a:cxn>
            <a:cxn ang="0">
              <a:pos x="1489" y="11410"/>
            </a:cxn>
            <a:cxn ang="0">
              <a:pos x="1915" y="12873"/>
            </a:cxn>
            <a:cxn ang="0">
              <a:pos x="2979" y="12873"/>
            </a:cxn>
            <a:cxn ang="0">
              <a:pos x="4256" y="11995"/>
            </a:cxn>
            <a:cxn ang="0">
              <a:pos x="6171" y="11703"/>
            </a:cxn>
            <a:cxn ang="0">
              <a:pos x="5958" y="13458"/>
            </a:cxn>
            <a:cxn ang="0">
              <a:pos x="6809" y="14043"/>
            </a:cxn>
            <a:cxn ang="0">
              <a:pos x="7447" y="15506"/>
            </a:cxn>
            <a:cxn ang="0">
              <a:pos x="8511" y="16384"/>
            </a:cxn>
            <a:cxn ang="0">
              <a:pos x="8086" y="16091"/>
            </a:cxn>
            <a:cxn ang="0">
              <a:pos x="7873" y="14043"/>
            </a:cxn>
            <a:cxn ang="0">
              <a:pos x="8298" y="11995"/>
            </a:cxn>
            <a:cxn ang="0">
              <a:pos x="8298" y="10240"/>
            </a:cxn>
            <a:cxn ang="0">
              <a:pos x="9362" y="9362"/>
            </a:cxn>
            <a:cxn ang="0">
              <a:pos x="10639" y="7899"/>
            </a:cxn>
            <a:cxn ang="0">
              <a:pos x="12128" y="7314"/>
            </a:cxn>
            <a:cxn ang="0">
              <a:pos x="12980" y="7314"/>
            </a:cxn>
            <a:cxn ang="0">
              <a:pos x="14043" y="7314"/>
            </a:cxn>
            <a:cxn ang="0">
              <a:pos x="14895" y="7314"/>
            </a:cxn>
            <a:cxn ang="0">
              <a:pos x="15533" y="6729"/>
            </a:cxn>
            <a:cxn ang="0">
              <a:pos x="16171" y="6144"/>
            </a:cxn>
            <a:cxn ang="0">
              <a:pos x="16384" y="4974"/>
            </a:cxn>
            <a:cxn ang="0">
              <a:pos x="15958" y="4389"/>
            </a:cxn>
            <a:cxn ang="0">
              <a:pos x="15958" y="3511"/>
            </a:cxn>
            <a:cxn ang="0">
              <a:pos x="14895" y="3218"/>
            </a:cxn>
            <a:cxn ang="0">
              <a:pos x="14682" y="2048"/>
            </a:cxn>
          </a:cxnLst>
          <a:rect l="0" t="0" r="r" b="b"/>
          <a:pathLst>
            <a:path w="16384" h="16384">
              <a:moveTo>
                <a:pt x="14682" y="2048"/>
              </a:moveTo>
              <a:lnTo>
                <a:pt x="13831" y="2341"/>
              </a:lnTo>
              <a:lnTo>
                <a:pt x="12980" y="3218"/>
              </a:lnTo>
              <a:lnTo>
                <a:pt x="12341" y="3218"/>
              </a:lnTo>
              <a:lnTo>
                <a:pt x="12128" y="2926"/>
              </a:lnTo>
              <a:lnTo>
                <a:pt x="12341" y="1463"/>
              </a:lnTo>
              <a:lnTo>
                <a:pt x="11277" y="878"/>
              </a:lnTo>
              <a:lnTo>
                <a:pt x="10426" y="0"/>
              </a:lnTo>
              <a:lnTo>
                <a:pt x="9788" y="585"/>
              </a:lnTo>
              <a:lnTo>
                <a:pt x="9150" y="585"/>
              </a:lnTo>
              <a:lnTo>
                <a:pt x="8298" y="585"/>
              </a:lnTo>
              <a:lnTo>
                <a:pt x="6809" y="2926"/>
              </a:lnTo>
              <a:lnTo>
                <a:pt x="5745" y="1755"/>
              </a:lnTo>
              <a:lnTo>
                <a:pt x="4681" y="1463"/>
              </a:lnTo>
              <a:lnTo>
                <a:pt x="4043" y="878"/>
              </a:lnTo>
              <a:lnTo>
                <a:pt x="2979" y="1755"/>
              </a:lnTo>
              <a:lnTo>
                <a:pt x="2341" y="2633"/>
              </a:lnTo>
              <a:lnTo>
                <a:pt x="2128" y="3803"/>
              </a:lnTo>
              <a:lnTo>
                <a:pt x="1915" y="4974"/>
              </a:lnTo>
              <a:lnTo>
                <a:pt x="0" y="5266"/>
              </a:lnTo>
              <a:lnTo>
                <a:pt x="0" y="7022"/>
              </a:lnTo>
              <a:lnTo>
                <a:pt x="426" y="9070"/>
              </a:lnTo>
              <a:lnTo>
                <a:pt x="1064" y="10533"/>
              </a:lnTo>
              <a:lnTo>
                <a:pt x="1489" y="11410"/>
              </a:lnTo>
              <a:lnTo>
                <a:pt x="1915" y="12873"/>
              </a:lnTo>
              <a:lnTo>
                <a:pt x="2979" y="12873"/>
              </a:lnTo>
              <a:lnTo>
                <a:pt x="4256" y="11995"/>
              </a:lnTo>
              <a:lnTo>
                <a:pt x="6171" y="11703"/>
              </a:lnTo>
              <a:lnTo>
                <a:pt x="5958" y="13458"/>
              </a:lnTo>
              <a:lnTo>
                <a:pt x="6809" y="14043"/>
              </a:lnTo>
              <a:lnTo>
                <a:pt x="7447" y="15506"/>
              </a:lnTo>
              <a:lnTo>
                <a:pt x="8511" y="16384"/>
              </a:lnTo>
              <a:lnTo>
                <a:pt x="8086" y="16091"/>
              </a:lnTo>
              <a:lnTo>
                <a:pt x="7873" y="14043"/>
              </a:lnTo>
              <a:lnTo>
                <a:pt x="8298" y="11995"/>
              </a:lnTo>
              <a:lnTo>
                <a:pt x="8298" y="10240"/>
              </a:lnTo>
              <a:lnTo>
                <a:pt x="9362" y="9362"/>
              </a:lnTo>
              <a:lnTo>
                <a:pt x="10639" y="7899"/>
              </a:lnTo>
              <a:lnTo>
                <a:pt x="12128" y="7314"/>
              </a:lnTo>
              <a:lnTo>
                <a:pt x="12980" y="7314"/>
              </a:lnTo>
              <a:lnTo>
                <a:pt x="14043" y="7314"/>
              </a:lnTo>
              <a:lnTo>
                <a:pt x="14895" y="7314"/>
              </a:lnTo>
              <a:lnTo>
                <a:pt x="15533" y="6729"/>
              </a:lnTo>
              <a:lnTo>
                <a:pt x="16171" y="6144"/>
              </a:lnTo>
              <a:lnTo>
                <a:pt x="16384" y="4974"/>
              </a:lnTo>
              <a:lnTo>
                <a:pt x="15958" y="4389"/>
              </a:lnTo>
              <a:lnTo>
                <a:pt x="15958" y="3511"/>
              </a:lnTo>
              <a:lnTo>
                <a:pt x="14895" y="3218"/>
              </a:lnTo>
              <a:lnTo>
                <a:pt x="14682" y="2048"/>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400050</xdr:colOff>
      <xdr:row>17</xdr:row>
      <xdr:rowOff>19050</xdr:rowOff>
    </xdr:from>
    <xdr:to>
      <xdr:col>13</xdr:col>
      <xdr:colOff>485775</xdr:colOff>
      <xdr:row>23</xdr:row>
      <xdr:rowOff>9525</xdr:rowOff>
    </xdr:to>
    <xdr:sp macro="" textlink="">
      <xdr:nvSpPr>
        <xdr:cNvPr id="7" name="d14106">
          <a:extLst>
            <a:ext uri="{FF2B5EF4-FFF2-40B4-BE49-F238E27FC236}">
              <a16:creationId xmlns:a16="http://schemas.microsoft.com/office/drawing/2014/main" id="{00000000-0008-0000-0000-000007000000}"/>
            </a:ext>
          </a:extLst>
        </xdr:cNvPr>
        <xdr:cNvSpPr>
          <a:spLocks/>
        </xdr:cNvSpPr>
      </xdr:nvSpPr>
      <xdr:spPr bwMode="auto">
        <a:xfrm>
          <a:off x="7715250" y="3676650"/>
          <a:ext cx="695325" cy="904875"/>
        </a:xfrm>
        <a:custGeom>
          <a:avLst/>
          <a:gdLst/>
          <a:ahLst/>
          <a:cxnLst>
            <a:cxn ang="0">
              <a:pos x="15486" y="7071"/>
            </a:cxn>
            <a:cxn ang="0">
              <a:pos x="14588" y="6899"/>
            </a:cxn>
            <a:cxn ang="0">
              <a:pos x="14588" y="4657"/>
            </a:cxn>
            <a:cxn ang="0">
              <a:pos x="13242" y="4139"/>
            </a:cxn>
            <a:cxn ang="0">
              <a:pos x="10997" y="4829"/>
            </a:cxn>
            <a:cxn ang="0">
              <a:pos x="9875" y="6381"/>
            </a:cxn>
            <a:cxn ang="0">
              <a:pos x="8304" y="4829"/>
            </a:cxn>
            <a:cxn ang="0">
              <a:pos x="7631" y="2242"/>
            </a:cxn>
            <a:cxn ang="0">
              <a:pos x="5835" y="517"/>
            </a:cxn>
            <a:cxn ang="0">
              <a:pos x="5162" y="172"/>
            </a:cxn>
            <a:cxn ang="0">
              <a:pos x="4040" y="1552"/>
            </a:cxn>
            <a:cxn ang="0">
              <a:pos x="3142" y="1897"/>
            </a:cxn>
            <a:cxn ang="0">
              <a:pos x="2693" y="690"/>
            </a:cxn>
            <a:cxn ang="0">
              <a:pos x="1571" y="345"/>
            </a:cxn>
            <a:cxn ang="0">
              <a:pos x="898" y="1380"/>
            </a:cxn>
            <a:cxn ang="0">
              <a:pos x="2918" y="2932"/>
            </a:cxn>
            <a:cxn ang="0">
              <a:pos x="5162" y="3104"/>
            </a:cxn>
            <a:cxn ang="0">
              <a:pos x="4264" y="4312"/>
            </a:cxn>
            <a:cxn ang="0">
              <a:pos x="4264" y="5519"/>
            </a:cxn>
            <a:cxn ang="0">
              <a:pos x="2244" y="6554"/>
            </a:cxn>
            <a:cxn ang="0">
              <a:pos x="4264" y="7761"/>
            </a:cxn>
            <a:cxn ang="0">
              <a:pos x="6060" y="8968"/>
            </a:cxn>
            <a:cxn ang="0">
              <a:pos x="5611" y="10520"/>
            </a:cxn>
            <a:cxn ang="0">
              <a:pos x="4040" y="11038"/>
            </a:cxn>
            <a:cxn ang="0">
              <a:pos x="2244" y="10693"/>
            </a:cxn>
            <a:cxn ang="0">
              <a:pos x="0" y="11555"/>
            </a:cxn>
            <a:cxn ang="0">
              <a:pos x="1122" y="12762"/>
            </a:cxn>
            <a:cxn ang="0">
              <a:pos x="3591" y="13797"/>
            </a:cxn>
            <a:cxn ang="0">
              <a:pos x="3815" y="15522"/>
            </a:cxn>
            <a:cxn ang="0">
              <a:pos x="6284" y="15004"/>
            </a:cxn>
            <a:cxn ang="0">
              <a:pos x="7631" y="16384"/>
            </a:cxn>
            <a:cxn ang="0">
              <a:pos x="9875" y="15522"/>
            </a:cxn>
            <a:cxn ang="0">
              <a:pos x="10773" y="14314"/>
            </a:cxn>
            <a:cxn ang="0">
              <a:pos x="12569" y="14142"/>
            </a:cxn>
            <a:cxn ang="0">
              <a:pos x="14813" y="15004"/>
            </a:cxn>
            <a:cxn ang="0">
              <a:pos x="15935" y="13452"/>
            </a:cxn>
            <a:cxn ang="0">
              <a:pos x="15486" y="12072"/>
            </a:cxn>
            <a:cxn ang="0">
              <a:pos x="16160" y="10865"/>
            </a:cxn>
            <a:cxn ang="0">
              <a:pos x="16384" y="9658"/>
            </a:cxn>
            <a:cxn ang="0">
              <a:pos x="15935" y="8451"/>
            </a:cxn>
            <a:cxn ang="0">
              <a:pos x="16160" y="7416"/>
            </a:cxn>
          </a:cxnLst>
          <a:rect l="0" t="0" r="r" b="b"/>
          <a:pathLst>
            <a:path w="16384" h="16384">
              <a:moveTo>
                <a:pt x="16160" y="7071"/>
              </a:moveTo>
              <a:lnTo>
                <a:pt x="15486" y="7071"/>
              </a:lnTo>
              <a:lnTo>
                <a:pt x="15037" y="7243"/>
              </a:lnTo>
              <a:lnTo>
                <a:pt x="14588" y="6899"/>
              </a:lnTo>
              <a:lnTo>
                <a:pt x="15037" y="5691"/>
              </a:lnTo>
              <a:lnTo>
                <a:pt x="14588" y="4657"/>
              </a:lnTo>
              <a:lnTo>
                <a:pt x="14140" y="3622"/>
              </a:lnTo>
              <a:lnTo>
                <a:pt x="13242" y="4139"/>
              </a:lnTo>
              <a:lnTo>
                <a:pt x="12120" y="4139"/>
              </a:lnTo>
              <a:lnTo>
                <a:pt x="10997" y="4829"/>
              </a:lnTo>
              <a:lnTo>
                <a:pt x="10100" y="5519"/>
              </a:lnTo>
              <a:lnTo>
                <a:pt x="9875" y="6381"/>
              </a:lnTo>
              <a:lnTo>
                <a:pt x="9202" y="5519"/>
              </a:lnTo>
              <a:lnTo>
                <a:pt x="8304" y="4829"/>
              </a:lnTo>
              <a:lnTo>
                <a:pt x="8080" y="3277"/>
              </a:lnTo>
              <a:lnTo>
                <a:pt x="7631" y="2242"/>
              </a:lnTo>
              <a:lnTo>
                <a:pt x="6509" y="1207"/>
              </a:lnTo>
              <a:lnTo>
                <a:pt x="5835" y="517"/>
              </a:lnTo>
              <a:lnTo>
                <a:pt x="5611" y="0"/>
              </a:lnTo>
              <a:lnTo>
                <a:pt x="5162" y="172"/>
              </a:lnTo>
              <a:lnTo>
                <a:pt x="4713" y="862"/>
              </a:lnTo>
              <a:lnTo>
                <a:pt x="4040" y="1552"/>
              </a:lnTo>
              <a:lnTo>
                <a:pt x="3591" y="2070"/>
              </a:lnTo>
              <a:lnTo>
                <a:pt x="3142" y="1897"/>
              </a:lnTo>
              <a:lnTo>
                <a:pt x="3142" y="1035"/>
              </a:lnTo>
              <a:lnTo>
                <a:pt x="2693" y="690"/>
              </a:lnTo>
              <a:lnTo>
                <a:pt x="1796" y="517"/>
              </a:lnTo>
              <a:lnTo>
                <a:pt x="1571" y="345"/>
              </a:lnTo>
              <a:lnTo>
                <a:pt x="1122" y="1035"/>
              </a:lnTo>
              <a:lnTo>
                <a:pt x="898" y="1380"/>
              </a:lnTo>
              <a:lnTo>
                <a:pt x="2020" y="2587"/>
              </a:lnTo>
              <a:lnTo>
                <a:pt x="2918" y="2932"/>
              </a:lnTo>
              <a:lnTo>
                <a:pt x="4489" y="3104"/>
              </a:lnTo>
              <a:lnTo>
                <a:pt x="5162" y="3104"/>
              </a:lnTo>
              <a:lnTo>
                <a:pt x="5162" y="3794"/>
              </a:lnTo>
              <a:lnTo>
                <a:pt x="4264" y="4312"/>
              </a:lnTo>
              <a:lnTo>
                <a:pt x="4938" y="4829"/>
              </a:lnTo>
              <a:lnTo>
                <a:pt x="4264" y="5519"/>
              </a:lnTo>
              <a:lnTo>
                <a:pt x="3591" y="6036"/>
              </a:lnTo>
              <a:lnTo>
                <a:pt x="2244" y="6554"/>
              </a:lnTo>
              <a:lnTo>
                <a:pt x="3142" y="7588"/>
              </a:lnTo>
              <a:lnTo>
                <a:pt x="4264" y="7761"/>
              </a:lnTo>
              <a:lnTo>
                <a:pt x="5387" y="8278"/>
              </a:lnTo>
              <a:lnTo>
                <a:pt x="6060" y="8968"/>
              </a:lnTo>
              <a:lnTo>
                <a:pt x="5835" y="9830"/>
              </a:lnTo>
              <a:lnTo>
                <a:pt x="5611" y="10520"/>
              </a:lnTo>
              <a:lnTo>
                <a:pt x="5387" y="10693"/>
              </a:lnTo>
              <a:lnTo>
                <a:pt x="4040" y="11038"/>
              </a:lnTo>
              <a:lnTo>
                <a:pt x="2918" y="10865"/>
              </a:lnTo>
              <a:lnTo>
                <a:pt x="2244" y="10693"/>
              </a:lnTo>
              <a:lnTo>
                <a:pt x="673" y="11210"/>
              </a:lnTo>
              <a:lnTo>
                <a:pt x="0" y="11555"/>
              </a:lnTo>
              <a:lnTo>
                <a:pt x="224" y="12245"/>
              </a:lnTo>
              <a:lnTo>
                <a:pt x="1122" y="12762"/>
              </a:lnTo>
              <a:lnTo>
                <a:pt x="2244" y="13452"/>
              </a:lnTo>
              <a:lnTo>
                <a:pt x="3591" y="13797"/>
              </a:lnTo>
              <a:lnTo>
                <a:pt x="3367" y="14832"/>
              </a:lnTo>
              <a:lnTo>
                <a:pt x="3815" y="15522"/>
              </a:lnTo>
              <a:lnTo>
                <a:pt x="4938" y="15349"/>
              </a:lnTo>
              <a:lnTo>
                <a:pt x="6284" y="15004"/>
              </a:lnTo>
              <a:lnTo>
                <a:pt x="7182" y="15177"/>
              </a:lnTo>
              <a:lnTo>
                <a:pt x="7631" y="16384"/>
              </a:lnTo>
              <a:lnTo>
                <a:pt x="9651" y="16212"/>
              </a:lnTo>
              <a:lnTo>
                <a:pt x="9875" y="15522"/>
              </a:lnTo>
              <a:lnTo>
                <a:pt x="10100" y="14832"/>
              </a:lnTo>
              <a:lnTo>
                <a:pt x="10773" y="14314"/>
              </a:lnTo>
              <a:lnTo>
                <a:pt x="11895" y="13797"/>
              </a:lnTo>
              <a:lnTo>
                <a:pt x="12569" y="14142"/>
              </a:lnTo>
              <a:lnTo>
                <a:pt x="13691" y="14314"/>
              </a:lnTo>
              <a:lnTo>
                <a:pt x="14813" y="15004"/>
              </a:lnTo>
              <a:lnTo>
                <a:pt x="16384" y="13625"/>
              </a:lnTo>
              <a:lnTo>
                <a:pt x="15935" y="13452"/>
              </a:lnTo>
              <a:lnTo>
                <a:pt x="15486" y="12935"/>
              </a:lnTo>
              <a:lnTo>
                <a:pt x="15486" y="12072"/>
              </a:lnTo>
              <a:lnTo>
                <a:pt x="15711" y="11555"/>
              </a:lnTo>
              <a:lnTo>
                <a:pt x="16160" y="10865"/>
              </a:lnTo>
              <a:lnTo>
                <a:pt x="16160" y="10175"/>
              </a:lnTo>
              <a:lnTo>
                <a:pt x="16384" y="9658"/>
              </a:lnTo>
              <a:lnTo>
                <a:pt x="16160" y="9141"/>
              </a:lnTo>
              <a:lnTo>
                <a:pt x="15935" y="8451"/>
              </a:lnTo>
              <a:lnTo>
                <a:pt x="15711" y="7761"/>
              </a:lnTo>
              <a:lnTo>
                <a:pt x="16160" y="7416"/>
              </a:lnTo>
              <a:lnTo>
                <a:pt x="16160" y="7071"/>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276225</xdr:colOff>
      <xdr:row>23</xdr:row>
      <xdr:rowOff>76200</xdr:rowOff>
    </xdr:from>
    <xdr:to>
      <xdr:col>14</xdr:col>
      <xdr:colOff>314325</xdr:colOff>
      <xdr:row>30</xdr:row>
      <xdr:rowOff>0</xdr:rowOff>
    </xdr:to>
    <xdr:sp macro="" textlink="">
      <xdr:nvSpPr>
        <xdr:cNvPr id="8" name="d14107">
          <a:extLst>
            <a:ext uri="{FF2B5EF4-FFF2-40B4-BE49-F238E27FC236}">
              <a16:creationId xmlns:a16="http://schemas.microsoft.com/office/drawing/2014/main" id="{00000000-0008-0000-0000-000008000000}"/>
            </a:ext>
          </a:extLst>
        </xdr:cNvPr>
        <xdr:cNvSpPr>
          <a:spLocks/>
        </xdr:cNvSpPr>
      </xdr:nvSpPr>
      <xdr:spPr bwMode="auto">
        <a:xfrm>
          <a:off x="8201025" y="4648200"/>
          <a:ext cx="647700" cy="990600"/>
        </a:xfrm>
        <a:custGeom>
          <a:avLst/>
          <a:gdLst/>
          <a:ahLst/>
          <a:cxnLst>
            <a:cxn ang="0">
              <a:pos x="9638" y="0"/>
            </a:cxn>
            <a:cxn ang="0">
              <a:pos x="6505" y="1103"/>
            </a:cxn>
            <a:cxn ang="0">
              <a:pos x="5301" y="2521"/>
            </a:cxn>
            <a:cxn ang="0">
              <a:pos x="5060" y="4726"/>
            </a:cxn>
            <a:cxn ang="0">
              <a:pos x="4819" y="5199"/>
            </a:cxn>
            <a:cxn ang="0">
              <a:pos x="3132" y="5514"/>
            </a:cxn>
            <a:cxn ang="0">
              <a:pos x="3855" y="6617"/>
            </a:cxn>
            <a:cxn ang="0">
              <a:pos x="4337" y="8192"/>
            </a:cxn>
            <a:cxn ang="0">
              <a:pos x="4819" y="9295"/>
            </a:cxn>
            <a:cxn ang="0">
              <a:pos x="2650" y="9452"/>
            </a:cxn>
            <a:cxn ang="0">
              <a:pos x="723" y="10713"/>
            </a:cxn>
            <a:cxn ang="0">
              <a:pos x="1928" y="11973"/>
            </a:cxn>
            <a:cxn ang="0">
              <a:pos x="2891" y="13233"/>
            </a:cxn>
            <a:cxn ang="0">
              <a:pos x="1687" y="14178"/>
            </a:cxn>
            <a:cxn ang="0">
              <a:pos x="1205" y="14966"/>
            </a:cxn>
            <a:cxn ang="0">
              <a:pos x="723" y="15596"/>
            </a:cxn>
            <a:cxn ang="0">
              <a:pos x="723" y="16384"/>
            </a:cxn>
            <a:cxn ang="0">
              <a:pos x="2650" y="16069"/>
            </a:cxn>
            <a:cxn ang="0">
              <a:pos x="4337" y="15911"/>
            </a:cxn>
            <a:cxn ang="0">
              <a:pos x="5301" y="15281"/>
            </a:cxn>
            <a:cxn ang="0">
              <a:pos x="6264" y="14651"/>
            </a:cxn>
            <a:cxn ang="0">
              <a:pos x="7228" y="14178"/>
            </a:cxn>
            <a:cxn ang="0">
              <a:pos x="8433" y="13391"/>
            </a:cxn>
            <a:cxn ang="0">
              <a:pos x="8674" y="12603"/>
            </a:cxn>
            <a:cxn ang="0">
              <a:pos x="9879" y="11815"/>
            </a:cxn>
            <a:cxn ang="0">
              <a:pos x="10120" y="11028"/>
            </a:cxn>
            <a:cxn ang="0">
              <a:pos x="10601" y="10555"/>
            </a:cxn>
            <a:cxn ang="0">
              <a:pos x="12288" y="9925"/>
            </a:cxn>
            <a:cxn ang="0">
              <a:pos x="11806" y="9137"/>
            </a:cxn>
            <a:cxn ang="0">
              <a:pos x="12770" y="7404"/>
            </a:cxn>
            <a:cxn ang="0">
              <a:pos x="9638" y="6617"/>
            </a:cxn>
            <a:cxn ang="0">
              <a:pos x="12288" y="5986"/>
            </a:cxn>
            <a:cxn ang="0">
              <a:pos x="15420" y="5671"/>
            </a:cxn>
            <a:cxn ang="0">
              <a:pos x="16384" y="4884"/>
            </a:cxn>
            <a:cxn ang="0">
              <a:pos x="12047" y="4884"/>
            </a:cxn>
            <a:cxn ang="0">
              <a:pos x="12288" y="3623"/>
            </a:cxn>
            <a:cxn ang="0">
              <a:pos x="14456" y="3623"/>
            </a:cxn>
            <a:cxn ang="0">
              <a:pos x="14938" y="2521"/>
            </a:cxn>
            <a:cxn ang="0">
              <a:pos x="13011" y="1890"/>
            </a:cxn>
            <a:cxn ang="0">
              <a:pos x="12047" y="945"/>
            </a:cxn>
            <a:cxn ang="0">
              <a:pos x="10601" y="0"/>
            </a:cxn>
          </a:cxnLst>
          <a:rect l="0" t="0" r="r" b="b"/>
          <a:pathLst>
            <a:path w="16384" h="16384">
              <a:moveTo>
                <a:pt x="10601" y="0"/>
              </a:moveTo>
              <a:lnTo>
                <a:pt x="9638" y="0"/>
              </a:lnTo>
              <a:lnTo>
                <a:pt x="7951" y="315"/>
              </a:lnTo>
              <a:lnTo>
                <a:pt x="6505" y="1103"/>
              </a:lnTo>
              <a:lnTo>
                <a:pt x="5301" y="1575"/>
              </a:lnTo>
              <a:lnTo>
                <a:pt x="5301" y="2521"/>
              </a:lnTo>
              <a:lnTo>
                <a:pt x="4819" y="3623"/>
              </a:lnTo>
              <a:lnTo>
                <a:pt x="5060" y="4726"/>
              </a:lnTo>
              <a:lnTo>
                <a:pt x="5542" y="4884"/>
              </a:lnTo>
              <a:lnTo>
                <a:pt x="4819" y="5199"/>
              </a:lnTo>
              <a:lnTo>
                <a:pt x="3855" y="5199"/>
              </a:lnTo>
              <a:lnTo>
                <a:pt x="3132" y="5514"/>
              </a:lnTo>
              <a:lnTo>
                <a:pt x="2891" y="5986"/>
              </a:lnTo>
              <a:lnTo>
                <a:pt x="3855" y="6617"/>
              </a:lnTo>
              <a:lnTo>
                <a:pt x="4337" y="6932"/>
              </a:lnTo>
              <a:lnTo>
                <a:pt x="4337" y="8192"/>
              </a:lnTo>
              <a:lnTo>
                <a:pt x="5060" y="8980"/>
              </a:lnTo>
              <a:lnTo>
                <a:pt x="4819" y="9295"/>
              </a:lnTo>
              <a:lnTo>
                <a:pt x="3373" y="9767"/>
              </a:lnTo>
              <a:lnTo>
                <a:pt x="2650" y="9452"/>
              </a:lnTo>
              <a:lnTo>
                <a:pt x="1205" y="9925"/>
              </a:lnTo>
              <a:lnTo>
                <a:pt x="723" y="10713"/>
              </a:lnTo>
              <a:lnTo>
                <a:pt x="964" y="11185"/>
              </a:lnTo>
              <a:lnTo>
                <a:pt x="1928" y="11973"/>
              </a:lnTo>
              <a:lnTo>
                <a:pt x="2650" y="12446"/>
              </a:lnTo>
              <a:lnTo>
                <a:pt x="2891" y="13233"/>
              </a:lnTo>
              <a:lnTo>
                <a:pt x="2168" y="13706"/>
              </a:lnTo>
              <a:lnTo>
                <a:pt x="1687" y="14178"/>
              </a:lnTo>
              <a:lnTo>
                <a:pt x="964" y="14494"/>
              </a:lnTo>
              <a:lnTo>
                <a:pt x="1205" y="14966"/>
              </a:lnTo>
              <a:lnTo>
                <a:pt x="1205" y="15281"/>
              </a:lnTo>
              <a:lnTo>
                <a:pt x="723" y="15596"/>
              </a:lnTo>
              <a:lnTo>
                <a:pt x="0" y="15911"/>
              </a:lnTo>
              <a:lnTo>
                <a:pt x="723" y="16384"/>
              </a:lnTo>
              <a:lnTo>
                <a:pt x="1687" y="16069"/>
              </a:lnTo>
              <a:lnTo>
                <a:pt x="2650" y="16069"/>
              </a:lnTo>
              <a:lnTo>
                <a:pt x="3855" y="16069"/>
              </a:lnTo>
              <a:lnTo>
                <a:pt x="4337" y="15911"/>
              </a:lnTo>
              <a:lnTo>
                <a:pt x="4819" y="15596"/>
              </a:lnTo>
              <a:lnTo>
                <a:pt x="5301" y="15281"/>
              </a:lnTo>
              <a:lnTo>
                <a:pt x="5783" y="14809"/>
              </a:lnTo>
              <a:lnTo>
                <a:pt x="6264" y="14651"/>
              </a:lnTo>
              <a:lnTo>
                <a:pt x="6987" y="14494"/>
              </a:lnTo>
              <a:lnTo>
                <a:pt x="7228" y="14178"/>
              </a:lnTo>
              <a:lnTo>
                <a:pt x="7710" y="13706"/>
              </a:lnTo>
              <a:lnTo>
                <a:pt x="8433" y="13391"/>
              </a:lnTo>
              <a:lnTo>
                <a:pt x="8433" y="13076"/>
              </a:lnTo>
              <a:lnTo>
                <a:pt x="8674" y="12603"/>
              </a:lnTo>
              <a:lnTo>
                <a:pt x="9397" y="12130"/>
              </a:lnTo>
              <a:lnTo>
                <a:pt x="9879" y="11815"/>
              </a:lnTo>
              <a:lnTo>
                <a:pt x="10360" y="11343"/>
              </a:lnTo>
              <a:lnTo>
                <a:pt x="10120" y="11028"/>
              </a:lnTo>
              <a:lnTo>
                <a:pt x="10120" y="10555"/>
              </a:lnTo>
              <a:lnTo>
                <a:pt x="10601" y="10555"/>
              </a:lnTo>
              <a:lnTo>
                <a:pt x="11324" y="10398"/>
              </a:lnTo>
              <a:lnTo>
                <a:pt x="12288" y="9925"/>
              </a:lnTo>
              <a:lnTo>
                <a:pt x="11083" y="9452"/>
              </a:lnTo>
              <a:lnTo>
                <a:pt x="11806" y="9137"/>
              </a:lnTo>
              <a:lnTo>
                <a:pt x="13493" y="8507"/>
              </a:lnTo>
              <a:lnTo>
                <a:pt x="12770" y="7404"/>
              </a:lnTo>
              <a:lnTo>
                <a:pt x="10360" y="7877"/>
              </a:lnTo>
              <a:lnTo>
                <a:pt x="9638" y="6617"/>
              </a:lnTo>
              <a:lnTo>
                <a:pt x="11083" y="5671"/>
              </a:lnTo>
              <a:lnTo>
                <a:pt x="12288" y="5986"/>
              </a:lnTo>
              <a:lnTo>
                <a:pt x="14216" y="5671"/>
              </a:lnTo>
              <a:lnTo>
                <a:pt x="15420" y="5671"/>
              </a:lnTo>
              <a:lnTo>
                <a:pt x="16384" y="5671"/>
              </a:lnTo>
              <a:lnTo>
                <a:pt x="16384" y="4884"/>
              </a:lnTo>
              <a:lnTo>
                <a:pt x="15661" y="4411"/>
              </a:lnTo>
              <a:lnTo>
                <a:pt x="12047" y="4884"/>
              </a:lnTo>
              <a:lnTo>
                <a:pt x="11565" y="3938"/>
              </a:lnTo>
              <a:lnTo>
                <a:pt x="12288" y="3623"/>
              </a:lnTo>
              <a:lnTo>
                <a:pt x="13011" y="4254"/>
              </a:lnTo>
              <a:lnTo>
                <a:pt x="14456" y="3623"/>
              </a:lnTo>
              <a:lnTo>
                <a:pt x="15902" y="3623"/>
              </a:lnTo>
              <a:lnTo>
                <a:pt x="14938" y="2521"/>
              </a:lnTo>
              <a:lnTo>
                <a:pt x="14456" y="1890"/>
              </a:lnTo>
              <a:lnTo>
                <a:pt x="13011" y="1890"/>
              </a:lnTo>
              <a:lnTo>
                <a:pt x="12288" y="1733"/>
              </a:lnTo>
              <a:lnTo>
                <a:pt x="12047" y="945"/>
              </a:lnTo>
              <a:lnTo>
                <a:pt x="11083" y="473"/>
              </a:lnTo>
              <a:lnTo>
                <a:pt x="10601" y="0"/>
              </a:lnTo>
              <a:close/>
            </a:path>
          </a:pathLst>
        </a:custGeom>
        <a:solidFill>
          <a:srgbClr val="FF6600"/>
        </a:solidFill>
        <a:ln w="9525" cap="flat">
          <a:solidFill>
            <a:srgbClr val="000000"/>
          </a:solidFill>
          <a:prstDash val="solid"/>
          <a:round/>
          <a:headEnd/>
          <a:tailEnd/>
        </a:ln>
      </xdr:spPr>
    </xdr:sp>
    <xdr:clientData/>
  </xdr:twoCellAnchor>
  <xdr:twoCellAnchor editAs="oneCell">
    <xdr:from>
      <xdr:col>13</xdr:col>
      <xdr:colOff>257175</xdr:colOff>
      <xdr:row>26</xdr:row>
      <xdr:rowOff>114300</xdr:rowOff>
    </xdr:from>
    <xdr:to>
      <xdr:col>14</xdr:col>
      <xdr:colOff>409575</xdr:colOff>
      <xdr:row>33</xdr:row>
      <xdr:rowOff>123826</xdr:rowOff>
    </xdr:to>
    <xdr:sp macro="" textlink="">
      <xdr:nvSpPr>
        <xdr:cNvPr id="9" name="d14108">
          <a:extLst>
            <a:ext uri="{FF2B5EF4-FFF2-40B4-BE49-F238E27FC236}">
              <a16:creationId xmlns:a16="http://schemas.microsoft.com/office/drawing/2014/main" id="{00000000-0008-0000-0000-000009000000}"/>
            </a:ext>
          </a:extLst>
        </xdr:cNvPr>
        <xdr:cNvSpPr>
          <a:spLocks/>
        </xdr:cNvSpPr>
      </xdr:nvSpPr>
      <xdr:spPr bwMode="auto">
        <a:xfrm>
          <a:off x="8181975" y="5143500"/>
          <a:ext cx="762000" cy="1076326"/>
        </a:xfrm>
        <a:custGeom>
          <a:avLst/>
          <a:gdLst/>
          <a:ahLst/>
          <a:cxnLst>
            <a:cxn ang="0">
              <a:pos x="10035" y="2030"/>
            </a:cxn>
            <a:cxn ang="0">
              <a:pos x="9011" y="2175"/>
            </a:cxn>
            <a:cxn ang="0">
              <a:pos x="9216" y="2900"/>
            </a:cxn>
            <a:cxn ang="0">
              <a:pos x="8397" y="3625"/>
            </a:cxn>
            <a:cxn ang="0">
              <a:pos x="7578" y="4495"/>
            </a:cxn>
            <a:cxn ang="0">
              <a:pos x="6963" y="5075"/>
            </a:cxn>
            <a:cxn ang="0">
              <a:pos x="6349" y="5800"/>
            </a:cxn>
            <a:cxn ang="0">
              <a:pos x="5325" y="6090"/>
            </a:cxn>
            <a:cxn ang="0">
              <a:pos x="4506" y="6815"/>
            </a:cxn>
            <a:cxn ang="0">
              <a:pos x="3686" y="7250"/>
            </a:cxn>
            <a:cxn ang="0">
              <a:pos x="1843" y="7250"/>
            </a:cxn>
            <a:cxn ang="0">
              <a:pos x="1229" y="7975"/>
            </a:cxn>
            <a:cxn ang="0">
              <a:pos x="205" y="8844"/>
            </a:cxn>
            <a:cxn ang="0">
              <a:pos x="614" y="9859"/>
            </a:cxn>
            <a:cxn ang="0">
              <a:pos x="0" y="11454"/>
            </a:cxn>
            <a:cxn ang="0">
              <a:pos x="410" y="12759"/>
            </a:cxn>
            <a:cxn ang="0">
              <a:pos x="1024" y="13629"/>
            </a:cxn>
            <a:cxn ang="0">
              <a:pos x="1434" y="14644"/>
            </a:cxn>
            <a:cxn ang="0">
              <a:pos x="3072" y="15804"/>
            </a:cxn>
            <a:cxn ang="0">
              <a:pos x="4506" y="16094"/>
            </a:cxn>
            <a:cxn ang="0">
              <a:pos x="6349" y="15949"/>
            </a:cxn>
            <a:cxn ang="0">
              <a:pos x="8192" y="15514"/>
            </a:cxn>
            <a:cxn ang="0">
              <a:pos x="9626" y="14789"/>
            </a:cxn>
            <a:cxn ang="0">
              <a:pos x="11059" y="13774"/>
            </a:cxn>
            <a:cxn ang="0">
              <a:pos x="12493" y="13194"/>
            </a:cxn>
            <a:cxn ang="0">
              <a:pos x="11264" y="12324"/>
            </a:cxn>
            <a:cxn ang="0">
              <a:pos x="10650" y="10729"/>
            </a:cxn>
            <a:cxn ang="0">
              <a:pos x="12083" y="10149"/>
            </a:cxn>
            <a:cxn ang="0">
              <a:pos x="14950" y="10149"/>
            </a:cxn>
            <a:cxn ang="0">
              <a:pos x="16179" y="7540"/>
            </a:cxn>
            <a:cxn ang="0">
              <a:pos x="14950" y="5220"/>
            </a:cxn>
            <a:cxn ang="0">
              <a:pos x="16384" y="4205"/>
            </a:cxn>
            <a:cxn ang="0">
              <a:pos x="14950" y="3045"/>
            </a:cxn>
            <a:cxn ang="0">
              <a:pos x="16384" y="725"/>
            </a:cxn>
            <a:cxn ang="0">
              <a:pos x="12083" y="1595"/>
            </a:cxn>
          </a:cxnLst>
          <a:rect l="0" t="0" r="r" b="b"/>
          <a:pathLst>
            <a:path w="16384" h="16384">
              <a:moveTo>
                <a:pt x="10854" y="1595"/>
              </a:moveTo>
              <a:lnTo>
                <a:pt x="10035" y="2030"/>
              </a:lnTo>
              <a:lnTo>
                <a:pt x="9421" y="2175"/>
              </a:lnTo>
              <a:lnTo>
                <a:pt x="9011" y="2175"/>
              </a:lnTo>
              <a:lnTo>
                <a:pt x="9011" y="2610"/>
              </a:lnTo>
              <a:lnTo>
                <a:pt x="9216" y="2900"/>
              </a:lnTo>
              <a:lnTo>
                <a:pt x="8806" y="3335"/>
              </a:lnTo>
              <a:lnTo>
                <a:pt x="8397" y="3625"/>
              </a:lnTo>
              <a:lnTo>
                <a:pt x="7782" y="4060"/>
              </a:lnTo>
              <a:lnTo>
                <a:pt x="7578" y="4495"/>
              </a:lnTo>
              <a:lnTo>
                <a:pt x="7578" y="4785"/>
              </a:lnTo>
              <a:lnTo>
                <a:pt x="6963" y="5075"/>
              </a:lnTo>
              <a:lnTo>
                <a:pt x="6554" y="5510"/>
              </a:lnTo>
              <a:lnTo>
                <a:pt x="6349" y="5800"/>
              </a:lnTo>
              <a:lnTo>
                <a:pt x="5734" y="5945"/>
              </a:lnTo>
              <a:lnTo>
                <a:pt x="5325" y="6090"/>
              </a:lnTo>
              <a:lnTo>
                <a:pt x="4915" y="6525"/>
              </a:lnTo>
              <a:lnTo>
                <a:pt x="4506" y="6815"/>
              </a:lnTo>
              <a:lnTo>
                <a:pt x="4096" y="7105"/>
              </a:lnTo>
              <a:lnTo>
                <a:pt x="3686" y="7250"/>
              </a:lnTo>
              <a:lnTo>
                <a:pt x="2662" y="7250"/>
              </a:lnTo>
              <a:lnTo>
                <a:pt x="1843" y="7250"/>
              </a:lnTo>
              <a:lnTo>
                <a:pt x="1024" y="7540"/>
              </a:lnTo>
              <a:lnTo>
                <a:pt x="1229" y="7975"/>
              </a:lnTo>
              <a:lnTo>
                <a:pt x="1024" y="8409"/>
              </a:lnTo>
              <a:lnTo>
                <a:pt x="205" y="8844"/>
              </a:lnTo>
              <a:lnTo>
                <a:pt x="205" y="9279"/>
              </a:lnTo>
              <a:lnTo>
                <a:pt x="614" y="9859"/>
              </a:lnTo>
              <a:lnTo>
                <a:pt x="410" y="10729"/>
              </a:lnTo>
              <a:lnTo>
                <a:pt x="0" y="11454"/>
              </a:lnTo>
              <a:lnTo>
                <a:pt x="614" y="12034"/>
              </a:lnTo>
              <a:lnTo>
                <a:pt x="410" y="12759"/>
              </a:lnTo>
              <a:lnTo>
                <a:pt x="410" y="13339"/>
              </a:lnTo>
              <a:lnTo>
                <a:pt x="1024" y="13629"/>
              </a:lnTo>
              <a:lnTo>
                <a:pt x="1638" y="14064"/>
              </a:lnTo>
              <a:lnTo>
                <a:pt x="1434" y="14644"/>
              </a:lnTo>
              <a:lnTo>
                <a:pt x="1843" y="15224"/>
              </a:lnTo>
              <a:lnTo>
                <a:pt x="3072" y="15804"/>
              </a:lnTo>
              <a:lnTo>
                <a:pt x="4096" y="15659"/>
              </a:lnTo>
              <a:lnTo>
                <a:pt x="4506" y="16094"/>
              </a:lnTo>
              <a:lnTo>
                <a:pt x="5325" y="16384"/>
              </a:lnTo>
              <a:lnTo>
                <a:pt x="6349" y="15949"/>
              </a:lnTo>
              <a:lnTo>
                <a:pt x="6554" y="15514"/>
              </a:lnTo>
              <a:lnTo>
                <a:pt x="8192" y="15514"/>
              </a:lnTo>
              <a:lnTo>
                <a:pt x="9216" y="15224"/>
              </a:lnTo>
              <a:lnTo>
                <a:pt x="9626" y="14789"/>
              </a:lnTo>
              <a:lnTo>
                <a:pt x="10240" y="14064"/>
              </a:lnTo>
              <a:lnTo>
                <a:pt x="11059" y="13774"/>
              </a:lnTo>
              <a:lnTo>
                <a:pt x="11469" y="14354"/>
              </a:lnTo>
              <a:lnTo>
                <a:pt x="12493" y="13194"/>
              </a:lnTo>
              <a:lnTo>
                <a:pt x="11674" y="12759"/>
              </a:lnTo>
              <a:lnTo>
                <a:pt x="11264" y="12324"/>
              </a:lnTo>
              <a:lnTo>
                <a:pt x="11059" y="11454"/>
              </a:lnTo>
              <a:lnTo>
                <a:pt x="10650" y="10729"/>
              </a:lnTo>
              <a:lnTo>
                <a:pt x="11469" y="10149"/>
              </a:lnTo>
              <a:lnTo>
                <a:pt x="12083" y="10149"/>
              </a:lnTo>
              <a:lnTo>
                <a:pt x="13312" y="9134"/>
              </a:lnTo>
              <a:lnTo>
                <a:pt x="14950" y="10149"/>
              </a:lnTo>
              <a:lnTo>
                <a:pt x="16179" y="9279"/>
              </a:lnTo>
              <a:lnTo>
                <a:pt x="16179" y="7540"/>
              </a:lnTo>
              <a:lnTo>
                <a:pt x="15360" y="6815"/>
              </a:lnTo>
              <a:lnTo>
                <a:pt x="14950" y="5220"/>
              </a:lnTo>
              <a:lnTo>
                <a:pt x="15360" y="4350"/>
              </a:lnTo>
              <a:lnTo>
                <a:pt x="16384" y="4205"/>
              </a:lnTo>
              <a:lnTo>
                <a:pt x="15770" y="2465"/>
              </a:lnTo>
              <a:lnTo>
                <a:pt x="14950" y="3045"/>
              </a:lnTo>
              <a:lnTo>
                <a:pt x="13926" y="2465"/>
              </a:lnTo>
              <a:lnTo>
                <a:pt x="16384" y="725"/>
              </a:lnTo>
              <a:lnTo>
                <a:pt x="14950" y="0"/>
              </a:lnTo>
              <a:lnTo>
                <a:pt x="12083" y="1595"/>
              </a:lnTo>
              <a:lnTo>
                <a:pt x="10854" y="1595"/>
              </a:lnTo>
              <a:close/>
            </a:path>
          </a:pathLst>
        </a:custGeom>
        <a:solidFill>
          <a:srgbClr val="FF6600"/>
        </a:solidFill>
        <a:ln w="9525" cap="flat">
          <a:solidFill>
            <a:srgbClr val="000000"/>
          </a:solidFill>
          <a:prstDash val="solid"/>
          <a:round/>
          <a:headEnd/>
          <a:tailEnd/>
        </a:ln>
      </xdr:spPr>
    </xdr:sp>
    <xdr:clientData/>
  </xdr:twoCellAnchor>
  <xdr:twoCellAnchor editAs="oneCell">
    <xdr:from>
      <xdr:col>13</xdr:col>
      <xdr:colOff>219075</xdr:colOff>
      <xdr:row>11</xdr:row>
      <xdr:rowOff>38100</xdr:rowOff>
    </xdr:from>
    <xdr:to>
      <xdr:col>14</xdr:col>
      <xdr:colOff>476250</xdr:colOff>
      <xdr:row>17</xdr:row>
      <xdr:rowOff>123824</xdr:rowOff>
    </xdr:to>
    <xdr:sp macro="" textlink="">
      <xdr:nvSpPr>
        <xdr:cNvPr id="10" name="d14109">
          <a:extLst>
            <a:ext uri="{FF2B5EF4-FFF2-40B4-BE49-F238E27FC236}">
              <a16:creationId xmlns:a16="http://schemas.microsoft.com/office/drawing/2014/main" id="{00000000-0008-0000-0000-00000A000000}"/>
            </a:ext>
          </a:extLst>
        </xdr:cNvPr>
        <xdr:cNvSpPr>
          <a:spLocks/>
        </xdr:cNvSpPr>
      </xdr:nvSpPr>
      <xdr:spPr bwMode="auto">
        <a:xfrm>
          <a:off x="8143875" y="2781300"/>
          <a:ext cx="866775" cy="1000124"/>
        </a:xfrm>
        <a:custGeom>
          <a:avLst/>
          <a:gdLst/>
          <a:ahLst/>
          <a:cxnLst>
            <a:cxn ang="0">
              <a:pos x="12063" y="12327"/>
            </a:cxn>
            <a:cxn ang="0">
              <a:pos x="11703" y="11079"/>
            </a:cxn>
            <a:cxn ang="0">
              <a:pos x="12783" y="9986"/>
            </a:cxn>
            <a:cxn ang="0">
              <a:pos x="12963" y="8894"/>
            </a:cxn>
            <a:cxn ang="0">
              <a:pos x="13863" y="8426"/>
            </a:cxn>
            <a:cxn ang="0">
              <a:pos x="13863" y="6866"/>
            </a:cxn>
            <a:cxn ang="0">
              <a:pos x="15124" y="5617"/>
            </a:cxn>
            <a:cxn ang="0">
              <a:pos x="15664" y="4681"/>
            </a:cxn>
            <a:cxn ang="0">
              <a:pos x="15664" y="1560"/>
            </a:cxn>
            <a:cxn ang="0">
              <a:pos x="14404" y="780"/>
            </a:cxn>
            <a:cxn ang="0">
              <a:pos x="12243" y="936"/>
            </a:cxn>
            <a:cxn ang="0">
              <a:pos x="9542" y="0"/>
            </a:cxn>
            <a:cxn ang="0">
              <a:pos x="8282" y="156"/>
            </a:cxn>
            <a:cxn ang="0">
              <a:pos x="7022" y="1560"/>
            </a:cxn>
            <a:cxn ang="0">
              <a:pos x="5221" y="2653"/>
            </a:cxn>
            <a:cxn ang="0">
              <a:pos x="4501" y="4993"/>
            </a:cxn>
            <a:cxn ang="0">
              <a:pos x="3421" y="5461"/>
            </a:cxn>
            <a:cxn ang="0">
              <a:pos x="3961" y="7022"/>
            </a:cxn>
            <a:cxn ang="0">
              <a:pos x="4861" y="8894"/>
            </a:cxn>
            <a:cxn ang="0">
              <a:pos x="3241" y="10455"/>
            </a:cxn>
            <a:cxn ang="0">
              <a:pos x="2701" y="11079"/>
            </a:cxn>
            <a:cxn ang="0">
              <a:pos x="900" y="11703"/>
            </a:cxn>
            <a:cxn ang="0">
              <a:pos x="540" y="12639"/>
            </a:cxn>
            <a:cxn ang="0">
              <a:pos x="360" y="13107"/>
            </a:cxn>
            <a:cxn ang="0">
              <a:pos x="1260" y="13575"/>
            </a:cxn>
            <a:cxn ang="0">
              <a:pos x="2701" y="14043"/>
            </a:cxn>
            <a:cxn ang="0">
              <a:pos x="4321" y="14356"/>
            </a:cxn>
            <a:cxn ang="0">
              <a:pos x="5041" y="13887"/>
            </a:cxn>
            <a:cxn ang="0">
              <a:pos x="5941" y="14512"/>
            </a:cxn>
            <a:cxn ang="0">
              <a:pos x="5761" y="15448"/>
            </a:cxn>
            <a:cxn ang="0">
              <a:pos x="7382" y="15448"/>
            </a:cxn>
            <a:cxn ang="0">
              <a:pos x="8282" y="16072"/>
            </a:cxn>
            <a:cxn ang="0">
              <a:pos x="9542" y="16228"/>
            </a:cxn>
            <a:cxn ang="0">
              <a:pos x="10443" y="15604"/>
            </a:cxn>
            <a:cxn ang="0">
              <a:pos x="11703" y="15604"/>
            </a:cxn>
            <a:cxn ang="0">
              <a:pos x="11883" y="13887"/>
            </a:cxn>
            <a:cxn ang="0">
              <a:pos x="12423" y="12795"/>
            </a:cxn>
          </a:cxnLst>
          <a:rect l="0" t="0" r="r" b="b"/>
          <a:pathLst>
            <a:path w="16384" h="16384">
              <a:moveTo>
                <a:pt x="12423" y="12795"/>
              </a:moveTo>
              <a:lnTo>
                <a:pt x="12063" y="12327"/>
              </a:lnTo>
              <a:lnTo>
                <a:pt x="11883" y="12015"/>
              </a:lnTo>
              <a:lnTo>
                <a:pt x="11703" y="11079"/>
              </a:lnTo>
              <a:lnTo>
                <a:pt x="11883" y="10455"/>
              </a:lnTo>
              <a:lnTo>
                <a:pt x="12783" y="9986"/>
              </a:lnTo>
              <a:lnTo>
                <a:pt x="12963" y="9674"/>
              </a:lnTo>
              <a:lnTo>
                <a:pt x="12963" y="8894"/>
              </a:lnTo>
              <a:lnTo>
                <a:pt x="13503" y="8894"/>
              </a:lnTo>
              <a:lnTo>
                <a:pt x="13863" y="8426"/>
              </a:lnTo>
              <a:lnTo>
                <a:pt x="14043" y="7490"/>
              </a:lnTo>
              <a:lnTo>
                <a:pt x="13863" y="6866"/>
              </a:lnTo>
              <a:lnTo>
                <a:pt x="14043" y="6242"/>
              </a:lnTo>
              <a:lnTo>
                <a:pt x="15124" y="5617"/>
              </a:lnTo>
              <a:lnTo>
                <a:pt x="15664" y="5305"/>
              </a:lnTo>
              <a:lnTo>
                <a:pt x="15664" y="4681"/>
              </a:lnTo>
              <a:lnTo>
                <a:pt x="16384" y="2028"/>
              </a:lnTo>
              <a:lnTo>
                <a:pt x="15664" y="1560"/>
              </a:lnTo>
              <a:lnTo>
                <a:pt x="14944" y="1248"/>
              </a:lnTo>
              <a:lnTo>
                <a:pt x="14404" y="780"/>
              </a:lnTo>
              <a:lnTo>
                <a:pt x="13503" y="936"/>
              </a:lnTo>
              <a:lnTo>
                <a:pt x="12243" y="936"/>
              </a:lnTo>
              <a:lnTo>
                <a:pt x="10983" y="312"/>
              </a:lnTo>
              <a:lnTo>
                <a:pt x="9542" y="0"/>
              </a:lnTo>
              <a:lnTo>
                <a:pt x="9002" y="312"/>
              </a:lnTo>
              <a:lnTo>
                <a:pt x="8282" y="156"/>
              </a:lnTo>
              <a:lnTo>
                <a:pt x="7022" y="624"/>
              </a:lnTo>
              <a:lnTo>
                <a:pt x="7022" y="1560"/>
              </a:lnTo>
              <a:lnTo>
                <a:pt x="6302" y="2497"/>
              </a:lnTo>
              <a:lnTo>
                <a:pt x="5221" y="2653"/>
              </a:lnTo>
              <a:lnTo>
                <a:pt x="4681" y="3901"/>
              </a:lnTo>
              <a:lnTo>
                <a:pt x="4501" y="4993"/>
              </a:lnTo>
              <a:lnTo>
                <a:pt x="3961" y="5305"/>
              </a:lnTo>
              <a:lnTo>
                <a:pt x="3421" y="5461"/>
              </a:lnTo>
              <a:lnTo>
                <a:pt x="3421" y="6866"/>
              </a:lnTo>
              <a:lnTo>
                <a:pt x="3961" y="7022"/>
              </a:lnTo>
              <a:lnTo>
                <a:pt x="4141" y="7958"/>
              </a:lnTo>
              <a:lnTo>
                <a:pt x="4861" y="8894"/>
              </a:lnTo>
              <a:lnTo>
                <a:pt x="4681" y="10455"/>
              </a:lnTo>
              <a:lnTo>
                <a:pt x="3241" y="10455"/>
              </a:lnTo>
              <a:lnTo>
                <a:pt x="3061" y="10923"/>
              </a:lnTo>
              <a:lnTo>
                <a:pt x="2701" y="11079"/>
              </a:lnTo>
              <a:lnTo>
                <a:pt x="900" y="11079"/>
              </a:lnTo>
              <a:lnTo>
                <a:pt x="900" y="11703"/>
              </a:lnTo>
              <a:lnTo>
                <a:pt x="720" y="12171"/>
              </a:lnTo>
              <a:lnTo>
                <a:pt x="540" y="12639"/>
              </a:lnTo>
              <a:lnTo>
                <a:pt x="0" y="13263"/>
              </a:lnTo>
              <a:lnTo>
                <a:pt x="360" y="13107"/>
              </a:lnTo>
              <a:lnTo>
                <a:pt x="1440" y="13107"/>
              </a:lnTo>
              <a:lnTo>
                <a:pt x="1260" y="13575"/>
              </a:lnTo>
              <a:lnTo>
                <a:pt x="1980" y="13887"/>
              </a:lnTo>
              <a:lnTo>
                <a:pt x="2701" y="14043"/>
              </a:lnTo>
              <a:lnTo>
                <a:pt x="3421" y="14199"/>
              </a:lnTo>
              <a:lnTo>
                <a:pt x="4321" y="14356"/>
              </a:lnTo>
              <a:lnTo>
                <a:pt x="4681" y="14199"/>
              </a:lnTo>
              <a:lnTo>
                <a:pt x="5041" y="13887"/>
              </a:lnTo>
              <a:lnTo>
                <a:pt x="5581" y="13887"/>
              </a:lnTo>
              <a:lnTo>
                <a:pt x="5941" y="14512"/>
              </a:lnTo>
              <a:lnTo>
                <a:pt x="5581" y="15136"/>
              </a:lnTo>
              <a:lnTo>
                <a:pt x="5761" y="15448"/>
              </a:lnTo>
              <a:lnTo>
                <a:pt x="6482" y="15448"/>
              </a:lnTo>
              <a:lnTo>
                <a:pt x="7382" y="15448"/>
              </a:lnTo>
              <a:lnTo>
                <a:pt x="7742" y="15916"/>
              </a:lnTo>
              <a:lnTo>
                <a:pt x="8282" y="16072"/>
              </a:lnTo>
              <a:lnTo>
                <a:pt x="9182" y="16384"/>
              </a:lnTo>
              <a:lnTo>
                <a:pt x="9542" y="16228"/>
              </a:lnTo>
              <a:lnTo>
                <a:pt x="10082" y="15916"/>
              </a:lnTo>
              <a:lnTo>
                <a:pt x="10443" y="15604"/>
              </a:lnTo>
              <a:lnTo>
                <a:pt x="11163" y="15760"/>
              </a:lnTo>
              <a:lnTo>
                <a:pt x="11703" y="15604"/>
              </a:lnTo>
              <a:lnTo>
                <a:pt x="11883" y="14824"/>
              </a:lnTo>
              <a:lnTo>
                <a:pt x="11883" y="13887"/>
              </a:lnTo>
              <a:lnTo>
                <a:pt x="12063" y="13107"/>
              </a:lnTo>
              <a:lnTo>
                <a:pt x="12423" y="12795"/>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314325</xdr:colOff>
      <xdr:row>21</xdr:row>
      <xdr:rowOff>76200</xdr:rowOff>
    </xdr:from>
    <xdr:to>
      <xdr:col>13</xdr:col>
      <xdr:colOff>133350</xdr:colOff>
      <xdr:row>29</xdr:row>
      <xdr:rowOff>104776</xdr:rowOff>
    </xdr:to>
    <xdr:sp macro="" textlink="">
      <xdr:nvSpPr>
        <xdr:cNvPr id="11" name="d14110">
          <a:extLst>
            <a:ext uri="{FF2B5EF4-FFF2-40B4-BE49-F238E27FC236}">
              <a16:creationId xmlns:a16="http://schemas.microsoft.com/office/drawing/2014/main" id="{00000000-0008-0000-0000-00000B000000}"/>
            </a:ext>
          </a:extLst>
        </xdr:cNvPr>
        <xdr:cNvSpPr>
          <a:spLocks/>
        </xdr:cNvSpPr>
      </xdr:nvSpPr>
      <xdr:spPr bwMode="auto">
        <a:xfrm>
          <a:off x="7019925" y="4343400"/>
          <a:ext cx="1038225" cy="1247776"/>
        </a:xfrm>
        <a:custGeom>
          <a:avLst/>
          <a:gdLst/>
          <a:ahLst/>
          <a:cxnLst>
            <a:cxn ang="0">
              <a:pos x="15783" y="2251"/>
            </a:cxn>
            <a:cxn ang="0">
              <a:pos x="14280" y="2376"/>
            </a:cxn>
            <a:cxn ang="0">
              <a:pos x="13227" y="2001"/>
            </a:cxn>
            <a:cxn ang="0">
              <a:pos x="12476" y="1001"/>
            </a:cxn>
            <a:cxn ang="0">
              <a:pos x="11123" y="125"/>
            </a:cxn>
            <a:cxn ang="0">
              <a:pos x="10221" y="625"/>
            </a:cxn>
            <a:cxn ang="0">
              <a:pos x="9319" y="1001"/>
            </a:cxn>
            <a:cxn ang="0">
              <a:pos x="8417" y="0"/>
            </a:cxn>
            <a:cxn ang="0">
              <a:pos x="8267" y="1251"/>
            </a:cxn>
            <a:cxn ang="0">
              <a:pos x="7365" y="2501"/>
            </a:cxn>
            <a:cxn ang="0">
              <a:pos x="7666" y="4377"/>
            </a:cxn>
            <a:cxn ang="0">
              <a:pos x="7215" y="5753"/>
            </a:cxn>
            <a:cxn ang="0">
              <a:pos x="6313" y="6754"/>
            </a:cxn>
            <a:cxn ang="0">
              <a:pos x="4810" y="8380"/>
            </a:cxn>
            <a:cxn ang="0">
              <a:pos x="4058" y="9255"/>
            </a:cxn>
            <a:cxn ang="0">
              <a:pos x="2706" y="10381"/>
            </a:cxn>
            <a:cxn ang="0">
              <a:pos x="1804" y="10631"/>
            </a:cxn>
            <a:cxn ang="0">
              <a:pos x="1202" y="10881"/>
            </a:cxn>
            <a:cxn ang="0">
              <a:pos x="0" y="11131"/>
            </a:cxn>
            <a:cxn ang="0">
              <a:pos x="902" y="12132"/>
            </a:cxn>
            <a:cxn ang="0">
              <a:pos x="1653" y="13132"/>
            </a:cxn>
            <a:cxn ang="0">
              <a:pos x="902" y="13883"/>
            </a:cxn>
            <a:cxn ang="0">
              <a:pos x="301" y="15258"/>
            </a:cxn>
            <a:cxn ang="0">
              <a:pos x="1052" y="16384"/>
            </a:cxn>
            <a:cxn ang="0">
              <a:pos x="1954" y="15884"/>
            </a:cxn>
            <a:cxn ang="0">
              <a:pos x="3157" y="14508"/>
            </a:cxn>
            <a:cxn ang="0">
              <a:pos x="5261" y="15634"/>
            </a:cxn>
            <a:cxn ang="0">
              <a:pos x="6313" y="14758"/>
            </a:cxn>
            <a:cxn ang="0">
              <a:pos x="6463" y="13883"/>
            </a:cxn>
            <a:cxn ang="0">
              <a:pos x="6614" y="13382"/>
            </a:cxn>
            <a:cxn ang="0">
              <a:pos x="6012" y="12882"/>
            </a:cxn>
            <a:cxn ang="0">
              <a:pos x="6914" y="12757"/>
            </a:cxn>
            <a:cxn ang="0">
              <a:pos x="7816" y="13007"/>
            </a:cxn>
            <a:cxn ang="0">
              <a:pos x="8718" y="12257"/>
            </a:cxn>
            <a:cxn ang="0">
              <a:pos x="9770" y="12757"/>
            </a:cxn>
            <a:cxn ang="0">
              <a:pos x="11273" y="12757"/>
            </a:cxn>
            <a:cxn ang="0">
              <a:pos x="11875" y="11882"/>
            </a:cxn>
            <a:cxn ang="0">
              <a:pos x="12777" y="11131"/>
            </a:cxn>
            <a:cxn ang="0">
              <a:pos x="13678" y="9880"/>
            </a:cxn>
            <a:cxn ang="0">
              <a:pos x="12777" y="8630"/>
            </a:cxn>
            <a:cxn ang="0">
              <a:pos x="12476" y="7254"/>
            </a:cxn>
            <a:cxn ang="0">
              <a:pos x="12777" y="6128"/>
            </a:cxn>
            <a:cxn ang="0">
              <a:pos x="13378" y="5253"/>
            </a:cxn>
            <a:cxn ang="0">
              <a:pos x="14430" y="5503"/>
            </a:cxn>
            <a:cxn ang="0">
              <a:pos x="15182" y="5753"/>
            </a:cxn>
            <a:cxn ang="0">
              <a:pos x="15482" y="5128"/>
            </a:cxn>
            <a:cxn ang="0">
              <a:pos x="16384" y="4753"/>
            </a:cxn>
            <a:cxn ang="0">
              <a:pos x="16083" y="3127"/>
            </a:cxn>
          </a:cxnLst>
          <a:rect l="0" t="0" r="r" b="b"/>
          <a:pathLst>
            <a:path w="16384" h="16384">
              <a:moveTo>
                <a:pt x="16083" y="3127"/>
              </a:moveTo>
              <a:lnTo>
                <a:pt x="15783" y="2251"/>
              </a:lnTo>
              <a:lnTo>
                <a:pt x="15182" y="2126"/>
              </a:lnTo>
              <a:lnTo>
                <a:pt x="14280" y="2376"/>
              </a:lnTo>
              <a:lnTo>
                <a:pt x="13528" y="2501"/>
              </a:lnTo>
              <a:lnTo>
                <a:pt x="13227" y="2001"/>
              </a:lnTo>
              <a:lnTo>
                <a:pt x="13378" y="1251"/>
              </a:lnTo>
              <a:lnTo>
                <a:pt x="12476" y="1001"/>
              </a:lnTo>
              <a:lnTo>
                <a:pt x="11724" y="500"/>
              </a:lnTo>
              <a:lnTo>
                <a:pt x="11123" y="125"/>
              </a:lnTo>
              <a:lnTo>
                <a:pt x="10822" y="625"/>
              </a:lnTo>
              <a:lnTo>
                <a:pt x="10221" y="625"/>
              </a:lnTo>
              <a:lnTo>
                <a:pt x="9620" y="1001"/>
              </a:lnTo>
              <a:lnTo>
                <a:pt x="9319" y="1001"/>
              </a:lnTo>
              <a:lnTo>
                <a:pt x="9019" y="375"/>
              </a:lnTo>
              <a:lnTo>
                <a:pt x="8417" y="0"/>
              </a:lnTo>
              <a:lnTo>
                <a:pt x="7516" y="875"/>
              </a:lnTo>
              <a:lnTo>
                <a:pt x="8267" y="1251"/>
              </a:lnTo>
              <a:lnTo>
                <a:pt x="8117" y="2251"/>
              </a:lnTo>
              <a:lnTo>
                <a:pt x="7365" y="2501"/>
              </a:lnTo>
              <a:lnTo>
                <a:pt x="7967" y="3252"/>
              </a:lnTo>
              <a:lnTo>
                <a:pt x="7666" y="4377"/>
              </a:lnTo>
              <a:lnTo>
                <a:pt x="7816" y="5253"/>
              </a:lnTo>
              <a:lnTo>
                <a:pt x="7215" y="5753"/>
              </a:lnTo>
              <a:lnTo>
                <a:pt x="6914" y="6379"/>
              </a:lnTo>
              <a:lnTo>
                <a:pt x="6313" y="6754"/>
              </a:lnTo>
              <a:lnTo>
                <a:pt x="6313" y="8380"/>
              </a:lnTo>
              <a:lnTo>
                <a:pt x="4810" y="8380"/>
              </a:lnTo>
              <a:lnTo>
                <a:pt x="4359" y="9005"/>
              </a:lnTo>
              <a:lnTo>
                <a:pt x="4058" y="9255"/>
              </a:lnTo>
              <a:lnTo>
                <a:pt x="3908" y="10381"/>
              </a:lnTo>
              <a:lnTo>
                <a:pt x="2706" y="10381"/>
              </a:lnTo>
              <a:lnTo>
                <a:pt x="2255" y="10131"/>
              </a:lnTo>
              <a:lnTo>
                <a:pt x="1804" y="10631"/>
              </a:lnTo>
              <a:lnTo>
                <a:pt x="1954" y="11131"/>
              </a:lnTo>
              <a:lnTo>
                <a:pt x="1202" y="10881"/>
              </a:lnTo>
              <a:lnTo>
                <a:pt x="752" y="11256"/>
              </a:lnTo>
              <a:lnTo>
                <a:pt x="0" y="11131"/>
              </a:lnTo>
              <a:lnTo>
                <a:pt x="301" y="11882"/>
              </a:lnTo>
              <a:lnTo>
                <a:pt x="902" y="12132"/>
              </a:lnTo>
              <a:lnTo>
                <a:pt x="1353" y="12507"/>
              </a:lnTo>
              <a:lnTo>
                <a:pt x="1653" y="13132"/>
              </a:lnTo>
              <a:lnTo>
                <a:pt x="1503" y="13507"/>
              </a:lnTo>
              <a:lnTo>
                <a:pt x="902" y="13883"/>
              </a:lnTo>
              <a:lnTo>
                <a:pt x="601" y="14508"/>
              </a:lnTo>
              <a:lnTo>
                <a:pt x="301" y="15258"/>
              </a:lnTo>
              <a:lnTo>
                <a:pt x="150" y="16134"/>
              </a:lnTo>
              <a:lnTo>
                <a:pt x="1052" y="16384"/>
              </a:lnTo>
              <a:lnTo>
                <a:pt x="1804" y="16259"/>
              </a:lnTo>
              <a:lnTo>
                <a:pt x="1954" y="15884"/>
              </a:lnTo>
              <a:lnTo>
                <a:pt x="2706" y="15509"/>
              </a:lnTo>
              <a:lnTo>
                <a:pt x="3157" y="14508"/>
              </a:lnTo>
              <a:lnTo>
                <a:pt x="4209" y="15258"/>
              </a:lnTo>
              <a:lnTo>
                <a:pt x="5261" y="15634"/>
              </a:lnTo>
              <a:lnTo>
                <a:pt x="6463" y="16009"/>
              </a:lnTo>
              <a:lnTo>
                <a:pt x="6313" y="14758"/>
              </a:lnTo>
              <a:lnTo>
                <a:pt x="5862" y="14008"/>
              </a:lnTo>
              <a:lnTo>
                <a:pt x="6463" y="13883"/>
              </a:lnTo>
              <a:lnTo>
                <a:pt x="6914" y="13883"/>
              </a:lnTo>
              <a:lnTo>
                <a:pt x="6614" y="13382"/>
              </a:lnTo>
              <a:lnTo>
                <a:pt x="6463" y="13132"/>
              </a:lnTo>
              <a:lnTo>
                <a:pt x="6012" y="12882"/>
              </a:lnTo>
              <a:lnTo>
                <a:pt x="6313" y="12382"/>
              </a:lnTo>
              <a:lnTo>
                <a:pt x="6914" y="12757"/>
              </a:lnTo>
              <a:lnTo>
                <a:pt x="7666" y="12757"/>
              </a:lnTo>
              <a:lnTo>
                <a:pt x="7816" y="13007"/>
              </a:lnTo>
              <a:lnTo>
                <a:pt x="8417" y="13132"/>
              </a:lnTo>
              <a:lnTo>
                <a:pt x="8718" y="12257"/>
              </a:lnTo>
              <a:lnTo>
                <a:pt x="9019" y="12382"/>
              </a:lnTo>
              <a:lnTo>
                <a:pt x="9770" y="12757"/>
              </a:lnTo>
              <a:lnTo>
                <a:pt x="11123" y="12882"/>
              </a:lnTo>
              <a:lnTo>
                <a:pt x="11273" y="12757"/>
              </a:lnTo>
              <a:lnTo>
                <a:pt x="11574" y="12132"/>
              </a:lnTo>
              <a:lnTo>
                <a:pt x="11875" y="11882"/>
              </a:lnTo>
              <a:lnTo>
                <a:pt x="12326" y="11631"/>
              </a:lnTo>
              <a:lnTo>
                <a:pt x="12777" y="11131"/>
              </a:lnTo>
              <a:lnTo>
                <a:pt x="13378" y="10506"/>
              </a:lnTo>
              <a:lnTo>
                <a:pt x="13678" y="9880"/>
              </a:lnTo>
              <a:lnTo>
                <a:pt x="13227" y="9005"/>
              </a:lnTo>
              <a:lnTo>
                <a:pt x="12777" y="8630"/>
              </a:lnTo>
              <a:lnTo>
                <a:pt x="12927" y="7629"/>
              </a:lnTo>
              <a:lnTo>
                <a:pt x="12476" y="7254"/>
              </a:lnTo>
              <a:lnTo>
                <a:pt x="12476" y="6253"/>
              </a:lnTo>
              <a:lnTo>
                <a:pt x="12777" y="6128"/>
              </a:lnTo>
              <a:lnTo>
                <a:pt x="13378" y="5628"/>
              </a:lnTo>
              <a:lnTo>
                <a:pt x="13378" y="5253"/>
              </a:lnTo>
              <a:lnTo>
                <a:pt x="14129" y="5128"/>
              </a:lnTo>
              <a:lnTo>
                <a:pt x="14430" y="5503"/>
              </a:lnTo>
              <a:lnTo>
                <a:pt x="15182" y="5878"/>
              </a:lnTo>
              <a:lnTo>
                <a:pt x="15182" y="5753"/>
              </a:lnTo>
              <a:lnTo>
                <a:pt x="15332" y="5128"/>
              </a:lnTo>
              <a:lnTo>
                <a:pt x="15482" y="5128"/>
              </a:lnTo>
              <a:lnTo>
                <a:pt x="15783" y="5003"/>
              </a:lnTo>
              <a:lnTo>
                <a:pt x="16384" y="4753"/>
              </a:lnTo>
              <a:lnTo>
                <a:pt x="16083" y="3877"/>
              </a:lnTo>
              <a:lnTo>
                <a:pt x="16083" y="312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485775</xdr:colOff>
      <xdr:row>23</xdr:row>
      <xdr:rowOff>133350</xdr:rowOff>
    </xdr:from>
    <xdr:to>
      <xdr:col>13</xdr:col>
      <xdr:colOff>495300</xdr:colOff>
      <xdr:row>29</xdr:row>
      <xdr:rowOff>38100</xdr:rowOff>
    </xdr:to>
    <xdr:sp macro="" textlink="">
      <xdr:nvSpPr>
        <xdr:cNvPr id="12" name="d14111">
          <a:extLst>
            <a:ext uri="{FF2B5EF4-FFF2-40B4-BE49-F238E27FC236}">
              <a16:creationId xmlns:a16="http://schemas.microsoft.com/office/drawing/2014/main" id="{00000000-0008-0000-0000-00000C000000}"/>
            </a:ext>
          </a:extLst>
        </xdr:cNvPr>
        <xdr:cNvSpPr>
          <a:spLocks/>
        </xdr:cNvSpPr>
      </xdr:nvSpPr>
      <xdr:spPr bwMode="auto">
        <a:xfrm>
          <a:off x="7800975" y="4705350"/>
          <a:ext cx="619125" cy="819150"/>
        </a:xfrm>
        <a:custGeom>
          <a:avLst/>
          <a:gdLst/>
          <a:ahLst/>
          <a:cxnLst>
            <a:cxn ang="0">
              <a:pos x="6806" y="0"/>
            </a:cxn>
            <a:cxn ang="0">
              <a:pos x="5797" y="381"/>
            </a:cxn>
            <a:cxn ang="0">
              <a:pos x="5293" y="572"/>
            </a:cxn>
            <a:cxn ang="0">
              <a:pos x="5041" y="572"/>
            </a:cxn>
            <a:cxn ang="0">
              <a:pos x="4789" y="1524"/>
            </a:cxn>
            <a:cxn ang="0">
              <a:pos x="4789" y="1715"/>
            </a:cxn>
            <a:cxn ang="0">
              <a:pos x="3529" y="1143"/>
            </a:cxn>
            <a:cxn ang="0">
              <a:pos x="3025" y="572"/>
            </a:cxn>
            <a:cxn ang="0">
              <a:pos x="1764" y="762"/>
            </a:cxn>
            <a:cxn ang="0">
              <a:pos x="1764" y="1334"/>
            </a:cxn>
            <a:cxn ang="0">
              <a:pos x="756" y="2096"/>
            </a:cxn>
            <a:cxn ang="0">
              <a:pos x="252" y="2286"/>
            </a:cxn>
            <a:cxn ang="0">
              <a:pos x="252" y="3810"/>
            </a:cxn>
            <a:cxn ang="0">
              <a:pos x="1008" y="4382"/>
            </a:cxn>
            <a:cxn ang="0">
              <a:pos x="756" y="5906"/>
            </a:cxn>
            <a:cxn ang="0">
              <a:pos x="1512" y="6477"/>
            </a:cxn>
            <a:cxn ang="0">
              <a:pos x="2269" y="7811"/>
            </a:cxn>
            <a:cxn ang="0">
              <a:pos x="1764" y="8764"/>
            </a:cxn>
            <a:cxn ang="0">
              <a:pos x="756" y="9716"/>
            </a:cxn>
            <a:cxn ang="0">
              <a:pos x="0" y="10478"/>
            </a:cxn>
            <a:cxn ang="0">
              <a:pos x="1512" y="11240"/>
            </a:cxn>
            <a:cxn ang="0">
              <a:pos x="1512" y="12193"/>
            </a:cxn>
            <a:cxn ang="0">
              <a:pos x="3025" y="12383"/>
            </a:cxn>
            <a:cxn ang="0">
              <a:pos x="3277" y="12764"/>
            </a:cxn>
            <a:cxn ang="0">
              <a:pos x="2521" y="13336"/>
            </a:cxn>
            <a:cxn ang="0">
              <a:pos x="3025" y="13717"/>
            </a:cxn>
            <a:cxn ang="0">
              <a:pos x="5293" y="14098"/>
            </a:cxn>
            <a:cxn ang="0">
              <a:pos x="6302" y="14860"/>
            </a:cxn>
            <a:cxn ang="0">
              <a:pos x="7814" y="14860"/>
            </a:cxn>
            <a:cxn ang="0">
              <a:pos x="8570" y="15812"/>
            </a:cxn>
            <a:cxn ang="0">
              <a:pos x="10587" y="16193"/>
            </a:cxn>
            <a:cxn ang="0">
              <a:pos x="11595" y="16384"/>
            </a:cxn>
            <a:cxn ang="0">
              <a:pos x="12351" y="16003"/>
            </a:cxn>
            <a:cxn ang="0">
              <a:pos x="12855" y="15431"/>
            </a:cxn>
            <a:cxn ang="0">
              <a:pos x="13611" y="14860"/>
            </a:cxn>
            <a:cxn ang="0">
              <a:pos x="13359" y="13907"/>
            </a:cxn>
            <a:cxn ang="0">
              <a:pos x="12603" y="13336"/>
            </a:cxn>
            <a:cxn ang="0">
              <a:pos x="11595" y="12383"/>
            </a:cxn>
            <a:cxn ang="0">
              <a:pos x="11343" y="11812"/>
            </a:cxn>
            <a:cxn ang="0">
              <a:pos x="11847" y="10859"/>
            </a:cxn>
            <a:cxn ang="0">
              <a:pos x="13359" y="10288"/>
            </a:cxn>
            <a:cxn ang="0">
              <a:pos x="14115" y="10669"/>
            </a:cxn>
            <a:cxn ang="0">
              <a:pos x="15628" y="10097"/>
            </a:cxn>
            <a:cxn ang="0">
              <a:pos x="15880" y="9716"/>
            </a:cxn>
            <a:cxn ang="0">
              <a:pos x="15124" y="8764"/>
            </a:cxn>
            <a:cxn ang="0">
              <a:pos x="15124" y="7239"/>
            </a:cxn>
            <a:cxn ang="0">
              <a:pos x="14620" y="6858"/>
            </a:cxn>
            <a:cxn ang="0">
              <a:pos x="13611" y="6096"/>
            </a:cxn>
            <a:cxn ang="0">
              <a:pos x="13863" y="5525"/>
            </a:cxn>
            <a:cxn ang="0">
              <a:pos x="14620" y="5144"/>
            </a:cxn>
            <a:cxn ang="0">
              <a:pos x="15628" y="5144"/>
            </a:cxn>
            <a:cxn ang="0">
              <a:pos x="16384" y="4763"/>
            </a:cxn>
            <a:cxn ang="0">
              <a:pos x="15124" y="4191"/>
            </a:cxn>
            <a:cxn ang="0">
              <a:pos x="14368" y="3239"/>
            </a:cxn>
            <a:cxn ang="0">
              <a:pos x="13359" y="2858"/>
            </a:cxn>
            <a:cxn ang="0">
              <a:pos x="13611" y="1715"/>
            </a:cxn>
            <a:cxn ang="0">
              <a:pos x="11343" y="1905"/>
            </a:cxn>
            <a:cxn ang="0">
              <a:pos x="9830" y="2477"/>
            </a:cxn>
            <a:cxn ang="0">
              <a:pos x="8570" y="2477"/>
            </a:cxn>
            <a:cxn ang="0">
              <a:pos x="8066" y="1524"/>
            </a:cxn>
            <a:cxn ang="0">
              <a:pos x="7562" y="953"/>
            </a:cxn>
            <a:cxn ang="0">
              <a:pos x="6806" y="0"/>
            </a:cxn>
          </a:cxnLst>
          <a:rect l="0" t="0" r="r" b="b"/>
          <a:pathLst>
            <a:path w="16384" h="16384">
              <a:moveTo>
                <a:pt x="6806" y="0"/>
              </a:moveTo>
              <a:lnTo>
                <a:pt x="5797" y="381"/>
              </a:lnTo>
              <a:lnTo>
                <a:pt x="5293" y="572"/>
              </a:lnTo>
              <a:lnTo>
                <a:pt x="5041" y="572"/>
              </a:lnTo>
              <a:lnTo>
                <a:pt x="4789" y="1524"/>
              </a:lnTo>
              <a:lnTo>
                <a:pt x="4789" y="1715"/>
              </a:lnTo>
              <a:lnTo>
                <a:pt x="3529" y="1143"/>
              </a:lnTo>
              <a:lnTo>
                <a:pt x="3025" y="572"/>
              </a:lnTo>
              <a:lnTo>
                <a:pt x="1764" y="762"/>
              </a:lnTo>
              <a:lnTo>
                <a:pt x="1764" y="1334"/>
              </a:lnTo>
              <a:lnTo>
                <a:pt x="756" y="2096"/>
              </a:lnTo>
              <a:lnTo>
                <a:pt x="252" y="2286"/>
              </a:lnTo>
              <a:lnTo>
                <a:pt x="252" y="3810"/>
              </a:lnTo>
              <a:lnTo>
                <a:pt x="1008" y="4382"/>
              </a:lnTo>
              <a:lnTo>
                <a:pt x="756" y="5906"/>
              </a:lnTo>
              <a:lnTo>
                <a:pt x="1512" y="6477"/>
              </a:lnTo>
              <a:lnTo>
                <a:pt x="2269" y="7811"/>
              </a:lnTo>
              <a:lnTo>
                <a:pt x="1764" y="8764"/>
              </a:lnTo>
              <a:lnTo>
                <a:pt x="756" y="9716"/>
              </a:lnTo>
              <a:lnTo>
                <a:pt x="0" y="10478"/>
              </a:lnTo>
              <a:lnTo>
                <a:pt x="1512" y="11240"/>
              </a:lnTo>
              <a:lnTo>
                <a:pt x="1512" y="12193"/>
              </a:lnTo>
              <a:lnTo>
                <a:pt x="3025" y="12383"/>
              </a:lnTo>
              <a:lnTo>
                <a:pt x="3277" y="12764"/>
              </a:lnTo>
              <a:lnTo>
                <a:pt x="2521" y="13336"/>
              </a:lnTo>
              <a:lnTo>
                <a:pt x="3025" y="13717"/>
              </a:lnTo>
              <a:lnTo>
                <a:pt x="5293" y="14098"/>
              </a:lnTo>
              <a:lnTo>
                <a:pt x="6302" y="14860"/>
              </a:lnTo>
              <a:lnTo>
                <a:pt x="7814" y="14860"/>
              </a:lnTo>
              <a:lnTo>
                <a:pt x="8570" y="15812"/>
              </a:lnTo>
              <a:lnTo>
                <a:pt x="10587" y="16193"/>
              </a:lnTo>
              <a:lnTo>
                <a:pt x="11595" y="16384"/>
              </a:lnTo>
              <a:lnTo>
                <a:pt x="12351" y="16003"/>
              </a:lnTo>
              <a:lnTo>
                <a:pt x="12855" y="15431"/>
              </a:lnTo>
              <a:lnTo>
                <a:pt x="13611" y="14860"/>
              </a:lnTo>
              <a:lnTo>
                <a:pt x="13359" y="13907"/>
              </a:lnTo>
              <a:lnTo>
                <a:pt x="12603" y="13336"/>
              </a:lnTo>
              <a:lnTo>
                <a:pt x="11595" y="12383"/>
              </a:lnTo>
              <a:lnTo>
                <a:pt x="11343" y="11812"/>
              </a:lnTo>
              <a:lnTo>
                <a:pt x="11847" y="10859"/>
              </a:lnTo>
              <a:lnTo>
                <a:pt x="13359" y="10288"/>
              </a:lnTo>
              <a:lnTo>
                <a:pt x="14115" y="10669"/>
              </a:lnTo>
              <a:lnTo>
                <a:pt x="15628" y="10097"/>
              </a:lnTo>
              <a:lnTo>
                <a:pt x="15880" y="9716"/>
              </a:lnTo>
              <a:lnTo>
                <a:pt x="15124" y="8764"/>
              </a:lnTo>
              <a:lnTo>
                <a:pt x="15124" y="7239"/>
              </a:lnTo>
              <a:lnTo>
                <a:pt x="14620" y="6858"/>
              </a:lnTo>
              <a:lnTo>
                <a:pt x="13611" y="6096"/>
              </a:lnTo>
              <a:lnTo>
                <a:pt x="13863" y="5525"/>
              </a:lnTo>
              <a:lnTo>
                <a:pt x="14620" y="5144"/>
              </a:lnTo>
              <a:lnTo>
                <a:pt x="15628" y="5144"/>
              </a:lnTo>
              <a:lnTo>
                <a:pt x="16384" y="4763"/>
              </a:lnTo>
              <a:lnTo>
                <a:pt x="15124" y="4191"/>
              </a:lnTo>
              <a:lnTo>
                <a:pt x="14368" y="3239"/>
              </a:lnTo>
              <a:lnTo>
                <a:pt x="13359" y="2858"/>
              </a:lnTo>
              <a:lnTo>
                <a:pt x="13611" y="1715"/>
              </a:lnTo>
              <a:lnTo>
                <a:pt x="11343" y="1905"/>
              </a:lnTo>
              <a:lnTo>
                <a:pt x="9830" y="2477"/>
              </a:lnTo>
              <a:lnTo>
                <a:pt x="8570" y="2477"/>
              </a:lnTo>
              <a:lnTo>
                <a:pt x="8066" y="1524"/>
              </a:lnTo>
              <a:lnTo>
                <a:pt x="7562" y="953"/>
              </a:lnTo>
              <a:lnTo>
                <a:pt x="6806" y="0"/>
              </a:lnTo>
              <a:close/>
            </a:path>
          </a:pathLst>
        </a:custGeom>
        <a:solidFill>
          <a:srgbClr val="FF6600"/>
        </a:solidFill>
        <a:ln w="9525" cap="flat">
          <a:solidFill>
            <a:srgbClr val="000000"/>
          </a:solidFill>
          <a:prstDash val="solid"/>
          <a:round/>
          <a:headEnd/>
          <a:tailEnd/>
        </a:ln>
      </xdr:spPr>
    </xdr:sp>
    <xdr:clientData/>
  </xdr:twoCellAnchor>
  <xdr:twoCellAnchor editAs="oneCell">
    <xdr:from>
      <xdr:col>11</xdr:col>
      <xdr:colOff>342900</xdr:colOff>
      <xdr:row>16</xdr:row>
      <xdr:rowOff>9525</xdr:rowOff>
    </xdr:from>
    <xdr:to>
      <xdr:col>13</xdr:col>
      <xdr:colOff>47625</xdr:colOff>
      <xdr:row>22</xdr:row>
      <xdr:rowOff>1</xdr:rowOff>
    </xdr:to>
    <xdr:sp macro="" textlink="">
      <xdr:nvSpPr>
        <xdr:cNvPr id="13" name="d14112">
          <a:extLst>
            <a:ext uri="{FF2B5EF4-FFF2-40B4-BE49-F238E27FC236}">
              <a16:creationId xmlns:a16="http://schemas.microsoft.com/office/drawing/2014/main" id="{00000000-0008-0000-0000-00000D000000}"/>
            </a:ext>
          </a:extLst>
        </xdr:cNvPr>
        <xdr:cNvSpPr>
          <a:spLocks/>
        </xdr:cNvSpPr>
      </xdr:nvSpPr>
      <xdr:spPr bwMode="auto">
        <a:xfrm>
          <a:off x="7048500" y="3514725"/>
          <a:ext cx="923925" cy="904876"/>
        </a:xfrm>
        <a:custGeom>
          <a:avLst/>
          <a:gdLst/>
          <a:ahLst/>
          <a:cxnLst>
            <a:cxn ang="0">
              <a:pos x="11824" y="14487"/>
            </a:cxn>
            <a:cxn ang="0">
              <a:pos x="13513" y="13625"/>
            </a:cxn>
            <a:cxn ang="0">
              <a:pos x="14864" y="13970"/>
            </a:cxn>
            <a:cxn ang="0">
              <a:pos x="16046" y="13452"/>
            </a:cxn>
            <a:cxn ang="0">
              <a:pos x="16384" y="11900"/>
            </a:cxn>
            <a:cxn ang="0">
              <a:pos x="15033" y="10693"/>
            </a:cxn>
            <a:cxn ang="0">
              <a:pos x="13513" y="9485"/>
            </a:cxn>
            <a:cxn ang="0">
              <a:pos x="15033" y="8451"/>
            </a:cxn>
            <a:cxn ang="0">
              <a:pos x="15033" y="7243"/>
            </a:cxn>
            <a:cxn ang="0">
              <a:pos x="15708" y="6036"/>
            </a:cxn>
            <a:cxn ang="0">
              <a:pos x="14019" y="5864"/>
            </a:cxn>
            <a:cxn ang="0">
              <a:pos x="12499" y="4312"/>
            </a:cxn>
            <a:cxn ang="0">
              <a:pos x="13006" y="3277"/>
            </a:cxn>
            <a:cxn ang="0">
              <a:pos x="12330" y="2759"/>
            </a:cxn>
            <a:cxn ang="0">
              <a:pos x="11148" y="2759"/>
            </a:cxn>
            <a:cxn ang="0">
              <a:pos x="9966" y="2242"/>
            </a:cxn>
            <a:cxn ang="0">
              <a:pos x="8783" y="1725"/>
            </a:cxn>
            <a:cxn ang="0">
              <a:pos x="7770" y="1207"/>
            </a:cxn>
            <a:cxn ang="0">
              <a:pos x="6756" y="1897"/>
            </a:cxn>
            <a:cxn ang="0">
              <a:pos x="5912" y="2070"/>
            </a:cxn>
            <a:cxn ang="0">
              <a:pos x="5236" y="2414"/>
            </a:cxn>
            <a:cxn ang="0">
              <a:pos x="4223" y="1725"/>
            </a:cxn>
            <a:cxn ang="0">
              <a:pos x="3716" y="862"/>
            </a:cxn>
            <a:cxn ang="0">
              <a:pos x="2871" y="0"/>
            </a:cxn>
            <a:cxn ang="0">
              <a:pos x="1520" y="345"/>
            </a:cxn>
            <a:cxn ang="0">
              <a:pos x="338" y="1207"/>
            </a:cxn>
            <a:cxn ang="0">
              <a:pos x="0" y="1897"/>
            </a:cxn>
            <a:cxn ang="0">
              <a:pos x="169" y="4139"/>
            </a:cxn>
            <a:cxn ang="0">
              <a:pos x="845" y="6036"/>
            </a:cxn>
            <a:cxn ang="0">
              <a:pos x="1858" y="6554"/>
            </a:cxn>
            <a:cxn ang="0">
              <a:pos x="3209" y="7588"/>
            </a:cxn>
            <a:cxn ang="0">
              <a:pos x="2703" y="9141"/>
            </a:cxn>
            <a:cxn ang="0">
              <a:pos x="3547" y="10175"/>
            </a:cxn>
            <a:cxn ang="0">
              <a:pos x="3716" y="11900"/>
            </a:cxn>
            <a:cxn ang="0">
              <a:pos x="4392" y="12935"/>
            </a:cxn>
            <a:cxn ang="0">
              <a:pos x="4054" y="14487"/>
            </a:cxn>
            <a:cxn ang="0">
              <a:pos x="4392" y="15522"/>
            </a:cxn>
            <a:cxn ang="0">
              <a:pos x="5236" y="15694"/>
            </a:cxn>
            <a:cxn ang="0">
              <a:pos x="6418" y="14659"/>
            </a:cxn>
            <a:cxn ang="0">
              <a:pos x="8108" y="14832"/>
            </a:cxn>
            <a:cxn ang="0">
              <a:pos x="9628" y="15522"/>
            </a:cxn>
            <a:cxn ang="0">
              <a:pos x="10303" y="16384"/>
            </a:cxn>
            <a:cxn ang="0">
              <a:pos x="11655" y="15867"/>
            </a:cxn>
          </a:cxnLst>
          <a:rect l="0" t="0" r="r" b="b"/>
          <a:pathLst>
            <a:path w="16384" h="16384">
              <a:moveTo>
                <a:pt x="11992" y="15177"/>
              </a:moveTo>
              <a:lnTo>
                <a:pt x="11824" y="14487"/>
              </a:lnTo>
              <a:lnTo>
                <a:pt x="12330" y="14142"/>
              </a:lnTo>
              <a:lnTo>
                <a:pt x="13513" y="13625"/>
              </a:lnTo>
              <a:lnTo>
                <a:pt x="14019" y="13797"/>
              </a:lnTo>
              <a:lnTo>
                <a:pt x="14864" y="13970"/>
              </a:lnTo>
              <a:lnTo>
                <a:pt x="15877" y="13625"/>
              </a:lnTo>
              <a:lnTo>
                <a:pt x="16046" y="13452"/>
              </a:lnTo>
              <a:lnTo>
                <a:pt x="16215" y="12762"/>
              </a:lnTo>
              <a:lnTo>
                <a:pt x="16384" y="11900"/>
              </a:lnTo>
              <a:lnTo>
                <a:pt x="15877" y="11210"/>
              </a:lnTo>
              <a:lnTo>
                <a:pt x="15033" y="10693"/>
              </a:lnTo>
              <a:lnTo>
                <a:pt x="14188" y="10520"/>
              </a:lnTo>
              <a:lnTo>
                <a:pt x="13513" y="9485"/>
              </a:lnTo>
              <a:lnTo>
                <a:pt x="14526" y="8968"/>
              </a:lnTo>
              <a:lnTo>
                <a:pt x="15033" y="8451"/>
              </a:lnTo>
              <a:lnTo>
                <a:pt x="15539" y="7761"/>
              </a:lnTo>
              <a:lnTo>
                <a:pt x="15033" y="7243"/>
              </a:lnTo>
              <a:lnTo>
                <a:pt x="15708" y="6726"/>
              </a:lnTo>
              <a:lnTo>
                <a:pt x="15708" y="6036"/>
              </a:lnTo>
              <a:lnTo>
                <a:pt x="15202" y="6036"/>
              </a:lnTo>
              <a:lnTo>
                <a:pt x="14019" y="5864"/>
              </a:lnTo>
              <a:lnTo>
                <a:pt x="13344" y="5519"/>
              </a:lnTo>
              <a:lnTo>
                <a:pt x="12499" y="4312"/>
              </a:lnTo>
              <a:lnTo>
                <a:pt x="12668" y="3967"/>
              </a:lnTo>
              <a:lnTo>
                <a:pt x="13006" y="3277"/>
              </a:lnTo>
              <a:lnTo>
                <a:pt x="12668" y="3277"/>
              </a:lnTo>
              <a:lnTo>
                <a:pt x="12330" y="2759"/>
              </a:lnTo>
              <a:lnTo>
                <a:pt x="11655" y="2759"/>
              </a:lnTo>
              <a:lnTo>
                <a:pt x="11148" y="2759"/>
              </a:lnTo>
              <a:lnTo>
                <a:pt x="10641" y="2242"/>
              </a:lnTo>
              <a:lnTo>
                <a:pt x="9966" y="2242"/>
              </a:lnTo>
              <a:lnTo>
                <a:pt x="9121" y="2414"/>
              </a:lnTo>
              <a:lnTo>
                <a:pt x="8783" y="1725"/>
              </a:lnTo>
              <a:lnTo>
                <a:pt x="8108" y="1380"/>
              </a:lnTo>
              <a:lnTo>
                <a:pt x="7770" y="1207"/>
              </a:lnTo>
              <a:lnTo>
                <a:pt x="7432" y="1552"/>
              </a:lnTo>
              <a:lnTo>
                <a:pt x="6756" y="1897"/>
              </a:lnTo>
              <a:lnTo>
                <a:pt x="6250" y="1897"/>
              </a:lnTo>
              <a:lnTo>
                <a:pt x="5912" y="2070"/>
              </a:lnTo>
              <a:lnTo>
                <a:pt x="5743" y="2414"/>
              </a:lnTo>
              <a:lnTo>
                <a:pt x="5236" y="2414"/>
              </a:lnTo>
              <a:lnTo>
                <a:pt x="4729" y="2070"/>
              </a:lnTo>
              <a:lnTo>
                <a:pt x="4223" y="1725"/>
              </a:lnTo>
              <a:lnTo>
                <a:pt x="3716" y="1380"/>
              </a:lnTo>
              <a:lnTo>
                <a:pt x="3716" y="862"/>
              </a:lnTo>
              <a:lnTo>
                <a:pt x="3547" y="345"/>
              </a:lnTo>
              <a:lnTo>
                <a:pt x="2871" y="0"/>
              </a:lnTo>
              <a:lnTo>
                <a:pt x="2027" y="0"/>
              </a:lnTo>
              <a:lnTo>
                <a:pt x="1520" y="345"/>
              </a:lnTo>
              <a:lnTo>
                <a:pt x="845" y="690"/>
              </a:lnTo>
              <a:lnTo>
                <a:pt x="338" y="1207"/>
              </a:lnTo>
              <a:lnTo>
                <a:pt x="169" y="1725"/>
              </a:lnTo>
              <a:lnTo>
                <a:pt x="0" y="1897"/>
              </a:lnTo>
              <a:lnTo>
                <a:pt x="0" y="3104"/>
              </a:lnTo>
              <a:lnTo>
                <a:pt x="169" y="4139"/>
              </a:lnTo>
              <a:lnTo>
                <a:pt x="169" y="5174"/>
              </a:lnTo>
              <a:lnTo>
                <a:pt x="845" y="6036"/>
              </a:lnTo>
              <a:lnTo>
                <a:pt x="1351" y="6381"/>
              </a:lnTo>
              <a:lnTo>
                <a:pt x="1858" y="6554"/>
              </a:lnTo>
              <a:lnTo>
                <a:pt x="2365" y="7416"/>
              </a:lnTo>
              <a:lnTo>
                <a:pt x="3209" y="7588"/>
              </a:lnTo>
              <a:lnTo>
                <a:pt x="2871" y="8451"/>
              </a:lnTo>
              <a:lnTo>
                <a:pt x="2703" y="9141"/>
              </a:lnTo>
              <a:lnTo>
                <a:pt x="3040" y="9830"/>
              </a:lnTo>
              <a:lnTo>
                <a:pt x="3547" y="10175"/>
              </a:lnTo>
              <a:lnTo>
                <a:pt x="3716" y="11210"/>
              </a:lnTo>
              <a:lnTo>
                <a:pt x="3716" y="11900"/>
              </a:lnTo>
              <a:lnTo>
                <a:pt x="4054" y="12590"/>
              </a:lnTo>
              <a:lnTo>
                <a:pt x="4392" y="12935"/>
              </a:lnTo>
              <a:lnTo>
                <a:pt x="4054" y="13797"/>
              </a:lnTo>
              <a:lnTo>
                <a:pt x="4054" y="14487"/>
              </a:lnTo>
              <a:lnTo>
                <a:pt x="4392" y="14832"/>
              </a:lnTo>
              <a:lnTo>
                <a:pt x="4392" y="15522"/>
              </a:lnTo>
              <a:lnTo>
                <a:pt x="4729" y="15694"/>
              </a:lnTo>
              <a:lnTo>
                <a:pt x="5236" y="15694"/>
              </a:lnTo>
              <a:lnTo>
                <a:pt x="5574" y="14832"/>
              </a:lnTo>
              <a:lnTo>
                <a:pt x="6418" y="14659"/>
              </a:lnTo>
              <a:lnTo>
                <a:pt x="7263" y="15177"/>
              </a:lnTo>
              <a:lnTo>
                <a:pt x="8108" y="14832"/>
              </a:lnTo>
              <a:lnTo>
                <a:pt x="8952" y="15004"/>
              </a:lnTo>
              <a:lnTo>
                <a:pt x="9628" y="15522"/>
              </a:lnTo>
              <a:lnTo>
                <a:pt x="9966" y="16384"/>
              </a:lnTo>
              <a:lnTo>
                <a:pt x="10303" y="16384"/>
              </a:lnTo>
              <a:lnTo>
                <a:pt x="10979" y="15867"/>
              </a:lnTo>
              <a:lnTo>
                <a:pt x="11655" y="15867"/>
              </a:lnTo>
              <a:lnTo>
                <a:pt x="11992" y="1517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257175</xdr:colOff>
      <xdr:row>13</xdr:row>
      <xdr:rowOff>76200</xdr:rowOff>
    </xdr:from>
    <xdr:to>
      <xdr:col>13</xdr:col>
      <xdr:colOff>266700</xdr:colOff>
      <xdr:row>17</xdr:row>
      <xdr:rowOff>133350</xdr:rowOff>
    </xdr:to>
    <xdr:sp macro="" textlink="">
      <xdr:nvSpPr>
        <xdr:cNvPr id="14" name="d14113">
          <a:extLst>
            <a:ext uri="{FF2B5EF4-FFF2-40B4-BE49-F238E27FC236}">
              <a16:creationId xmlns:a16="http://schemas.microsoft.com/office/drawing/2014/main" id="{00000000-0008-0000-0000-00000E000000}"/>
            </a:ext>
          </a:extLst>
        </xdr:cNvPr>
        <xdr:cNvSpPr>
          <a:spLocks/>
        </xdr:cNvSpPr>
      </xdr:nvSpPr>
      <xdr:spPr bwMode="auto">
        <a:xfrm>
          <a:off x="6962775" y="3124200"/>
          <a:ext cx="1228725" cy="666750"/>
        </a:xfrm>
        <a:custGeom>
          <a:avLst/>
          <a:gdLst/>
          <a:ahLst/>
          <a:cxnLst>
            <a:cxn ang="0">
              <a:pos x="762" y="1170"/>
            </a:cxn>
            <a:cxn ang="0">
              <a:pos x="889" y="4681"/>
            </a:cxn>
            <a:cxn ang="0">
              <a:pos x="508" y="6788"/>
            </a:cxn>
            <a:cxn ang="0">
              <a:pos x="0" y="9128"/>
            </a:cxn>
            <a:cxn ang="0">
              <a:pos x="635" y="11235"/>
            </a:cxn>
            <a:cxn ang="0">
              <a:pos x="1270" y="11937"/>
            </a:cxn>
            <a:cxn ang="0">
              <a:pos x="1778" y="10533"/>
            </a:cxn>
            <a:cxn ang="0">
              <a:pos x="2667" y="9596"/>
            </a:cxn>
            <a:cxn ang="0">
              <a:pos x="3810" y="10064"/>
            </a:cxn>
            <a:cxn ang="0">
              <a:pos x="3937" y="11469"/>
            </a:cxn>
            <a:cxn ang="0">
              <a:pos x="4699" y="12405"/>
            </a:cxn>
            <a:cxn ang="0">
              <a:pos x="5461" y="12873"/>
            </a:cxn>
            <a:cxn ang="0">
              <a:pos x="5842" y="12171"/>
            </a:cxn>
            <a:cxn ang="0">
              <a:pos x="6731" y="11703"/>
            </a:cxn>
            <a:cxn ang="0">
              <a:pos x="7239" y="11469"/>
            </a:cxn>
            <a:cxn ang="0">
              <a:pos x="8001" y="12873"/>
            </a:cxn>
            <a:cxn ang="0">
              <a:pos x="9145" y="12639"/>
            </a:cxn>
            <a:cxn ang="0">
              <a:pos x="9907" y="13341"/>
            </a:cxn>
            <a:cxn ang="0">
              <a:pos x="10669" y="14043"/>
            </a:cxn>
            <a:cxn ang="0">
              <a:pos x="11050" y="14277"/>
            </a:cxn>
            <a:cxn ang="0">
              <a:pos x="11812" y="14980"/>
            </a:cxn>
            <a:cxn ang="0">
              <a:pos x="12066" y="16384"/>
            </a:cxn>
            <a:cxn ang="0">
              <a:pos x="12701" y="14746"/>
            </a:cxn>
            <a:cxn ang="0">
              <a:pos x="13209" y="13575"/>
            </a:cxn>
            <a:cxn ang="0">
              <a:pos x="13590" y="12873"/>
            </a:cxn>
            <a:cxn ang="0">
              <a:pos x="14098" y="11703"/>
            </a:cxn>
            <a:cxn ang="0">
              <a:pos x="14860" y="11235"/>
            </a:cxn>
            <a:cxn ang="0">
              <a:pos x="15749" y="11469"/>
            </a:cxn>
            <a:cxn ang="0">
              <a:pos x="16257" y="9830"/>
            </a:cxn>
            <a:cxn ang="0">
              <a:pos x="16384" y="8192"/>
            </a:cxn>
            <a:cxn ang="0">
              <a:pos x="15114" y="8192"/>
            </a:cxn>
            <a:cxn ang="0">
              <a:pos x="14225" y="9362"/>
            </a:cxn>
            <a:cxn ang="0">
              <a:pos x="11939" y="10064"/>
            </a:cxn>
            <a:cxn ang="0">
              <a:pos x="10542" y="5851"/>
            </a:cxn>
            <a:cxn ang="0">
              <a:pos x="9145" y="1638"/>
            </a:cxn>
            <a:cxn ang="0">
              <a:pos x="7112" y="2809"/>
            </a:cxn>
            <a:cxn ang="0">
              <a:pos x="6096" y="3511"/>
            </a:cxn>
            <a:cxn ang="0">
              <a:pos x="4572" y="1872"/>
            </a:cxn>
            <a:cxn ang="0">
              <a:pos x="2540" y="702"/>
            </a:cxn>
          </a:cxnLst>
          <a:rect l="0" t="0" r="r" b="b"/>
          <a:pathLst>
            <a:path w="16384" h="16384">
              <a:moveTo>
                <a:pt x="889" y="0"/>
              </a:moveTo>
              <a:lnTo>
                <a:pt x="762" y="1170"/>
              </a:lnTo>
              <a:lnTo>
                <a:pt x="1270" y="2575"/>
              </a:lnTo>
              <a:lnTo>
                <a:pt x="889" y="4681"/>
              </a:lnTo>
              <a:lnTo>
                <a:pt x="889" y="5851"/>
              </a:lnTo>
              <a:lnTo>
                <a:pt x="508" y="6788"/>
              </a:lnTo>
              <a:lnTo>
                <a:pt x="381" y="7724"/>
              </a:lnTo>
              <a:lnTo>
                <a:pt x="0" y="9128"/>
              </a:lnTo>
              <a:lnTo>
                <a:pt x="635" y="10533"/>
              </a:lnTo>
              <a:lnTo>
                <a:pt x="635" y="11235"/>
              </a:lnTo>
              <a:lnTo>
                <a:pt x="1143" y="12171"/>
              </a:lnTo>
              <a:lnTo>
                <a:pt x="1270" y="11937"/>
              </a:lnTo>
              <a:lnTo>
                <a:pt x="1397" y="11235"/>
              </a:lnTo>
              <a:lnTo>
                <a:pt x="1778" y="10533"/>
              </a:lnTo>
              <a:lnTo>
                <a:pt x="2286" y="10064"/>
              </a:lnTo>
              <a:lnTo>
                <a:pt x="2667" y="9596"/>
              </a:lnTo>
              <a:lnTo>
                <a:pt x="3302" y="9596"/>
              </a:lnTo>
              <a:lnTo>
                <a:pt x="3810" y="10064"/>
              </a:lnTo>
              <a:lnTo>
                <a:pt x="3937" y="10767"/>
              </a:lnTo>
              <a:lnTo>
                <a:pt x="3937" y="11469"/>
              </a:lnTo>
              <a:lnTo>
                <a:pt x="4318" y="11937"/>
              </a:lnTo>
              <a:lnTo>
                <a:pt x="4699" y="12405"/>
              </a:lnTo>
              <a:lnTo>
                <a:pt x="5080" y="12873"/>
              </a:lnTo>
              <a:lnTo>
                <a:pt x="5461" y="12873"/>
              </a:lnTo>
              <a:lnTo>
                <a:pt x="5588" y="12405"/>
              </a:lnTo>
              <a:lnTo>
                <a:pt x="5842" y="12171"/>
              </a:lnTo>
              <a:lnTo>
                <a:pt x="6223" y="12171"/>
              </a:lnTo>
              <a:lnTo>
                <a:pt x="6731" y="11703"/>
              </a:lnTo>
              <a:lnTo>
                <a:pt x="6985" y="11235"/>
              </a:lnTo>
              <a:lnTo>
                <a:pt x="7239" y="11469"/>
              </a:lnTo>
              <a:lnTo>
                <a:pt x="7747" y="11937"/>
              </a:lnTo>
              <a:lnTo>
                <a:pt x="8001" y="12873"/>
              </a:lnTo>
              <a:lnTo>
                <a:pt x="8637" y="12639"/>
              </a:lnTo>
              <a:lnTo>
                <a:pt x="9145" y="12639"/>
              </a:lnTo>
              <a:lnTo>
                <a:pt x="9526" y="13341"/>
              </a:lnTo>
              <a:lnTo>
                <a:pt x="9907" y="13341"/>
              </a:lnTo>
              <a:lnTo>
                <a:pt x="10415" y="13341"/>
              </a:lnTo>
              <a:lnTo>
                <a:pt x="10669" y="14043"/>
              </a:lnTo>
              <a:lnTo>
                <a:pt x="10923" y="14043"/>
              </a:lnTo>
              <a:lnTo>
                <a:pt x="11050" y="14277"/>
              </a:lnTo>
              <a:lnTo>
                <a:pt x="11558" y="14512"/>
              </a:lnTo>
              <a:lnTo>
                <a:pt x="11812" y="14980"/>
              </a:lnTo>
              <a:lnTo>
                <a:pt x="11812" y="16150"/>
              </a:lnTo>
              <a:lnTo>
                <a:pt x="12066" y="16384"/>
              </a:lnTo>
              <a:lnTo>
                <a:pt x="12320" y="15682"/>
              </a:lnTo>
              <a:lnTo>
                <a:pt x="12701" y="14746"/>
              </a:lnTo>
              <a:lnTo>
                <a:pt x="12955" y="13809"/>
              </a:lnTo>
              <a:lnTo>
                <a:pt x="13209" y="13575"/>
              </a:lnTo>
              <a:lnTo>
                <a:pt x="13336" y="13341"/>
              </a:lnTo>
              <a:lnTo>
                <a:pt x="13590" y="12873"/>
              </a:lnTo>
              <a:lnTo>
                <a:pt x="13844" y="12171"/>
              </a:lnTo>
              <a:lnTo>
                <a:pt x="14098" y="11703"/>
              </a:lnTo>
              <a:lnTo>
                <a:pt x="14352" y="11001"/>
              </a:lnTo>
              <a:lnTo>
                <a:pt x="14860" y="11235"/>
              </a:lnTo>
              <a:lnTo>
                <a:pt x="15368" y="11469"/>
              </a:lnTo>
              <a:lnTo>
                <a:pt x="15749" y="11469"/>
              </a:lnTo>
              <a:lnTo>
                <a:pt x="16130" y="10533"/>
              </a:lnTo>
              <a:lnTo>
                <a:pt x="16257" y="9830"/>
              </a:lnTo>
              <a:lnTo>
                <a:pt x="16384" y="9128"/>
              </a:lnTo>
              <a:lnTo>
                <a:pt x="16384" y="8192"/>
              </a:lnTo>
              <a:lnTo>
                <a:pt x="15622" y="8894"/>
              </a:lnTo>
              <a:lnTo>
                <a:pt x="15114" y="8192"/>
              </a:lnTo>
              <a:lnTo>
                <a:pt x="14479" y="8426"/>
              </a:lnTo>
              <a:lnTo>
                <a:pt x="14225" y="9362"/>
              </a:lnTo>
              <a:lnTo>
                <a:pt x="12701" y="10064"/>
              </a:lnTo>
              <a:lnTo>
                <a:pt x="11939" y="10064"/>
              </a:lnTo>
              <a:lnTo>
                <a:pt x="11431" y="8894"/>
              </a:lnTo>
              <a:lnTo>
                <a:pt x="10542" y="5851"/>
              </a:lnTo>
              <a:lnTo>
                <a:pt x="9780" y="1404"/>
              </a:lnTo>
              <a:lnTo>
                <a:pt x="9145" y="1638"/>
              </a:lnTo>
              <a:lnTo>
                <a:pt x="8510" y="1170"/>
              </a:lnTo>
              <a:lnTo>
                <a:pt x="7112" y="2809"/>
              </a:lnTo>
              <a:lnTo>
                <a:pt x="6731" y="4213"/>
              </a:lnTo>
              <a:lnTo>
                <a:pt x="6096" y="3511"/>
              </a:lnTo>
              <a:lnTo>
                <a:pt x="5334" y="3745"/>
              </a:lnTo>
              <a:lnTo>
                <a:pt x="4572" y="1872"/>
              </a:lnTo>
              <a:lnTo>
                <a:pt x="3556" y="1872"/>
              </a:lnTo>
              <a:lnTo>
                <a:pt x="2540" y="702"/>
              </a:lnTo>
              <a:lnTo>
                <a:pt x="889" y="0"/>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76200</xdr:colOff>
      <xdr:row>16</xdr:row>
      <xdr:rowOff>76200</xdr:rowOff>
    </xdr:from>
    <xdr:to>
      <xdr:col>12</xdr:col>
      <xdr:colOff>0</xdr:colOff>
      <xdr:row>22</xdr:row>
      <xdr:rowOff>104776</xdr:rowOff>
    </xdr:to>
    <xdr:sp macro="" textlink="">
      <xdr:nvSpPr>
        <xdr:cNvPr id="15" name="d14114">
          <a:extLst>
            <a:ext uri="{FF2B5EF4-FFF2-40B4-BE49-F238E27FC236}">
              <a16:creationId xmlns:a16="http://schemas.microsoft.com/office/drawing/2014/main" id="{00000000-0008-0000-0000-00000F000000}"/>
            </a:ext>
          </a:extLst>
        </xdr:cNvPr>
        <xdr:cNvSpPr>
          <a:spLocks/>
        </xdr:cNvSpPr>
      </xdr:nvSpPr>
      <xdr:spPr bwMode="auto">
        <a:xfrm>
          <a:off x="6781800" y="3581400"/>
          <a:ext cx="533400" cy="942976"/>
        </a:xfrm>
        <a:custGeom>
          <a:avLst/>
          <a:gdLst/>
          <a:ahLst/>
          <a:cxnLst>
            <a:cxn ang="0">
              <a:pos x="7022" y="0"/>
            </a:cxn>
            <a:cxn ang="0">
              <a:pos x="5266" y="331"/>
            </a:cxn>
            <a:cxn ang="0">
              <a:pos x="3218" y="496"/>
            </a:cxn>
            <a:cxn ang="0">
              <a:pos x="1463" y="496"/>
            </a:cxn>
            <a:cxn ang="0">
              <a:pos x="585" y="1158"/>
            </a:cxn>
            <a:cxn ang="0">
              <a:pos x="0" y="1489"/>
            </a:cxn>
            <a:cxn ang="0">
              <a:pos x="585" y="1986"/>
            </a:cxn>
            <a:cxn ang="0">
              <a:pos x="1463" y="2151"/>
            </a:cxn>
            <a:cxn ang="0">
              <a:pos x="2633" y="3641"/>
            </a:cxn>
            <a:cxn ang="0">
              <a:pos x="2048" y="4468"/>
            </a:cxn>
            <a:cxn ang="0">
              <a:pos x="2341" y="5296"/>
            </a:cxn>
            <a:cxn ang="0">
              <a:pos x="2341" y="6123"/>
            </a:cxn>
            <a:cxn ang="0">
              <a:pos x="2341" y="6785"/>
            </a:cxn>
            <a:cxn ang="0">
              <a:pos x="3511" y="8109"/>
            </a:cxn>
            <a:cxn ang="0">
              <a:pos x="3511" y="8937"/>
            </a:cxn>
            <a:cxn ang="0">
              <a:pos x="2926" y="9599"/>
            </a:cxn>
            <a:cxn ang="0">
              <a:pos x="3511" y="10757"/>
            </a:cxn>
            <a:cxn ang="0">
              <a:pos x="4681" y="12081"/>
            </a:cxn>
            <a:cxn ang="0">
              <a:pos x="5559" y="13571"/>
            </a:cxn>
            <a:cxn ang="0">
              <a:pos x="6729" y="13571"/>
            </a:cxn>
            <a:cxn ang="0">
              <a:pos x="6729" y="14564"/>
            </a:cxn>
            <a:cxn ang="0">
              <a:pos x="7314" y="14564"/>
            </a:cxn>
            <a:cxn ang="0">
              <a:pos x="9070" y="14398"/>
            </a:cxn>
            <a:cxn ang="0">
              <a:pos x="10533" y="14398"/>
            </a:cxn>
            <a:cxn ang="0">
              <a:pos x="10825" y="14729"/>
            </a:cxn>
            <a:cxn ang="0">
              <a:pos x="10825" y="15557"/>
            </a:cxn>
            <a:cxn ang="0">
              <a:pos x="11995" y="16053"/>
            </a:cxn>
            <a:cxn ang="0">
              <a:pos x="13458" y="16384"/>
            </a:cxn>
            <a:cxn ang="0">
              <a:pos x="14921" y="16053"/>
            </a:cxn>
            <a:cxn ang="0">
              <a:pos x="16384" y="15888"/>
            </a:cxn>
            <a:cxn ang="0">
              <a:pos x="16384" y="15557"/>
            </a:cxn>
            <a:cxn ang="0">
              <a:pos x="15799" y="15226"/>
            </a:cxn>
            <a:cxn ang="0">
              <a:pos x="16091" y="14895"/>
            </a:cxn>
            <a:cxn ang="0">
              <a:pos x="16384" y="14729"/>
            </a:cxn>
            <a:cxn ang="0">
              <a:pos x="16384" y="13902"/>
            </a:cxn>
            <a:cxn ang="0">
              <a:pos x="15799" y="13736"/>
            </a:cxn>
            <a:cxn ang="0">
              <a:pos x="15799" y="13074"/>
            </a:cxn>
            <a:cxn ang="0">
              <a:pos x="15214" y="12743"/>
            </a:cxn>
            <a:cxn ang="0">
              <a:pos x="15214" y="12081"/>
            </a:cxn>
            <a:cxn ang="0">
              <a:pos x="15799" y="11254"/>
            </a:cxn>
            <a:cxn ang="0">
              <a:pos x="15214" y="10923"/>
            </a:cxn>
            <a:cxn ang="0">
              <a:pos x="14629" y="10261"/>
            </a:cxn>
            <a:cxn ang="0">
              <a:pos x="14629" y="9599"/>
            </a:cxn>
            <a:cxn ang="0">
              <a:pos x="14336" y="8606"/>
            </a:cxn>
            <a:cxn ang="0">
              <a:pos x="13458" y="8275"/>
            </a:cxn>
            <a:cxn ang="0">
              <a:pos x="12873" y="7613"/>
            </a:cxn>
            <a:cxn ang="0">
              <a:pos x="13166" y="6951"/>
            </a:cxn>
            <a:cxn ang="0">
              <a:pos x="13751" y="6123"/>
            </a:cxn>
            <a:cxn ang="0">
              <a:pos x="12288" y="5958"/>
            </a:cxn>
            <a:cxn ang="0">
              <a:pos x="11410" y="5130"/>
            </a:cxn>
            <a:cxn ang="0">
              <a:pos x="10533" y="4965"/>
            </a:cxn>
            <a:cxn ang="0">
              <a:pos x="9655" y="4634"/>
            </a:cxn>
            <a:cxn ang="0">
              <a:pos x="8485" y="3806"/>
            </a:cxn>
            <a:cxn ang="0">
              <a:pos x="8485" y="2813"/>
            </a:cxn>
            <a:cxn ang="0">
              <a:pos x="8192" y="1820"/>
            </a:cxn>
            <a:cxn ang="0">
              <a:pos x="8192" y="662"/>
            </a:cxn>
            <a:cxn ang="0">
              <a:pos x="7022" y="0"/>
            </a:cxn>
          </a:cxnLst>
          <a:rect l="0" t="0" r="r" b="b"/>
          <a:pathLst>
            <a:path w="16384" h="16384">
              <a:moveTo>
                <a:pt x="7022" y="0"/>
              </a:moveTo>
              <a:lnTo>
                <a:pt x="5266" y="331"/>
              </a:lnTo>
              <a:lnTo>
                <a:pt x="3218" y="496"/>
              </a:lnTo>
              <a:lnTo>
                <a:pt x="1463" y="496"/>
              </a:lnTo>
              <a:lnTo>
                <a:pt x="585" y="1158"/>
              </a:lnTo>
              <a:lnTo>
                <a:pt x="0" y="1489"/>
              </a:lnTo>
              <a:lnTo>
                <a:pt x="585" y="1986"/>
              </a:lnTo>
              <a:lnTo>
                <a:pt x="1463" y="2151"/>
              </a:lnTo>
              <a:lnTo>
                <a:pt x="2633" y="3641"/>
              </a:lnTo>
              <a:lnTo>
                <a:pt x="2048" y="4468"/>
              </a:lnTo>
              <a:lnTo>
                <a:pt x="2341" y="5296"/>
              </a:lnTo>
              <a:lnTo>
                <a:pt x="2341" y="6123"/>
              </a:lnTo>
              <a:lnTo>
                <a:pt x="2341" y="6785"/>
              </a:lnTo>
              <a:lnTo>
                <a:pt x="3511" y="8109"/>
              </a:lnTo>
              <a:lnTo>
                <a:pt x="3511" y="8937"/>
              </a:lnTo>
              <a:lnTo>
                <a:pt x="2926" y="9599"/>
              </a:lnTo>
              <a:lnTo>
                <a:pt x="3511" y="10757"/>
              </a:lnTo>
              <a:lnTo>
                <a:pt x="4681" y="12081"/>
              </a:lnTo>
              <a:lnTo>
                <a:pt x="5559" y="13571"/>
              </a:lnTo>
              <a:lnTo>
                <a:pt x="6729" y="13571"/>
              </a:lnTo>
              <a:lnTo>
                <a:pt x="6729" y="14564"/>
              </a:lnTo>
              <a:lnTo>
                <a:pt x="7314" y="14564"/>
              </a:lnTo>
              <a:lnTo>
                <a:pt x="9070" y="14398"/>
              </a:lnTo>
              <a:lnTo>
                <a:pt x="10533" y="14398"/>
              </a:lnTo>
              <a:lnTo>
                <a:pt x="10825" y="14729"/>
              </a:lnTo>
              <a:lnTo>
                <a:pt x="10825" y="15557"/>
              </a:lnTo>
              <a:lnTo>
                <a:pt x="11995" y="16053"/>
              </a:lnTo>
              <a:lnTo>
                <a:pt x="13458" y="16384"/>
              </a:lnTo>
              <a:lnTo>
                <a:pt x="14921" y="16053"/>
              </a:lnTo>
              <a:lnTo>
                <a:pt x="16384" y="15888"/>
              </a:lnTo>
              <a:lnTo>
                <a:pt x="16384" y="15557"/>
              </a:lnTo>
              <a:lnTo>
                <a:pt x="15799" y="15226"/>
              </a:lnTo>
              <a:lnTo>
                <a:pt x="16091" y="14895"/>
              </a:lnTo>
              <a:lnTo>
                <a:pt x="16384" y="14729"/>
              </a:lnTo>
              <a:lnTo>
                <a:pt x="16384" y="13902"/>
              </a:lnTo>
              <a:lnTo>
                <a:pt x="15799" y="13736"/>
              </a:lnTo>
              <a:lnTo>
                <a:pt x="15799" y="13074"/>
              </a:lnTo>
              <a:lnTo>
                <a:pt x="15214" y="12743"/>
              </a:lnTo>
              <a:lnTo>
                <a:pt x="15214" y="12081"/>
              </a:lnTo>
              <a:lnTo>
                <a:pt x="15799" y="11254"/>
              </a:lnTo>
              <a:lnTo>
                <a:pt x="15214" y="10923"/>
              </a:lnTo>
              <a:lnTo>
                <a:pt x="14629" y="10261"/>
              </a:lnTo>
              <a:lnTo>
                <a:pt x="14629" y="9599"/>
              </a:lnTo>
              <a:lnTo>
                <a:pt x="14336" y="8606"/>
              </a:lnTo>
              <a:lnTo>
                <a:pt x="13458" y="8275"/>
              </a:lnTo>
              <a:lnTo>
                <a:pt x="12873" y="7613"/>
              </a:lnTo>
              <a:lnTo>
                <a:pt x="13166" y="6951"/>
              </a:lnTo>
              <a:lnTo>
                <a:pt x="13751" y="6123"/>
              </a:lnTo>
              <a:lnTo>
                <a:pt x="12288" y="5958"/>
              </a:lnTo>
              <a:lnTo>
                <a:pt x="11410" y="5130"/>
              </a:lnTo>
              <a:lnTo>
                <a:pt x="10533" y="4965"/>
              </a:lnTo>
              <a:lnTo>
                <a:pt x="9655" y="4634"/>
              </a:lnTo>
              <a:lnTo>
                <a:pt x="8485" y="3806"/>
              </a:lnTo>
              <a:lnTo>
                <a:pt x="8485" y="2813"/>
              </a:lnTo>
              <a:lnTo>
                <a:pt x="8192" y="1820"/>
              </a:lnTo>
              <a:lnTo>
                <a:pt x="8192" y="662"/>
              </a:lnTo>
              <a:lnTo>
                <a:pt x="7022" y="0"/>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76200</xdr:colOff>
      <xdr:row>27</xdr:row>
      <xdr:rowOff>47625</xdr:rowOff>
    </xdr:from>
    <xdr:to>
      <xdr:col>13</xdr:col>
      <xdr:colOff>323850</xdr:colOff>
      <xdr:row>31</xdr:row>
      <xdr:rowOff>114300</xdr:rowOff>
    </xdr:to>
    <xdr:sp macro="" textlink="">
      <xdr:nvSpPr>
        <xdr:cNvPr id="16" name="d14115">
          <a:extLst>
            <a:ext uri="{FF2B5EF4-FFF2-40B4-BE49-F238E27FC236}">
              <a16:creationId xmlns:a16="http://schemas.microsoft.com/office/drawing/2014/main" id="{00000000-0008-0000-0000-000010000000}"/>
            </a:ext>
          </a:extLst>
        </xdr:cNvPr>
        <xdr:cNvSpPr>
          <a:spLocks/>
        </xdr:cNvSpPr>
      </xdr:nvSpPr>
      <xdr:spPr bwMode="auto">
        <a:xfrm>
          <a:off x="7391400" y="5229225"/>
          <a:ext cx="857250" cy="676275"/>
        </a:xfrm>
        <a:custGeom>
          <a:avLst/>
          <a:gdLst/>
          <a:ahLst/>
          <a:cxnLst>
            <a:cxn ang="0">
              <a:pos x="16020" y="9923"/>
            </a:cxn>
            <a:cxn ang="0">
              <a:pos x="15474" y="9230"/>
            </a:cxn>
            <a:cxn ang="0">
              <a:pos x="16020" y="8769"/>
            </a:cxn>
            <a:cxn ang="0">
              <a:pos x="16384" y="8307"/>
            </a:cxn>
            <a:cxn ang="0">
              <a:pos x="16384" y="7846"/>
            </a:cxn>
            <a:cxn ang="0">
              <a:pos x="16202" y="7154"/>
            </a:cxn>
            <a:cxn ang="0">
              <a:pos x="15474" y="6923"/>
            </a:cxn>
            <a:cxn ang="0">
              <a:pos x="14017" y="6461"/>
            </a:cxn>
            <a:cxn ang="0">
              <a:pos x="13471" y="5307"/>
            </a:cxn>
            <a:cxn ang="0">
              <a:pos x="12379" y="5307"/>
            </a:cxn>
            <a:cxn ang="0">
              <a:pos x="11651" y="4384"/>
            </a:cxn>
            <a:cxn ang="0">
              <a:pos x="10012" y="3923"/>
            </a:cxn>
            <a:cxn ang="0">
              <a:pos x="9648" y="3461"/>
            </a:cxn>
            <a:cxn ang="0">
              <a:pos x="10194" y="2769"/>
            </a:cxn>
            <a:cxn ang="0">
              <a:pos x="10012" y="2308"/>
            </a:cxn>
            <a:cxn ang="0">
              <a:pos x="8920" y="2077"/>
            </a:cxn>
            <a:cxn ang="0">
              <a:pos x="8920" y="923"/>
            </a:cxn>
            <a:cxn ang="0">
              <a:pos x="7828" y="0"/>
            </a:cxn>
            <a:cxn ang="0">
              <a:pos x="7282" y="462"/>
            </a:cxn>
            <a:cxn ang="0">
              <a:pos x="6918" y="923"/>
            </a:cxn>
            <a:cxn ang="0">
              <a:pos x="6554" y="2077"/>
            </a:cxn>
            <a:cxn ang="0">
              <a:pos x="6372" y="2308"/>
            </a:cxn>
            <a:cxn ang="0">
              <a:pos x="4733" y="2077"/>
            </a:cxn>
            <a:cxn ang="0">
              <a:pos x="3823" y="1385"/>
            </a:cxn>
            <a:cxn ang="0">
              <a:pos x="3459" y="1154"/>
            </a:cxn>
            <a:cxn ang="0">
              <a:pos x="3095" y="2769"/>
            </a:cxn>
            <a:cxn ang="0">
              <a:pos x="2367" y="2538"/>
            </a:cxn>
            <a:cxn ang="0">
              <a:pos x="2185" y="2077"/>
            </a:cxn>
            <a:cxn ang="0">
              <a:pos x="1274" y="2077"/>
            </a:cxn>
            <a:cxn ang="0">
              <a:pos x="546" y="1385"/>
            </a:cxn>
            <a:cxn ang="0">
              <a:pos x="182" y="2308"/>
            </a:cxn>
            <a:cxn ang="0">
              <a:pos x="728" y="2769"/>
            </a:cxn>
            <a:cxn ang="0">
              <a:pos x="910" y="3231"/>
            </a:cxn>
            <a:cxn ang="0">
              <a:pos x="1274" y="4154"/>
            </a:cxn>
            <a:cxn ang="0">
              <a:pos x="728" y="4154"/>
            </a:cxn>
            <a:cxn ang="0">
              <a:pos x="0" y="4384"/>
            </a:cxn>
            <a:cxn ang="0">
              <a:pos x="546" y="5769"/>
            </a:cxn>
            <a:cxn ang="0">
              <a:pos x="728" y="8077"/>
            </a:cxn>
            <a:cxn ang="0">
              <a:pos x="1092" y="7846"/>
            </a:cxn>
            <a:cxn ang="0">
              <a:pos x="2185" y="9000"/>
            </a:cxn>
            <a:cxn ang="0">
              <a:pos x="3823" y="9692"/>
            </a:cxn>
            <a:cxn ang="0">
              <a:pos x="5279" y="8538"/>
            </a:cxn>
            <a:cxn ang="0">
              <a:pos x="5825" y="7154"/>
            </a:cxn>
            <a:cxn ang="0">
              <a:pos x="6554" y="7615"/>
            </a:cxn>
            <a:cxn ang="0">
              <a:pos x="6918" y="9230"/>
            </a:cxn>
            <a:cxn ang="0">
              <a:pos x="7100" y="10153"/>
            </a:cxn>
            <a:cxn ang="0">
              <a:pos x="8010" y="11307"/>
            </a:cxn>
            <a:cxn ang="0">
              <a:pos x="9102" y="12461"/>
            </a:cxn>
            <a:cxn ang="0">
              <a:pos x="9830" y="12692"/>
            </a:cxn>
            <a:cxn ang="0">
              <a:pos x="11105" y="12692"/>
            </a:cxn>
            <a:cxn ang="0">
              <a:pos x="11469" y="12692"/>
            </a:cxn>
            <a:cxn ang="0">
              <a:pos x="11833" y="14538"/>
            </a:cxn>
            <a:cxn ang="0">
              <a:pos x="11833" y="15692"/>
            </a:cxn>
            <a:cxn ang="0">
              <a:pos x="12743" y="16153"/>
            </a:cxn>
            <a:cxn ang="0">
              <a:pos x="13471" y="16384"/>
            </a:cxn>
            <a:cxn ang="0">
              <a:pos x="15110" y="16153"/>
            </a:cxn>
            <a:cxn ang="0">
              <a:pos x="15474" y="14999"/>
            </a:cxn>
            <a:cxn ang="0">
              <a:pos x="15656" y="13615"/>
            </a:cxn>
            <a:cxn ang="0">
              <a:pos x="15292" y="12692"/>
            </a:cxn>
            <a:cxn ang="0">
              <a:pos x="15292" y="12000"/>
            </a:cxn>
            <a:cxn ang="0">
              <a:pos x="16020" y="11307"/>
            </a:cxn>
            <a:cxn ang="0">
              <a:pos x="16202" y="10615"/>
            </a:cxn>
            <a:cxn ang="0">
              <a:pos x="16020" y="9923"/>
            </a:cxn>
          </a:cxnLst>
          <a:rect l="0" t="0" r="r" b="b"/>
          <a:pathLst>
            <a:path w="16384" h="16384">
              <a:moveTo>
                <a:pt x="16020" y="9923"/>
              </a:moveTo>
              <a:lnTo>
                <a:pt x="15474" y="9230"/>
              </a:lnTo>
              <a:lnTo>
                <a:pt x="16020" y="8769"/>
              </a:lnTo>
              <a:lnTo>
                <a:pt x="16384" y="8307"/>
              </a:lnTo>
              <a:lnTo>
                <a:pt x="16384" y="7846"/>
              </a:lnTo>
              <a:lnTo>
                <a:pt x="16202" y="7154"/>
              </a:lnTo>
              <a:lnTo>
                <a:pt x="15474" y="6923"/>
              </a:lnTo>
              <a:lnTo>
                <a:pt x="14017" y="6461"/>
              </a:lnTo>
              <a:lnTo>
                <a:pt x="13471" y="5307"/>
              </a:lnTo>
              <a:lnTo>
                <a:pt x="12379" y="5307"/>
              </a:lnTo>
              <a:lnTo>
                <a:pt x="11651" y="4384"/>
              </a:lnTo>
              <a:lnTo>
                <a:pt x="10012" y="3923"/>
              </a:lnTo>
              <a:lnTo>
                <a:pt x="9648" y="3461"/>
              </a:lnTo>
              <a:lnTo>
                <a:pt x="10194" y="2769"/>
              </a:lnTo>
              <a:lnTo>
                <a:pt x="10012" y="2308"/>
              </a:lnTo>
              <a:lnTo>
                <a:pt x="8920" y="2077"/>
              </a:lnTo>
              <a:lnTo>
                <a:pt x="8920" y="923"/>
              </a:lnTo>
              <a:lnTo>
                <a:pt x="7828" y="0"/>
              </a:lnTo>
              <a:lnTo>
                <a:pt x="7282" y="462"/>
              </a:lnTo>
              <a:lnTo>
                <a:pt x="6918" y="923"/>
              </a:lnTo>
              <a:lnTo>
                <a:pt x="6554" y="2077"/>
              </a:lnTo>
              <a:lnTo>
                <a:pt x="6372" y="2308"/>
              </a:lnTo>
              <a:lnTo>
                <a:pt x="4733" y="2077"/>
              </a:lnTo>
              <a:lnTo>
                <a:pt x="3823" y="1385"/>
              </a:lnTo>
              <a:lnTo>
                <a:pt x="3459" y="1154"/>
              </a:lnTo>
              <a:lnTo>
                <a:pt x="3095" y="2769"/>
              </a:lnTo>
              <a:lnTo>
                <a:pt x="2367" y="2538"/>
              </a:lnTo>
              <a:lnTo>
                <a:pt x="2185" y="2077"/>
              </a:lnTo>
              <a:lnTo>
                <a:pt x="1274" y="2077"/>
              </a:lnTo>
              <a:lnTo>
                <a:pt x="546" y="1385"/>
              </a:lnTo>
              <a:lnTo>
                <a:pt x="182" y="2308"/>
              </a:lnTo>
              <a:lnTo>
                <a:pt x="728" y="2769"/>
              </a:lnTo>
              <a:lnTo>
                <a:pt x="910" y="3231"/>
              </a:lnTo>
              <a:lnTo>
                <a:pt x="1274" y="4154"/>
              </a:lnTo>
              <a:lnTo>
                <a:pt x="728" y="4154"/>
              </a:lnTo>
              <a:lnTo>
                <a:pt x="0" y="4384"/>
              </a:lnTo>
              <a:lnTo>
                <a:pt x="546" y="5769"/>
              </a:lnTo>
              <a:lnTo>
                <a:pt x="728" y="8077"/>
              </a:lnTo>
              <a:lnTo>
                <a:pt x="1092" y="7846"/>
              </a:lnTo>
              <a:lnTo>
                <a:pt x="2185" y="9000"/>
              </a:lnTo>
              <a:lnTo>
                <a:pt x="3823" y="9692"/>
              </a:lnTo>
              <a:lnTo>
                <a:pt x="5279" y="8538"/>
              </a:lnTo>
              <a:lnTo>
                <a:pt x="5825" y="7154"/>
              </a:lnTo>
              <a:lnTo>
                <a:pt x="6554" y="7615"/>
              </a:lnTo>
              <a:lnTo>
                <a:pt x="6918" y="9230"/>
              </a:lnTo>
              <a:lnTo>
                <a:pt x="7100" y="10153"/>
              </a:lnTo>
              <a:lnTo>
                <a:pt x="8010" y="11307"/>
              </a:lnTo>
              <a:lnTo>
                <a:pt x="9102" y="12461"/>
              </a:lnTo>
              <a:lnTo>
                <a:pt x="9830" y="12692"/>
              </a:lnTo>
              <a:lnTo>
                <a:pt x="11105" y="12692"/>
              </a:lnTo>
              <a:lnTo>
                <a:pt x="11469" y="12692"/>
              </a:lnTo>
              <a:lnTo>
                <a:pt x="11833" y="14538"/>
              </a:lnTo>
              <a:lnTo>
                <a:pt x="11833" y="15692"/>
              </a:lnTo>
              <a:lnTo>
                <a:pt x="12743" y="16153"/>
              </a:lnTo>
              <a:lnTo>
                <a:pt x="13471" y="16384"/>
              </a:lnTo>
              <a:lnTo>
                <a:pt x="15110" y="16153"/>
              </a:lnTo>
              <a:lnTo>
                <a:pt x="15474" y="14999"/>
              </a:lnTo>
              <a:lnTo>
                <a:pt x="15656" y="13615"/>
              </a:lnTo>
              <a:lnTo>
                <a:pt x="15292" y="12692"/>
              </a:lnTo>
              <a:lnTo>
                <a:pt x="15292" y="12000"/>
              </a:lnTo>
              <a:lnTo>
                <a:pt x="16020" y="11307"/>
              </a:lnTo>
              <a:lnTo>
                <a:pt x="16202" y="10615"/>
              </a:lnTo>
              <a:lnTo>
                <a:pt x="16020" y="9923"/>
              </a:lnTo>
              <a:close/>
            </a:path>
          </a:pathLst>
        </a:custGeom>
        <a:solidFill>
          <a:srgbClr val="FF6600"/>
        </a:solidFill>
        <a:ln w="9525" cap="flat">
          <a:solidFill>
            <a:srgbClr val="000000"/>
          </a:solidFill>
          <a:prstDash val="solid"/>
          <a:round/>
          <a:headEnd/>
          <a:tailEnd/>
        </a:ln>
      </xdr:spPr>
    </xdr:sp>
    <xdr:clientData/>
  </xdr:twoCellAnchor>
  <xdr:twoCellAnchor editAs="oneCell">
    <xdr:from>
      <xdr:col>11</xdr:col>
      <xdr:colOff>161925</xdr:colOff>
      <xdr:row>21</xdr:row>
      <xdr:rowOff>57150</xdr:rowOff>
    </xdr:from>
    <xdr:to>
      <xdr:col>12</xdr:col>
      <xdr:colOff>238125</xdr:colOff>
      <xdr:row>27</xdr:row>
      <xdr:rowOff>19051</xdr:rowOff>
    </xdr:to>
    <xdr:sp macro="" textlink="">
      <xdr:nvSpPr>
        <xdr:cNvPr id="17" name="d14116">
          <a:extLst>
            <a:ext uri="{FF2B5EF4-FFF2-40B4-BE49-F238E27FC236}">
              <a16:creationId xmlns:a16="http://schemas.microsoft.com/office/drawing/2014/main" id="{00000000-0008-0000-0000-000011000000}"/>
            </a:ext>
          </a:extLst>
        </xdr:cNvPr>
        <xdr:cNvSpPr>
          <a:spLocks/>
        </xdr:cNvSpPr>
      </xdr:nvSpPr>
      <xdr:spPr bwMode="auto">
        <a:xfrm>
          <a:off x="6867525" y="4324350"/>
          <a:ext cx="685800" cy="876301"/>
        </a:xfrm>
        <a:custGeom>
          <a:avLst/>
          <a:gdLst/>
          <a:ahLst/>
          <a:cxnLst>
            <a:cxn ang="0">
              <a:pos x="10695" y="1069"/>
            </a:cxn>
            <a:cxn ang="0">
              <a:pos x="10695" y="1959"/>
            </a:cxn>
            <a:cxn ang="0">
              <a:pos x="10468" y="2137"/>
            </a:cxn>
            <a:cxn ang="0">
              <a:pos x="10240" y="2493"/>
            </a:cxn>
            <a:cxn ang="0">
              <a:pos x="10695" y="2849"/>
            </a:cxn>
            <a:cxn ang="0">
              <a:pos x="10695" y="3206"/>
            </a:cxn>
            <a:cxn ang="0">
              <a:pos x="9557" y="3384"/>
            </a:cxn>
            <a:cxn ang="0">
              <a:pos x="8420" y="3740"/>
            </a:cxn>
            <a:cxn ang="0">
              <a:pos x="7282" y="3384"/>
            </a:cxn>
            <a:cxn ang="0">
              <a:pos x="6372" y="2849"/>
            </a:cxn>
            <a:cxn ang="0">
              <a:pos x="6372" y="1959"/>
            </a:cxn>
            <a:cxn ang="0">
              <a:pos x="6144" y="1603"/>
            </a:cxn>
            <a:cxn ang="0">
              <a:pos x="5006" y="1603"/>
            </a:cxn>
            <a:cxn ang="0">
              <a:pos x="3641" y="1781"/>
            </a:cxn>
            <a:cxn ang="0">
              <a:pos x="3186" y="1781"/>
            </a:cxn>
            <a:cxn ang="0">
              <a:pos x="3186" y="712"/>
            </a:cxn>
            <a:cxn ang="0">
              <a:pos x="2276" y="712"/>
            </a:cxn>
            <a:cxn ang="0">
              <a:pos x="1365" y="2315"/>
            </a:cxn>
            <a:cxn ang="0">
              <a:pos x="228" y="4274"/>
            </a:cxn>
            <a:cxn ang="0">
              <a:pos x="455" y="5165"/>
            </a:cxn>
            <a:cxn ang="0">
              <a:pos x="0" y="6945"/>
            </a:cxn>
            <a:cxn ang="0">
              <a:pos x="910" y="7480"/>
            </a:cxn>
            <a:cxn ang="0">
              <a:pos x="1593" y="8014"/>
            </a:cxn>
            <a:cxn ang="0">
              <a:pos x="1593" y="8726"/>
            </a:cxn>
            <a:cxn ang="0">
              <a:pos x="1365" y="9795"/>
            </a:cxn>
            <a:cxn ang="0">
              <a:pos x="1138" y="10863"/>
            </a:cxn>
            <a:cxn ang="0">
              <a:pos x="1365" y="11576"/>
            </a:cxn>
            <a:cxn ang="0">
              <a:pos x="1138" y="12466"/>
            </a:cxn>
            <a:cxn ang="0">
              <a:pos x="1593" y="13178"/>
            </a:cxn>
            <a:cxn ang="0">
              <a:pos x="1820" y="14069"/>
            </a:cxn>
            <a:cxn ang="0">
              <a:pos x="1820" y="14959"/>
            </a:cxn>
            <a:cxn ang="0">
              <a:pos x="2731" y="15494"/>
            </a:cxn>
            <a:cxn ang="0">
              <a:pos x="3186" y="16028"/>
            </a:cxn>
            <a:cxn ang="0">
              <a:pos x="3641" y="16206"/>
            </a:cxn>
            <a:cxn ang="0">
              <a:pos x="4779" y="16384"/>
            </a:cxn>
            <a:cxn ang="0">
              <a:pos x="5461" y="15850"/>
            </a:cxn>
            <a:cxn ang="0">
              <a:pos x="6599" y="16206"/>
            </a:cxn>
            <a:cxn ang="0">
              <a:pos x="6372" y="15494"/>
            </a:cxn>
            <a:cxn ang="0">
              <a:pos x="7054" y="14781"/>
            </a:cxn>
            <a:cxn ang="0">
              <a:pos x="7737" y="15137"/>
            </a:cxn>
            <a:cxn ang="0">
              <a:pos x="9557" y="15137"/>
            </a:cxn>
            <a:cxn ang="0">
              <a:pos x="9785" y="13535"/>
            </a:cxn>
            <a:cxn ang="0">
              <a:pos x="10240" y="13178"/>
            </a:cxn>
            <a:cxn ang="0">
              <a:pos x="10923" y="12288"/>
            </a:cxn>
            <a:cxn ang="0">
              <a:pos x="13198" y="12288"/>
            </a:cxn>
            <a:cxn ang="0">
              <a:pos x="13198" y="9973"/>
            </a:cxn>
            <a:cxn ang="0">
              <a:pos x="14108" y="9439"/>
            </a:cxn>
            <a:cxn ang="0">
              <a:pos x="14564" y="8548"/>
            </a:cxn>
            <a:cxn ang="0">
              <a:pos x="15474" y="7836"/>
            </a:cxn>
            <a:cxn ang="0">
              <a:pos x="15246" y="6589"/>
            </a:cxn>
            <a:cxn ang="0">
              <a:pos x="15701" y="4986"/>
            </a:cxn>
            <a:cxn ang="0">
              <a:pos x="14791" y="3918"/>
            </a:cxn>
            <a:cxn ang="0">
              <a:pos x="15929" y="3562"/>
            </a:cxn>
            <a:cxn ang="0">
              <a:pos x="16156" y="2137"/>
            </a:cxn>
            <a:cxn ang="0">
              <a:pos x="15019" y="1603"/>
            </a:cxn>
            <a:cxn ang="0">
              <a:pos x="16384" y="356"/>
            </a:cxn>
            <a:cxn ang="0">
              <a:pos x="15246" y="178"/>
            </a:cxn>
            <a:cxn ang="0">
              <a:pos x="14108" y="534"/>
            </a:cxn>
            <a:cxn ang="0">
              <a:pos x="12971" y="0"/>
            </a:cxn>
            <a:cxn ang="0">
              <a:pos x="11833" y="178"/>
            </a:cxn>
            <a:cxn ang="0">
              <a:pos x="11378" y="1069"/>
            </a:cxn>
            <a:cxn ang="0">
              <a:pos x="10695" y="1069"/>
            </a:cxn>
          </a:cxnLst>
          <a:rect l="0" t="0" r="r" b="b"/>
          <a:pathLst>
            <a:path w="16384" h="16384">
              <a:moveTo>
                <a:pt x="10695" y="1069"/>
              </a:moveTo>
              <a:lnTo>
                <a:pt x="10695" y="1959"/>
              </a:lnTo>
              <a:lnTo>
                <a:pt x="10468" y="2137"/>
              </a:lnTo>
              <a:lnTo>
                <a:pt x="10240" y="2493"/>
              </a:lnTo>
              <a:lnTo>
                <a:pt x="10695" y="2849"/>
              </a:lnTo>
              <a:lnTo>
                <a:pt x="10695" y="3206"/>
              </a:lnTo>
              <a:lnTo>
                <a:pt x="9557" y="3384"/>
              </a:lnTo>
              <a:lnTo>
                <a:pt x="8420" y="3740"/>
              </a:lnTo>
              <a:lnTo>
                <a:pt x="7282" y="3384"/>
              </a:lnTo>
              <a:lnTo>
                <a:pt x="6372" y="2849"/>
              </a:lnTo>
              <a:lnTo>
                <a:pt x="6372" y="1959"/>
              </a:lnTo>
              <a:lnTo>
                <a:pt x="6144" y="1603"/>
              </a:lnTo>
              <a:lnTo>
                <a:pt x="5006" y="1603"/>
              </a:lnTo>
              <a:lnTo>
                <a:pt x="3641" y="1781"/>
              </a:lnTo>
              <a:lnTo>
                <a:pt x="3186" y="1781"/>
              </a:lnTo>
              <a:lnTo>
                <a:pt x="3186" y="712"/>
              </a:lnTo>
              <a:lnTo>
                <a:pt x="2276" y="712"/>
              </a:lnTo>
              <a:lnTo>
                <a:pt x="1365" y="2315"/>
              </a:lnTo>
              <a:lnTo>
                <a:pt x="228" y="4274"/>
              </a:lnTo>
              <a:lnTo>
                <a:pt x="455" y="5165"/>
              </a:lnTo>
              <a:lnTo>
                <a:pt x="0" y="6945"/>
              </a:lnTo>
              <a:lnTo>
                <a:pt x="910" y="7480"/>
              </a:lnTo>
              <a:lnTo>
                <a:pt x="1593" y="8014"/>
              </a:lnTo>
              <a:lnTo>
                <a:pt x="1593" y="8726"/>
              </a:lnTo>
              <a:lnTo>
                <a:pt x="1365" y="9795"/>
              </a:lnTo>
              <a:lnTo>
                <a:pt x="1138" y="10863"/>
              </a:lnTo>
              <a:lnTo>
                <a:pt x="1365" y="11576"/>
              </a:lnTo>
              <a:lnTo>
                <a:pt x="1138" y="12466"/>
              </a:lnTo>
              <a:lnTo>
                <a:pt x="1593" y="13178"/>
              </a:lnTo>
              <a:lnTo>
                <a:pt x="1820" y="14069"/>
              </a:lnTo>
              <a:lnTo>
                <a:pt x="1820" y="14959"/>
              </a:lnTo>
              <a:lnTo>
                <a:pt x="2731" y="15494"/>
              </a:lnTo>
              <a:lnTo>
                <a:pt x="3186" y="16028"/>
              </a:lnTo>
              <a:lnTo>
                <a:pt x="3641" y="16206"/>
              </a:lnTo>
              <a:lnTo>
                <a:pt x="4779" y="16384"/>
              </a:lnTo>
              <a:lnTo>
                <a:pt x="5461" y="15850"/>
              </a:lnTo>
              <a:lnTo>
                <a:pt x="6599" y="16206"/>
              </a:lnTo>
              <a:lnTo>
                <a:pt x="6372" y="15494"/>
              </a:lnTo>
              <a:lnTo>
                <a:pt x="7054" y="14781"/>
              </a:lnTo>
              <a:lnTo>
                <a:pt x="7737" y="15137"/>
              </a:lnTo>
              <a:lnTo>
                <a:pt x="9557" y="15137"/>
              </a:lnTo>
              <a:lnTo>
                <a:pt x="9785" y="13535"/>
              </a:lnTo>
              <a:lnTo>
                <a:pt x="10240" y="13178"/>
              </a:lnTo>
              <a:lnTo>
                <a:pt x="10923" y="12288"/>
              </a:lnTo>
              <a:lnTo>
                <a:pt x="13198" y="12288"/>
              </a:lnTo>
              <a:lnTo>
                <a:pt x="13198" y="9973"/>
              </a:lnTo>
              <a:lnTo>
                <a:pt x="14108" y="9439"/>
              </a:lnTo>
              <a:lnTo>
                <a:pt x="14564" y="8548"/>
              </a:lnTo>
              <a:lnTo>
                <a:pt x="15474" y="7836"/>
              </a:lnTo>
              <a:lnTo>
                <a:pt x="15246" y="6589"/>
              </a:lnTo>
              <a:lnTo>
                <a:pt x="15701" y="4986"/>
              </a:lnTo>
              <a:lnTo>
                <a:pt x="14791" y="3918"/>
              </a:lnTo>
              <a:lnTo>
                <a:pt x="15929" y="3562"/>
              </a:lnTo>
              <a:lnTo>
                <a:pt x="16156" y="2137"/>
              </a:lnTo>
              <a:lnTo>
                <a:pt x="15019" y="1603"/>
              </a:lnTo>
              <a:lnTo>
                <a:pt x="16384" y="356"/>
              </a:lnTo>
              <a:lnTo>
                <a:pt x="15246" y="178"/>
              </a:lnTo>
              <a:lnTo>
                <a:pt x="14108" y="534"/>
              </a:lnTo>
              <a:lnTo>
                <a:pt x="12971" y="0"/>
              </a:lnTo>
              <a:lnTo>
                <a:pt x="11833" y="178"/>
              </a:lnTo>
              <a:lnTo>
                <a:pt x="11378" y="1069"/>
              </a:lnTo>
              <a:lnTo>
                <a:pt x="10695" y="1069"/>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142875</xdr:colOff>
      <xdr:row>8</xdr:row>
      <xdr:rowOff>66675</xdr:rowOff>
    </xdr:from>
    <xdr:to>
      <xdr:col>13</xdr:col>
      <xdr:colOff>47625</xdr:colOff>
      <xdr:row>14</xdr:row>
      <xdr:rowOff>95250</xdr:rowOff>
    </xdr:to>
    <xdr:sp macro="" textlink="">
      <xdr:nvSpPr>
        <xdr:cNvPr id="18" name="d14117">
          <a:extLst>
            <a:ext uri="{FF2B5EF4-FFF2-40B4-BE49-F238E27FC236}">
              <a16:creationId xmlns:a16="http://schemas.microsoft.com/office/drawing/2014/main" id="{00000000-0008-0000-0000-000012000000}"/>
            </a:ext>
          </a:extLst>
        </xdr:cNvPr>
        <xdr:cNvSpPr>
          <a:spLocks/>
        </xdr:cNvSpPr>
      </xdr:nvSpPr>
      <xdr:spPr bwMode="auto">
        <a:xfrm>
          <a:off x="6848475" y="2352675"/>
          <a:ext cx="1123950" cy="942975"/>
        </a:xfrm>
        <a:custGeom>
          <a:avLst/>
          <a:gdLst/>
          <a:ahLst/>
          <a:cxnLst>
            <a:cxn ang="0">
              <a:pos x="0" y="6123"/>
            </a:cxn>
            <a:cxn ang="0">
              <a:pos x="1111" y="7282"/>
            </a:cxn>
            <a:cxn ang="0">
              <a:pos x="1388" y="7944"/>
            </a:cxn>
            <a:cxn ang="0">
              <a:pos x="2360" y="10592"/>
            </a:cxn>
            <a:cxn ang="0">
              <a:pos x="1805" y="12578"/>
            </a:cxn>
            <a:cxn ang="0">
              <a:pos x="2638" y="13405"/>
            </a:cxn>
            <a:cxn ang="0">
              <a:pos x="5554" y="14729"/>
            </a:cxn>
            <a:cxn ang="0">
              <a:pos x="7498" y="16053"/>
            </a:cxn>
            <a:cxn ang="0">
              <a:pos x="9025" y="16384"/>
            </a:cxn>
            <a:cxn ang="0">
              <a:pos x="10969" y="14233"/>
            </a:cxn>
            <a:cxn ang="0">
              <a:pos x="12357" y="14398"/>
            </a:cxn>
            <a:cxn ang="0">
              <a:pos x="13607" y="13736"/>
            </a:cxn>
            <a:cxn ang="0">
              <a:pos x="13607" y="12578"/>
            </a:cxn>
            <a:cxn ang="0">
              <a:pos x="14024" y="11254"/>
            </a:cxn>
            <a:cxn ang="0">
              <a:pos x="15551" y="10261"/>
            </a:cxn>
            <a:cxn ang="0">
              <a:pos x="15551" y="7944"/>
            </a:cxn>
            <a:cxn ang="0">
              <a:pos x="15829" y="6454"/>
            </a:cxn>
            <a:cxn ang="0">
              <a:pos x="15967" y="3972"/>
            </a:cxn>
            <a:cxn ang="0">
              <a:pos x="14579" y="2151"/>
            </a:cxn>
            <a:cxn ang="0">
              <a:pos x="13468" y="1324"/>
            </a:cxn>
            <a:cxn ang="0">
              <a:pos x="11385" y="331"/>
            </a:cxn>
            <a:cxn ang="0">
              <a:pos x="9580" y="0"/>
            </a:cxn>
            <a:cxn ang="0">
              <a:pos x="9580" y="1324"/>
            </a:cxn>
            <a:cxn ang="0">
              <a:pos x="9858" y="2648"/>
            </a:cxn>
            <a:cxn ang="0">
              <a:pos x="8886" y="2979"/>
            </a:cxn>
            <a:cxn ang="0">
              <a:pos x="9580" y="3972"/>
            </a:cxn>
            <a:cxn ang="0">
              <a:pos x="9580" y="4303"/>
            </a:cxn>
            <a:cxn ang="0">
              <a:pos x="8053" y="5627"/>
            </a:cxn>
            <a:cxn ang="0">
              <a:pos x="7081" y="6289"/>
            </a:cxn>
            <a:cxn ang="0">
              <a:pos x="6804" y="5461"/>
            </a:cxn>
            <a:cxn ang="0">
              <a:pos x="6526" y="4799"/>
            </a:cxn>
            <a:cxn ang="0">
              <a:pos x="6109" y="5130"/>
            </a:cxn>
            <a:cxn ang="0">
              <a:pos x="4860" y="6620"/>
            </a:cxn>
            <a:cxn ang="0">
              <a:pos x="4027" y="7282"/>
            </a:cxn>
            <a:cxn ang="0">
              <a:pos x="2916" y="6620"/>
            </a:cxn>
            <a:cxn ang="0">
              <a:pos x="2499" y="5296"/>
            </a:cxn>
          </a:cxnLst>
          <a:rect l="0" t="0" r="r" b="b"/>
          <a:pathLst>
            <a:path w="16384" h="16384">
              <a:moveTo>
                <a:pt x="555" y="4965"/>
              </a:moveTo>
              <a:lnTo>
                <a:pt x="0" y="6123"/>
              </a:lnTo>
              <a:lnTo>
                <a:pt x="278" y="7944"/>
              </a:lnTo>
              <a:lnTo>
                <a:pt x="1111" y="7282"/>
              </a:lnTo>
              <a:lnTo>
                <a:pt x="1388" y="7282"/>
              </a:lnTo>
              <a:lnTo>
                <a:pt x="1388" y="7944"/>
              </a:lnTo>
              <a:lnTo>
                <a:pt x="1944" y="8606"/>
              </a:lnTo>
              <a:lnTo>
                <a:pt x="2360" y="10592"/>
              </a:lnTo>
              <a:lnTo>
                <a:pt x="1805" y="11916"/>
              </a:lnTo>
              <a:lnTo>
                <a:pt x="1805" y="12578"/>
              </a:lnTo>
              <a:lnTo>
                <a:pt x="2360" y="12909"/>
              </a:lnTo>
              <a:lnTo>
                <a:pt x="2638" y="13405"/>
              </a:lnTo>
              <a:lnTo>
                <a:pt x="4443" y="13902"/>
              </a:lnTo>
              <a:lnTo>
                <a:pt x="5554" y="14729"/>
              </a:lnTo>
              <a:lnTo>
                <a:pt x="6665" y="14729"/>
              </a:lnTo>
              <a:lnTo>
                <a:pt x="7498" y="16053"/>
              </a:lnTo>
              <a:lnTo>
                <a:pt x="8331" y="15888"/>
              </a:lnTo>
              <a:lnTo>
                <a:pt x="9025" y="16384"/>
              </a:lnTo>
              <a:lnTo>
                <a:pt x="9442" y="15391"/>
              </a:lnTo>
              <a:lnTo>
                <a:pt x="10969" y="14233"/>
              </a:lnTo>
              <a:lnTo>
                <a:pt x="11663" y="14564"/>
              </a:lnTo>
              <a:lnTo>
                <a:pt x="12357" y="14398"/>
              </a:lnTo>
              <a:lnTo>
                <a:pt x="13329" y="13571"/>
              </a:lnTo>
              <a:lnTo>
                <a:pt x="13607" y="13736"/>
              </a:lnTo>
              <a:lnTo>
                <a:pt x="14024" y="13074"/>
              </a:lnTo>
              <a:lnTo>
                <a:pt x="13607" y="12578"/>
              </a:lnTo>
              <a:lnTo>
                <a:pt x="14024" y="12081"/>
              </a:lnTo>
              <a:lnTo>
                <a:pt x="14024" y="11254"/>
              </a:lnTo>
              <a:lnTo>
                <a:pt x="14996" y="10095"/>
              </a:lnTo>
              <a:lnTo>
                <a:pt x="15551" y="10261"/>
              </a:lnTo>
              <a:lnTo>
                <a:pt x="15829" y="8606"/>
              </a:lnTo>
              <a:lnTo>
                <a:pt x="15551" y="7944"/>
              </a:lnTo>
              <a:lnTo>
                <a:pt x="16245" y="6785"/>
              </a:lnTo>
              <a:lnTo>
                <a:pt x="15829" y="6454"/>
              </a:lnTo>
              <a:lnTo>
                <a:pt x="16384" y="5296"/>
              </a:lnTo>
              <a:lnTo>
                <a:pt x="15967" y="3972"/>
              </a:lnTo>
              <a:lnTo>
                <a:pt x="15412" y="2648"/>
              </a:lnTo>
              <a:lnTo>
                <a:pt x="14579" y="2151"/>
              </a:lnTo>
              <a:lnTo>
                <a:pt x="14440" y="1489"/>
              </a:lnTo>
              <a:lnTo>
                <a:pt x="13468" y="1324"/>
              </a:lnTo>
              <a:lnTo>
                <a:pt x="12357" y="827"/>
              </a:lnTo>
              <a:lnTo>
                <a:pt x="11385" y="331"/>
              </a:lnTo>
              <a:lnTo>
                <a:pt x="10552" y="331"/>
              </a:lnTo>
              <a:lnTo>
                <a:pt x="9580" y="0"/>
              </a:lnTo>
              <a:lnTo>
                <a:pt x="9719" y="993"/>
              </a:lnTo>
              <a:lnTo>
                <a:pt x="9580" y="1324"/>
              </a:lnTo>
              <a:lnTo>
                <a:pt x="9858" y="2151"/>
              </a:lnTo>
              <a:lnTo>
                <a:pt x="9858" y="2648"/>
              </a:lnTo>
              <a:lnTo>
                <a:pt x="9719" y="2979"/>
              </a:lnTo>
              <a:lnTo>
                <a:pt x="8886" y="2979"/>
              </a:lnTo>
              <a:lnTo>
                <a:pt x="9164" y="3310"/>
              </a:lnTo>
              <a:lnTo>
                <a:pt x="9580" y="3972"/>
              </a:lnTo>
              <a:lnTo>
                <a:pt x="9303" y="4137"/>
              </a:lnTo>
              <a:lnTo>
                <a:pt x="9580" y="4303"/>
              </a:lnTo>
              <a:lnTo>
                <a:pt x="8609" y="5627"/>
              </a:lnTo>
              <a:lnTo>
                <a:pt x="8053" y="5627"/>
              </a:lnTo>
              <a:lnTo>
                <a:pt x="7220" y="6289"/>
              </a:lnTo>
              <a:lnTo>
                <a:pt x="7081" y="6289"/>
              </a:lnTo>
              <a:lnTo>
                <a:pt x="7081" y="5792"/>
              </a:lnTo>
              <a:lnTo>
                <a:pt x="6804" y="5461"/>
              </a:lnTo>
              <a:lnTo>
                <a:pt x="6665" y="5296"/>
              </a:lnTo>
              <a:lnTo>
                <a:pt x="6526" y="4799"/>
              </a:lnTo>
              <a:lnTo>
                <a:pt x="6248" y="4634"/>
              </a:lnTo>
              <a:lnTo>
                <a:pt x="6109" y="5130"/>
              </a:lnTo>
              <a:lnTo>
                <a:pt x="5137" y="5461"/>
              </a:lnTo>
              <a:lnTo>
                <a:pt x="4860" y="6620"/>
              </a:lnTo>
              <a:lnTo>
                <a:pt x="4165" y="6620"/>
              </a:lnTo>
              <a:lnTo>
                <a:pt x="4027" y="7282"/>
              </a:lnTo>
              <a:lnTo>
                <a:pt x="3193" y="7282"/>
              </a:lnTo>
              <a:lnTo>
                <a:pt x="2916" y="6620"/>
              </a:lnTo>
              <a:lnTo>
                <a:pt x="3055" y="5792"/>
              </a:lnTo>
              <a:lnTo>
                <a:pt x="2499" y="5296"/>
              </a:lnTo>
              <a:lnTo>
                <a:pt x="555" y="4965"/>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381000</xdr:colOff>
      <xdr:row>10</xdr:row>
      <xdr:rowOff>66675</xdr:rowOff>
    </xdr:from>
    <xdr:to>
      <xdr:col>13</xdr:col>
      <xdr:colOff>590550</xdr:colOff>
      <xdr:row>16</xdr:row>
      <xdr:rowOff>28575</xdr:rowOff>
    </xdr:to>
    <xdr:sp macro="" textlink="">
      <xdr:nvSpPr>
        <xdr:cNvPr id="19" name="d14118">
          <a:extLst>
            <a:ext uri="{FF2B5EF4-FFF2-40B4-BE49-F238E27FC236}">
              <a16:creationId xmlns:a16="http://schemas.microsoft.com/office/drawing/2014/main" id="{00000000-0008-0000-0000-000013000000}"/>
            </a:ext>
          </a:extLst>
        </xdr:cNvPr>
        <xdr:cNvSpPr>
          <a:spLocks/>
        </xdr:cNvSpPr>
      </xdr:nvSpPr>
      <xdr:spPr bwMode="auto">
        <a:xfrm>
          <a:off x="7696200" y="2657475"/>
          <a:ext cx="819150" cy="876300"/>
        </a:xfrm>
        <a:custGeom>
          <a:avLst/>
          <a:gdLst/>
          <a:ahLst/>
          <a:cxnLst>
            <a:cxn ang="0">
              <a:pos x="16384" y="3027"/>
            </a:cxn>
            <a:cxn ang="0">
              <a:pos x="14669" y="1603"/>
            </a:cxn>
            <a:cxn ang="0">
              <a:pos x="15241" y="1959"/>
            </a:cxn>
            <a:cxn ang="0">
              <a:pos x="13717" y="1959"/>
            </a:cxn>
            <a:cxn ang="0">
              <a:pos x="12574" y="1069"/>
            </a:cxn>
            <a:cxn ang="0">
              <a:pos x="12002" y="1247"/>
            </a:cxn>
            <a:cxn ang="0">
              <a:pos x="11050" y="1247"/>
            </a:cxn>
            <a:cxn ang="0">
              <a:pos x="9716" y="890"/>
            </a:cxn>
            <a:cxn ang="0">
              <a:pos x="9145" y="712"/>
            </a:cxn>
            <a:cxn ang="0">
              <a:pos x="7430" y="712"/>
            </a:cxn>
            <a:cxn ang="0">
              <a:pos x="6668" y="178"/>
            </a:cxn>
            <a:cxn ang="0">
              <a:pos x="5525" y="0"/>
            </a:cxn>
            <a:cxn ang="0">
              <a:pos x="4763" y="1247"/>
            </a:cxn>
            <a:cxn ang="0">
              <a:pos x="5334" y="1603"/>
            </a:cxn>
            <a:cxn ang="0">
              <a:pos x="4382" y="2849"/>
            </a:cxn>
            <a:cxn ang="0">
              <a:pos x="4763" y="3562"/>
            </a:cxn>
            <a:cxn ang="0">
              <a:pos x="4382" y="5343"/>
            </a:cxn>
            <a:cxn ang="0">
              <a:pos x="3620" y="5165"/>
            </a:cxn>
            <a:cxn ang="0">
              <a:pos x="2286" y="6411"/>
            </a:cxn>
            <a:cxn ang="0">
              <a:pos x="2286" y="7302"/>
            </a:cxn>
            <a:cxn ang="0">
              <a:pos x="1715" y="7836"/>
            </a:cxn>
            <a:cxn ang="0">
              <a:pos x="2286" y="8370"/>
            </a:cxn>
            <a:cxn ang="0">
              <a:pos x="1715" y="9082"/>
            </a:cxn>
            <a:cxn ang="0">
              <a:pos x="1334" y="8904"/>
            </a:cxn>
            <a:cxn ang="0">
              <a:pos x="0" y="9795"/>
            </a:cxn>
            <a:cxn ang="0">
              <a:pos x="1143" y="13178"/>
            </a:cxn>
            <a:cxn ang="0">
              <a:pos x="2477" y="15494"/>
            </a:cxn>
            <a:cxn ang="0">
              <a:pos x="3239" y="16384"/>
            </a:cxn>
            <a:cxn ang="0">
              <a:pos x="4382" y="16384"/>
            </a:cxn>
            <a:cxn ang="0">
              <a:pos x="6668" y="15850"/>
            </a:cxn>
            <a:cxn ang="0">
              <a:pos x="7049" y="15137"/>
            </a:cxn>
            <a:cxn ang="0">
              <a:pos x="8001" y="14959"/>
            </a:cxn>
            <a:cxn ang="0">
              <a:pos x="8764" y="15494"/>
            </a:cxn>
            <a:cxn ang="0">
              <a:pos x="9907" y="14959"/>
            </a:cxn>
            <a:cxn ang="0">
              <a:pos x="11812" y="14959"/>
            </a:cxn>
            <a:cxn ang="0">
              <a:pos x="12193" y="14781"/>
            </a:cxn>
            <a:cxn ang="0">
              <a:pos x="12383" y="14247"/>
            </a:cxn>
            <a:cxn ang="0">
              <a:pos x="13907" y="14247"/>
            </a:cxn>
            <a:cxn ang="0">
              <a:pos x="14098" y="12466"/>
            </a:cxn>
            <a:cxn ang="0">
              <a:pos x="13336" y="11398"/>
            </a:cxn>
            <a:cxn ang="0">
              <a:pos x="13145" y="10329"/>
            </a:cxn>
            <a:cxn ang="0">
              <a:pos x="12574" y="10151"/>
            </a:cxn>
            <a:cxn ang="0">
              <a:pos x="12574" y="8548"/>
            </a:cxn>
            <a:cxn ang="0">
              <a:pos x="13145" y="8370"/>
            </a:cxn>
            <a:cxn ang="0">
              <a:pos x="13717" y="8014"/>
            </a:cxn>
            <a:cxn ang="0">
              <a:pos x="13907" y="6767"/>
            </a:cxn>
            <a:cxn ang="0">
              <a:pos x="14479" y="5343"/>
            </a:cxn>
            <a:cxn ang="0">
              <a:pos x="15622" y="5165"/>
            </a:cxn>
            <a:cxn ang="0">
              <a:pos x="16384" y="4096"/>
            </a:cxn>
            <a:cxn ang="0">
              <a:pos x="16384" y="3027"/>
            </a:cxn>
          </a:cxnLst>
          <a:rect l="0" t="0" r="r" b="b"/>
          <a:pathLst>
            <a:path w="16384" h="16384">
              <a:moveTo>
                <a:pt x="16384" y="3027"/>
              </a:moveTo>
              <a:lnTo>
                <a:pt x="14669" y="1603"/>
              </a:lnTo>
              <a:lnTo>
                <a:pt x="15241" y="1959"/>
              </a:lnTo>
              <a:lnTo>
                <a:pt x="13717" y="1959"/>
              </a:lnTo>
              <a:lnTo>
                <a:pt x="12574" y="1069"/>
              </a:lnTo>
              <a:lnTo>
                <a:pt x="12002" y="1247"/>
              </a:lnTo>
              <a:lnTo>
                <a:pt x="11050" y="1247"/>
              </a:lnTo>
              <a:lnTo>
                <a:pt x="9716" y="890"/>
              </a:lnTo>
              <a:lnTo>
                <a:pt x="9145" y="712"/>
              </a:lnTo>
              <a:lnTo>
                <a:pt x="7430" y="712"/>
              </a:lnTo>
              <a:lnTo>
                <a:pt x="6668" y="178"/>
              </a:lnTo>
              <a:lnTo>
                <a:pt x="5525" y="0"/>
              </a:lnTo>
              <a:lnTo>
                <a:pt x="4763" y="1247"/>
              </a:lnTo>
              <a:lnTo>
                <a:pt x="5334" y="1603"/>
              </a:lnTo>
              <a:lnTo>
                <a:pt x="4382" y="2849"/>
              </a:lnTo>
              <a:lnTo>
                <a:pt x="4763" y="3562"/>
              </a:lnTo>
              <a:lnTo>
                <a:pt x="4382" y="5343"/>
              </a:lnTo>
              <a:lnTo>
                <a:pt x="3620" y="5165"/>
              </a:lnTo>
              <a:lnTo>
                <a:pt x="2286" y="6411"/>
              </a:lnTo>
              <a:lnTo>
                <a:pt x="2286" y="7302"/>
              </a:lnTo>
              <a:lnTo>
                <a:pt x="1715" y="7836"/>
              </a:lnTo>
              <a:lnTo>
                <a:pt x="2286" y="8370"/>
              </a:lnTo>
              <a:lnTo>
                <a:pt x="1715" y="9082"/>
              </a:lnTo>
              <a:lnTo>
                <a:pt x="1334" y="8904"/>
              </a:lnTo>
              <a:lnTo>
                <a:pt x="0" y="9795"/>
              </a:lnTo>
              <a:lnTo>
                <a:pt x="1143" y="13178"/>
              </a:lnTo>
              <a:lnTo>
                <a:pt x="2477" y="15494"/>
              </a:lnTo>
              <a:lnTo>
                <a:pt x="3239" y="16384"/>
              </a:lnTo>
              <a:lnTo>
                <a:pt x="4382" y="16384"/>
              </a:lnTo>
              <a:lnTo>
                <a:pt x="6668" y="15850"/>
              </a:lnTo>
              <a:lnTo>
                <a:pt x="7049" y="15137"/>
              </a:lnTo>
              <a:lnTo>
                <a:pt x="8001" y="14959"/>
              </a:lnTo>
              <a:lnTo>
                <a:pt x="8764" y="15494"/>
              </a:lnTo>
              <a:lnTo>
                <a:pt x="9907" y="14959"/>
              </a:lnTo>
              <a:lnTo>
                <a:pt x="11812" y="14959"/>
              </a:lnTo>
              <a:lnTo>
                <a:pt x="12193" y="14781"/>
              </a:lnTo>
              <a:lnTo>
                <a:pt x="12383" y="14247"/>
              </a:lnTo>
              <a:lnTo>
                <a:pt x="13907" y="14247"/>
              </a:lnTo>
              <a:lnTo>
                <a:pt x="14098" y="12466"/>
              </a:lnTo>
              <a:lnTo>
                <a:pt x="13336" y="11398"/>
              </a:lnTo>
              <a:lnTo>
                <a:pt x="13145" y="10329"/>
              </a:lnTo>
              <a:lnTo>
                <a:pt x="12574" y="10151"/>
              </a:lnTo>
              <a:lnTo>
                <a:pt x="12574" y="8548"/>
              </a:lnTo>
              <a:lnTo>
                <a:pt x="13145" y="8370"/>
              </a:lnTo>
              <a:lnTo>
                <a:pt x="13717" y="8014"/>
              </a:lnTo>
              <a:lnTo>
                <a:pt x="13907" y="6767"/>
              </a:lnTo>
              <a:lnTo>
                <a:pt x="14479" y="5343"/>
              </a:lnTo>
              <a:lnTo>
                <a:pt x="15622" y="5165"/>
              </a:lnTo>
              <a:lnTo>
                <a:pt x="16384" y="4096"/>
              </a:lnTo>
              <a:lnTo>
                <a:pt x="16384" y="302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5</xdr:col>
      <xdr:colOff>200025</xdr:colOff>
      <xdr:row>12</xdr:row>
      <xdr:rowOff>142875</xdr:rowOff>
    </xdr:from>
    <xdr:to>
      <xdr:col>17</xdr:col>
      <xdr:colOff>142875</xdr:colOff>
      <xdr:row>17</xdr:row>
      <xdr:rowOff>114300</xdr:rowOff>
    </xdr:to>
    <xdr:sp macro="" textlink="">
      <xdr:nvSpPr>
        <xdr:cNvPr id="20" name="d14131">
          <a:extLst>
            <a:ext uri="{FF2B5EF4-FFF2-40B4-BE49-F238E27FC236}">
              <a16:creationId xmlns:a16="http://schemas.microsoft.com/office/drawing/2014/main" id="{00000000-0008-0000-0000-000014000000}"/>
            </a:ext>
          </a:extLst>
        </xdr:cNvPr>
        <xdr:cNvSpPr>
          <a:spLocks/>
        </xdr:cNvSpPr>
      </xdr:nvSpPr>
      <xdr:spPr bwMode="auto">
        <a:xfrm>
          <a:off x="9344025" y="3038475"/>
          <a:ext cx="1162050" cy="733425"/>
        </a:xfrm>
        <a:custGeom>
          <a:avLst/>
          <a:gdLst/>
          <a:ahLst/>
          <a:cxnLst>
            <a:cxn ang="0">
              <a:pos x="0" y="5745"/>
            </a:cxn>
            <a:cxn ang="0">
              <a:pos x="134" y="6809"/>
            </a:cxn>
            <a:cxn ang="0">
              <a:pos x="0" y="7447"/>
            </a:cxn>
            <a:cxn ang="0">
              <a:pos x="537" y="7873"/>
            </a:cxn>
            <a:cxn ang="0">
              <a:pos x="940" y="9150"/>
            </a:cxn>
            <a:cxn ang="0">
              <a:pos x="1612" y="13192"/>
            </a:cxn>
            <a:cxn ang="0">
              <a:pos x="2283" y="12767"/>
            </a:cxn>
            <a:cxn ang="0">
              <a:pos x="3760" y="16384"/>
            </a:cxn>
            <a:cxn ang="0">
              <a:pos x="4566" y="15958"/>
            </a:cxn>
            <a:cxn ang="0">
              <a:pos x="4029" y="14256"/>
            </a:cxn>
            <a:cxn ang="0">
              <a:pos x="3760" y="12767"/>
            </a:cxn>
            <a:cxn ang="0">
              <a:pos x="4029" y="12554"/>
            </a:cxn>
            <a:cxn ang="0">
              <a:pos x="5103" y="15320"/>
            </a:cxn>
            <a:cxn ang="0">
              <a:pos x="6849" y="13831"/>
            </a:cxn>
            <a:cxn ang="0">
              <a:pos x="6715" y="8937"/>
            </a:cxn>
            <a:cxn ang="0">
              <a:pos x="7118" y="8937"/>
            </a:cxn>
            <a:cxn ang="0">
              <a:pos x="7118" y="13405"/>
            </a:cxn>
            <a:cxn ang="0">
              <a:pos x="9938" y="11490"/>
            </a:cxn>
            <a:cxn ang="0">
              <a:pos x="9401" y="8511"/>
            </a:cxn>
            <a:cxn ang="0">
              <a:pos x="9804" y="8086"/>
            </a:cxn>
            <a:cxn ang="0">
              <a:pos x="10206" y="11065"/>
            </a:cxn>
            <a:cxn ang="0">
              <a:pos x="12489" y="9788"/>
            </a:cxn>
            <a:cxn ang="0">
              <a:pos x="11281" y="5532"/>
            </a:cxn>
            <a:cxn ang="0">
              <a:pos x="11146" y="4468"/>
            </a:cxn>
            <a:cxn ang="0">
              <a:pos x="11818" y="4681"/>
            </a:cxn>
            <a:cxn ang="0">
              <a:pos x="12355" y="6809"/>
            </a:cxn>
            <a:cxn ang="0">
              <a:pos x="13027" y="6596"/>
            </a:cxn>
            <a:cxn ang="0">
              <a:pos x="12624" y="7660"/>
            </a:cxn>
            <a:cxn ang="0">
              <a:pos x="13967" y="10639"/>
            </a:cxn>
            <a:cxn ang="0">
              <a:pos x="16384" y="6596"/>
            </a:cxn>
            <a:cxn ang="0">
              <a:pos x="15713" y="4894"/>
            </a:cxn>
            <a:cxn ang="0">
              <a:pos x="14370" y="3404"/>
            </a:cxn>
            <a:cxn ang="0">
              <a:pos x="9669" y="0"/>
            </a:cxn>
            <a:cxn ang="0">
              <a:pos x="8729" y="426"/>
            </a:cxn>
            <a:cxn ang="0">
              <a:pos x="7923" y="638"/>
            </a:cxn>
            <a:cxn ang="0">
              <a:pos x="6983" y="638"/>
            </a:cxn>
            <a:cxn ang="0">
              <a:pos x="5775" y="638"/>
            </a:cxn>
            <a:cxn ang="0">
              <a:pos x="4835" y="1489"/>
            </a:cxn>
            <a:cxn ang="0">
              <a:pos x="4029" y="2341"/>
            </a:cxn>
            <a:cxn ang="0">
              <a:pos x="2820" y="2553"/>
            </a:cxn>
            <a:cxn ang="0">
              <a:pos x="1343" y="1915"/>
            </a:cxn>
            <a:cxn ang="0">
              <a:pos x="1209" y="3617"/>
            </a:cxn>
            <a:cxn ang="0">
              <a:pos x="671" y="4894"/>
            </a:cxn>
            <a:cxn ang="0">
              <a:pos x="0" y="5745"/>
            </a:cxn>
          </a:cxnLst>
          <a:rect l="0" t="0" r="r" b="b"/>
          <a:pathLst>
            <a:path w="16384" h="16384">
              <a:moveTo>
                <a:pt x="0" y="5745"/>
              </a:moveTo>
              <a:lnTo>
                <a:pt x="134" y="6809"/>
              </a:lnTo>
              <a:lnTo>
                <a:pt x="0" y="7447"/>
              </a:lnTo>
              <a:lnTo>
                <a:pt x="537" y="7873"/>
              </a:lnTo>
              <a:lnTo>
                <a:pt x="940" y="9150"/>
              </a:lnTo>
              <a:lnTo>
                <a:pt x="1612" y="13192"/>
              </a:lnTo>
              <a:lnTo>
                <a:pt x="2283" y="12767"/>
              </a:lnTo>
              <a:lnTo>
                <a:pt x="3760" y="16384"/>
              </a:lnTo>
              <a:lnTo>
                <a:pt x="4566" y="15958"/>
              </a:lnTo>
              <a:lnTo>
                <a:pt x="4029" y="14256"/>
              </a:lnTo>
              <a:lnTo>
                <a:pt x="3760" y="12767"/>
              </a:lnTo>
              <a:lnTo>
                <a:pt x="4029" y="12554"/>
              </a:lnTo>
              <a:lnTo>
                <a:pt x="5103" y="15320"/>
              </a:lnTo>
              <a:lnTo>
                <a:pt x="6849" y="13831"/>
              </a:lnTo>
              <a:lnTo>
                <a:pt x="6715" y="8937"/>
              </a:lnTo>
              <a:lnTo>
                <a:pt x="7118" y="8937"/>
              </a:lnTo>
              <a:lnTo>
                <a:pt x="7118" y="13405"/>
              </a:lnTo>
              <a:lnTo>
                <a:pt x="9938" y="11490"/>
              </a:lnTo>
              <a:lnTo>
                <a:pt x="9401" y="8511"/>
              </a:lnTo>
              <a:lnTo>
                <a:pt x="9804" y="8086"/>
              </a:lnTo>
              <a:lnTo>
                <a:pt x="10206" y="11065"/>
              </a:lnTo>
              <a:lnTo>
                <a:pt x="12489" y="9788"/>
              </a:lnTo>
              <a:lnTo>
                <a:pt x="11281" y="5532"/>
              </a:lnTo>
              <a:lnTo>
                <a:pt x="11146" y="4468"/>
              </a:lnTo>
              <a:lnTo>
                <a:pt x="11818" y="4681"/>
              </a:lnTo>
              <a:lnTo>
                <a:pt x="12355" y="6809"/>
              </a:lnTo>
              <a:lnTo>
                <a:pt x="13027" y="6596"/>
              </a:lnTo>
              <a:lnTo>
                <a:pt x="12624" y="7660"/>
              </a:lnTo>
              <a:lnTo>
                <a:pt x="13967" y="10639"/>
              </a:lnTo>
              <a:lnTo>
                <a:pt x="16384" y="6596"/>
              </a:lnTo>
              <a:lnTo>
                <a:pt x="15713" y="4894"/>
              </a:lnTo>
              <a:lnTo>
                <a:pt x="14370" y="3404"/>
              </a:lnTo>
              <a:lnTo>
                <a:pt x="9669" y="0"/>
              </a:lnTo>
              <a:lnTo>
                <a:pt x="8729" y="426"/>
              </a:lnTo>
              <a:lnTo>
                <a:pt x="7923" y="638"/>
              </a:lnTo>
              <a:lnTo>
                <a:pt x="6983" y="638"/>
              </a:lnTo>
              <a:lnTo>
                <a:pt x="5775" y="638"/>
              </a:lnTo>
              <a:lnTo>
                <a:pt x="4835" y="1489"/>
              </a:lnTo>
              <a:lnTo>
                <a:pt x="4029" y="2341"/>
              </a:lnTo>
              <a:lnTo>
                <a:pt x="2820" y="2553"/>
              </a:lnTo>
              <a:lnTo>
                <a:pt x="1343" y="1915"/>
              </a:lnTo>
              <a:lnTo>
                <a:pt x="1209" y="3617"/>
              </a:lnTo>
              <a:lnTo>
                <a:pt x="671" y="4894"/>
              </a:lnTo>
              <a:lnTo>
                <a:pt x="0" y="5745"/>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4</xdr:col>
      <xdr:colOff>438150</xdr:colOff>
      <xdr:row>11</xdr:row>
      <xdr:rowOff>66675</xdr:rowOff>
    </xdr:from>
    <xdr:to>
      <xdr:col>15</xdr:col>
      <xdr:colOff>371475</xdr:colOff>
      <xdr:row>14</xdr:row>
      <xdr:rowOff>95249</xdr:rowOff>
    </xdr:to>
    <xdr:sp macro="" textlink="">
      <xdr:nvSpPr>
        <xdr:cNvPr id="21" name="d14132">
          <a:extLst>
            <a:ext uri="{FF2B5EF4-FFF2-40B4-BE49-F238E27FC236}">
              <a16:creationId xmlns:a16="http://schemas.microsoft.com/office/drawing/2014/main" id="{00000000-0008-0000-0000-000015000000}"/>
            </a:ext>
          </a:extLst>
        </xdr:cNvPr>
        <xdr:cNvSpPr>
          <a:spLocks/>
        </xdr:cNvSpPr>
      </xdr:nvSpPr>
      <xdr:spPr bwMode="auto">
        <a:xfrm>
          <a:off x="8972550" y="2809875"/>
          <a:ext cx="542925" cy="485774"/>
        </a:xfrm>
        <a:custGeom>
          <a:avLst/>
          <a:gdLst/>
          <a:ahLst/>
          <a:cxnLst>
            <a:cxn ang="0">
              <a:pos x="0" y="2249"/>
            </a:cxn>
            <a:cxn ang="0">
              <a:pos x="1150" y="3213"/>
            </a:cxn>
            <a:cxn ang="0">
              <a:pos x="0" y="8674"/>
            </a:cxn>
            <a:cxn ang="0">
              <a:pos x="0" y="9959"/>
            </a:cxn>
            <a:cxn ang="0">
              <a:pos x="287" y="10601"/>
            </a:cxn>
            <a:cxn ang="0">
              <a:pos x="1725" y="10923"/>
            </a:cxn>
            <a:cxn ang="0">
              <a:pos x="4024" y="12208"/>
            </a:cxn>
            <a:cxn ang="0">
              <a:pos x="6611" y="10280"/>
            </a:cxn>
            <a:cxn ang="0">
              <a:pos x="8048" y="9638"/>
            </a:cxn>
            <a:cxn ang="0">
              <a:pos x="10060" y="9638"/>
            </a:cxn>
            <a:cxn ang="0">
              <a:pos x="9773" y="13171"/>
            </a:cxn>
            <a:cxn ang="0">
              <a:pos x="10348" y="14456"/>
            </a:cxn>
            <a:cxn ang="0">
              <a:pos x="11210" y="16384"/>
            </a:cxn>
            <a:cxn ang="0">
              <a:pos x="12647" y="15099"/>
            </a:cxn>
            <a:cxn ang="0">
              <a:pos x="13797" y="13171"/>
            </a:cxn>
            <a:cxn ang="0">
              <a:pos x="14084" y="10601"/>
            </a:cxn>
            <a:cxn ang="0">
              <a:pos x="14659" y="9959"/>
            </a:cxn>
            <a:cxn ang="0">
              <a:pos x="14372" y="8674"/>
            </a:cxn>
            <a:cxn ang="0">
              <a:pos x="15522" y="6425"/>
            </a:cxn>
            <a:cxn ang="0">
              <a:pos x="16384" y="4498"/>
            </a:cxn>
            <a:cxn ang="0">
              <a:pos x="16097" y="3213"/>
            </a:cxn>
            <a:cxn ang="0">
              <a:pos x="15234" y="2570"/>
            </a:cxn>
            <a:cxn ang="0">
              <a:pos x="13510" y="1928"/>
            </a:cxn>
            <a:cxn ang="0">
              <a:pos x="11498" y="1285"/>
            </a:cxn>
            <a:cxn ang="0">
              <a:pos x="10348" y="964"/>
            </a:cxn>
            <a:cxn ang="0">
              <a:pos x="9198" y="2249"/>
            </a:cxn>
            <a:cxn ang="0">
              <a:pos x="8336" y="3213"/>
            </a:cxn>
            <a:cxn ang="0">
              <a:pos x="7761" y="3534"/>
            </a:cxn>
            <a:cxn ang="0">
              <a:pos x="6036" y="2570"/>
            </a:cxn>
            <a:cxn ang="0">
              <a:pos x="5174" y="2570"/>
            </a:cxn>
            <a:cxn ang="0">
              <a:pos x="4886" y="0"/>
            </a:cxn>
            <a:cxn ang="0">
              <a:pos x="4024" y="0"/>
            </a:cxn>
            <a:cxn ang="0">
              <a:pos x="3737" y="964"/>
            </a:cxn>
            <a:cxn ang="0">
              <a:pos x="3737" y="1928"/>
            </a:cxn>
            <a:cxn ang="0">
              <a:pos x="2300" y="1928"/>
            </a:cxn>
            <a:cxn ang="0">
              <a:pos x="1150" y="1928"/>
            </a:cxn>
            <a:cxn ang="0">
              <a:pos x="0" y="2249"/>
            </a:cxn>
          </a:cxnLst>
          <a:rect l="0" t="0" r="r" b="b"/>
          <a:pathLst>
            <a:path w="16384" h="16384">
              <a:moveTo>
                <a:pt x="0" y="2249"/>
              </a:moveTo>
              <a:lnTo>
                <a:pt x="1150" y="3213"/>
              </a:lnTo>
              <a:lnTo>
                <a:pt x="0" y="8674"/>
              </a:lnTo>
              <a:lnTo>
                <a:pt x="0" y="9959"/>
              </a:lnTo>
              <a:lnTo>
                <a:pt x="287" y="10601"/>
              </a:lnTo>
              <a:lnTo>
                <a:pt x="1725" y="10923"/>
              </a:lnTo>
              <a:lnTo>
                <a:pt x="4024" y="12208"/>
              </a:lnTo>
              <a:lnTo>
                <a:pt x="6611" y="10280"/>
              </a:lnTo>
              <a:lnTo>
                <a:pt x="8048" y="9638"/>
              </a:lnTo>
              <a:lnTo>
                <a:pt x="10060" y="9638"/>
              </a:lnTo>
              <a:lnTo>
                <a:pt x="9773" y="13171"/>
              </a:lnTo>
              <a:lnTo>
                <a:pt x="10348" y="14456"/>
              </a:lnTo>
              <a:lnTo>
                <a:pt x="11210" y="16384"/>
              </a:lnTo>
              <a:lnTo>
                <a:pt x="12647" y="15099"/>
              </a:lnTo>
              <a:lnTo>
                <a:pt x="13797" y="13171"/>
              </a:lnTo>
              <a:lnTo>
                <a:pt x="14084" y="10601"/>
              </a:lnTo>
              <a:lnTo>
                <a:pt x="14659" y="9959"/>
              </a:lnTo>
              <a:lnTo>
                <a:pt x="14372" y="8674"/>
              </a:lnTo>
              <a:lnTo>
                <a:pt x="15522" y="6425"/>
              </a:lnTo>
              <a:lnTo>
                <a:pt x="16384" y="4498"/>
              </a:lnTo>
              <a:lnTo>
                <a:pt x="16097" y="3213"/>
              </a:lnTo>
              <a:lnTo>
                <a:pt x="15234" y="2570"/>
              </a:lnTo>
              <a:lnTo>
                <a:pt x="13510" y="1928"/>
              </a:lnTo>
              <a:lnTo>
                <a:pt x="11498" y="1285"/>
              </a:lnTo>
              <a:lnTo>
                <a:pt x="10348" y="964"/>
              </a:lnTo>
              <a:lnTo>
                <a:pt x="9198" y="2249"/>
              </a:lnTo>
              <a:lnTo>
                <a:pt x="8336" y="3213"/>
              </a:lnTo>
              <a:lnTo>
                <a:pt x="7761" y="3534"/>
              </a:lnTo>
              <a:lnTo>
                <a:pt x="6036" y="2570"/>
              </a:lnTo>
              <a:lnTo>
                <a:pt x="5174" y="2570"/>
              </a:lnTo>
              <a:lnTo>
                <a:pt x="4886" y="0"/>
              </a:lnTo>
              <a:lnTo>
                <a:pt x="4024" y="0"/>
              </a:lnTo>
              <a:lnTo>
                <a:pt x="3737" y="964"/>
              </a:lnTo>
              <a:lnTo>
                <a:pt x="3737" y="1928"/>
              </a:lnTo>
              <a:lnTo>
                <a:pt x="2300" y="1928"/>
              </a:lnTo>
              <a:lnTo>
                <a:pt x="1150" y="1928"/>
              </a:lnTo>
              <a:lnTo>
                <a:pt x="0" y="2249"/>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4</xdr:col>
      <xdr:colOff>104775</xdr:colOff>
      <xdr:row>8</xdr:row>
      <xdr:rowOff>38100</xdr:rowOff>
    </xdr:from>
    <xdr:to>
      <xdr:col>15</xdr:col>
      <xdr:colOff>171450</xdr:colOff>
      <xdr:row>12</xdr:row>
      <xdr:rowOff>19050</xdr:rowOff>
    </xdr:to>
    <xdr:sp macro="" textlink="">
      <xdr:nvSpPr>
        <xdr:cNvPr id="22" name="d14133">
          <a:extLst>
            <a:ext uri="{FF2B5EF4-FFF2-40B4-BE49-F238E27FC236}">
              <a16:creationId xmlns:a16="http://schemas.microsoft.com/office/drawing/2014/main" id="{00000000-0008-0000-0000-000016000000}"/>
            </a:ext>
          </a:extLst>
        </xdr:cNvPr>
        <xdr:cNvSpPr>
          <a:spLocks/>
        </xdr:cNvSpPr>
      </xdr:nvSpPr>
      <xdr:spPr bwMode="auto">
        <a:xfrm>
          <a:off x="8639175" y="2324100"/>
          <a:ext cx="676275" cy="590550"/>
        </a:xfrm>
        <a:custGeom>
          <a:avLst/>
          <a:gdLst/>
          <a:ahLst/>
          <a:cxnLst>
            <a:cxn ang="0">
              <a:pos x="16384" y="14270"/>
            </a:cxn>
            <a:cxn ang="0">
              <a:pos x="14999" y="13213"/>
            </a:cxn>
            <a:cxn ang="0">
              <a:pos x="13846" y="11099"/>
            </a:cxn>
            <a:cxn ang="0">
              <a:pos x="13384" y="8456"/>
            </a:cxn>
            <a:cxn ang="0">
              <a:pos x="12923" y="6078"/>
            </a:cxn>
            <a:cxn ang="0">
              <a:pos x="12230" y="4757"/>
            </a:cxn>
            <a:cxn ang="0">
              <a:pos x="11077" y="3171"/>
            </a:cxn>
            <a:cxn ang="0">
              <a:pos x="10153" y="2378"/>
            </a:cxn>
            <a:cxn ang="0">
              <a:pos x="7615" y="1850"/>
            </a:cxn>
            <a:cxn ang="0">
              <a:pos x="6692" y="529"/>
            </a:cxn>
            <a:cxn ang="0">
              <a:pos x="5769" y="0"/>
            </a:cxn>
            <a:cxn ang="0">
              <a:pos x="5307" y="1057"/>
            </a:cxn>
            <a:cxn ang="0">
              <a:pos x="4154" y="1586"/>
            </a:cxn>
            <a:cxn ang="0">
              <a:pos x="3231" y="1321"/>
            </a:cxn>
            <a:cxn ang="0">
              <a:pos x="2538" y="529"/>
            </a:cxn>
            <a:cxn ang="0">
              <a:pos x="1385" y="264"/>
            </a:cxn>
            <a:cxn ang="0">
              <a:pos x="462" y="1321"/>
            </a:cxn>
            <a:cxn ang="0">
              <a:pos x="462" y="2378"/>
            </a:cxn>
            <a:cxn ang="0">
              <a:pos x="0" y="3435"/>
            </a:cxn>
            <a:cxn ang="0">
              <a:pos x="923" y="4228"/>
            </a:cxn>
            <a:cxn ang="0">
              <a:pos x="923" y="6342"/>
            </a:cxn>
            <a:cxn ang="0">
              <a:pos x="1615" y="8192"/>
            </a:cxn>
            <a:cxn ang="0">
              <a:pos x="2077" y="9249"/>
            </a:cxn>
            <a:cxn ang="0">
              <a:pos x="3231" y="10570"/>
            </a:cxn>
            <a:cxn ang="0">
              <a:pos x="3231" y="11627"/>
            </a:cxn>
            <a:cxn ang="0">
              <a:pos x="2308" y="12420"/>
            </a:cxn>
            <a:cxn ang="0">
              <a:pos x="2077" y="13213"/>
            </a:cxn>
            <a:cxn ang="0">
              <a:pos x="3692" y="14270"/>
            </a:cxn>
            <a:cxn ang="0">
              <a:pos x="5307" y="14270"/>
            </a:cxn>
            <a:cxn ang="0">
              <a:pos x="6461" y="14006"/>
            </a:cxn>
            <a:cxn ang="0">
              <a:pos x="7154" y="14798"/>
            </a:cxn>
            <a:cxn ang="0">
              <a:pos x="8077" y="15327"/>
            </a:cxn>
            <a:cxn ang="0">
              <a:pos x="9000" y="15063"/>
            </a:cxn>
            <a:cxn ang="0">
              <a:pos x="9923" y="15063"/>
            </a:cxn>
            <a:cxn ang="0">
              <a:pos x="11077" y="15063"/>
            </a:cxn>
            <a:cxn ang="0">
              <a:pos x="11077" y="14270"/>
            </a:cxn>
            <a:cxn ang="0">
              <a:pos x="11307" y="13477"/>
            </a:cxn>
            <a:cxn ang="0">
              <a:pos x="12000" y="13477"/>
            </a:cxn>
            <a:cxn ang="0">
              <a:pos x="12230" y="15591"/>
            </a:cxn>
            <a:cxn ang="0">
              <a:pos x="12923" y="15591"/>
            </a:cxn>
            <a:cxn ang="0">
              <a:pos x="14307" y="16384"/>
            </a:cxn>
            <a:cxn ang="0">
              <a:pos x="14769" y="16120"/>
            </a:cxn>
            <a:cxn ang="0">
              <a:pos x="15461" y="15327"/>
            </a:cxn>
            <a:cxn ang="0">
              <a:pos x="16384" y="14270"/>
            </a:cxn>
          </a:cxnLst>
          <a:rect l="0" t="0" r="r" b="b"/>
          <a:pathLst>
            <a:path w="16384" h="16384">
              <a:moveTo>
                <a:pt x="16384" y="14270"/>
              </a:moveTo>
              <a:lnTo>
                <a:pt x="14999" y="13213"/>
              </a:lnTo>
              <a:lnTo>
                <a:pt x="13846" y="11099"/>
              </a:lnTo>
              <a:lnTo>
                <a:pt x="13384" y="8456"/>
              </a:lnTo>
              <a:lnTo>
                <a:pt x="12923" y="6078"/>
              </a:lnTo>
              <a:lnTo>
                <a:pt x="12230" y="4757"/>
              </a:lnTo>
              <a:lnTo>
                <a:pt x="11077" y="3171"/>
              </a:lnTo>
              <a:lnTo>
                <a:pt x="10153" y="2378"/>
              </a:lnTo>
              <a:lnTo>
                <a:pt x="7615" y="1850"/>
              </a:lnTo>
              <a:lnTo>
                <a:pt x="6692" y="529"/>
              </a:lnTo>
              <a:lnTo>
                <a:pt x="5769" y="0"/>
              </a:lnTo>
              <a:lnTo>
                <a:pt x="5307" y="1057"/>
              </a:lnTo>
              <a:lnTo>
                <a:pt x="4154" y="1586"/>
              </a:lnTo>
              <a:lnTo>
                <a:pt x="3231" y="1321"/>
              </a:lnTo>
              <a:lnTo>
                <a:pt x="2538" y="529"/>
              </a:lnTo>
              <a:lnTo>
                <a:pt x="1385" y="264"/>
              </a:lnTo>
              <a:lnTo>
                <a:pt x="462" y="1321"/>
              </a:lnTo>
              <a:lnTo>
                <a:pt x="462" y="2378"/>
              </a:lnTo>
              <a:lnTo>
                <a:pt x="0" y="3435"/>
              </a:lnTo>
              <a:lnTo>
                <a:pt x="923" y="4228"/>
              </a:lnTo>
              <a:lnTo>
                <a:pt x="923" y="6342"/>
              </a:lnTo>
              <a:lnTo>
                <a:pt x="1615" y="8192"/>
              </a:lnTo>
              <a:lnTo>
                <a:pt x="2077" y="9249"/>
              </a:lnTo>
              <a:lnTo>
                <a:pt x="3231" y="10570"/>
              </a:lnTo>
              <a:lnTo>
                <a:pt x="3231" y="11627"/>
              </a:lnTo>
              <a:lnTo>
                <a:pt x="2308" y="12420"/>
              </a:lnTo>
              <a:lnTo>
                <a:pt x="2077" y="13213"/>
              </a:lnTo>
              <a:lnTo>
                <a:pt x="3692" y="14270"/>
              </a:lnTo>
              <a:lnTo>
                <a:pt x="5307" y="14270"/>
              </a:lnTo>
              <a:lnTo>
                <a:pt x="6461" y="14006"/>
              </a:lnTo>
              <a:lnTo>
                <a:pt x="7154" y="14798"/>
              </a:lnTo>
              <a:lnTo>
                <a:pt x="8077" y="15327"/>
              </a:lnTo>
              <a:lnTo>
                <a:pt x="9000" y="15063"/>
              </a:lnTo>
              <a:lnTo>
                <a:pt x="9923" y="15063"/>
              </a:lnTo>
              <a:lnTo>
                <a:pt x="11077" y="15063"/>
              </a:lnTo>
              <a:lnTo>
                <a:pt x="11077" y="14270"/>
              </a:lnTo>
              <a:lnTo>
                <a:pt x="11307" y="13477"/>
              </a:lnTo>
              <a:lnTo>
                <a:pt x="12000" y="13477"/>
              </a:lnTo>
              <a:lnTo>
                <a:pt x="12230" y="15591"/>
              </a:lnTo>
              <a:lnTo>
                <a:pt x="12923" y="15591"/>
              </a:lnTo>
              <a:lnTo>
                <a:pt x="14307" y="16384"/>
              </a:lnTo>
              <a:lnTo>
                <a:pt x="14769" y="16120"/>
              </a:lnTo>
              <a:lnTo>
                <a:pt x="15461" y="15327"/>
              </a:lnTo>
              <a:lnTo>
                <a:pt x="16384" y="14270"/>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3</xdr:col>
      <xdr:colOff>276225</xdr:colOff>
      <xdr:row>6</xdr:row>
      <xdr:rowOff>66675</xdr:rowOff>
    </xdr:from>
    <xdr:to>
      <xdr:col>14</xdr:col>
      <xdr:colOff>342900</xdr:colOff>
      <xdr:row>11</xdr:row>
      <xdr:rowOff>76201</xdr:rowOff>
    </xdr:to>
    <xdr:sp macro="" textlink="">
      <xdr:nvSpPr>
        <xdr:cNvPr id="23" name="d14134">
          <a:extLst>
            <a:ext uri="{FF2B5EF4-FFF2-40B4-BE49-F238E27FC236}">
              <a16:creationId xmlns:a16="http://schemas.microsoft.com/office/drawing/2014/main" id="{00000000-0008-0000-0000-000017000000}"/>
            </a:ext>
          </a:extLst>
        </xdr:cNvPr>
        <xdr:cNvSpPr>
          <a:spLocks/>
        </xdr:cNvSpPr>
      </xdr:nvSpPr>
      <xdr:spPr bwMode="auto">
        <a:xfrm>
          <a:off x="8201025" y="2047875"/>
          <a:ext cx="676275" cy="771526"/>
        </a:xfrm>
        <a:custGeom>
          <a:avLst/>
          <a:gdLst/>
          <a:ahLst/>
          <a:cxnLst>
            <a:cxn ang="0">
              <a:pos x="16384" y="5866"/>
            </a:cxn>
            <a:cxn ang="0">
              <a:pos x="15230" y="4855"/>
            </a:cxn>
            <a:cxn ang="0">
              <a:pos x="13615" y="3843"/>
            </a:cxn>
            <a:cxn ang="0">
              <a:pos x="11538" y="2427"/>
            </a:cxn>
            <a:cxn ang="0">
              <a:pos x="9923" y="1416"/>
            </a:cxn>
            <a:cxn ang="0">
              <a:pos x="8307" y="607"/>
            </a:cxn>
            <a:cxn ang="0">
              <a:pos x="6923" y="202"/>
            </a:cxn>
            <a:cxn ang="0">
              <a:pos x="6461" y="202"/>
            </a:cxn>
            <a:cxn ang="0">
              <a:pos x="4384" y="0"/>
            </a:cxn>
            <a:cxn ang="0">
              <a:pos x="3692" y="405"/>
            </a:cxn>
            <a:cxn ang="0">
              <a:pos x="3923" y="1820"/>
            </a:cxn>
            <a:cxn ang="0">
              <a:pos x="2538" y="1214"/>
            </a:cxn>
            <a:cxn ang="0">
              <a:pos x="1615" y="1618"/>
            </a:cxn>
            <a:cxn ang="0">
              <a:pos x="1154" y="1416"/>
            </a:cxn>
            <a:cxn ang="0">
              <a:pos x="231" y="2427"/>
            </a:cxn>
            <a:cxn ang="0">
              <a:pos x="0" y="3843"/>
            </a:cxn>
            <a:cxn ang="0">
              <a:pos x="692" y="5259"/>
            </a:cxn>
            <a:cxn ang="0">
              <a:pos x="2308" y="6270"/>
            </a:cxn>
            <a:cxn ang="0">
              <a:pos x="4154" y="7282"/>
            </a:cxn>
            <a:cxn ang="0">
              <a:pos x="4615" y="9911"/>
            </a:cxn>
            <a:cxn ang="0">
              <a:pos x="7615" y="9911"/>
            </a:cxn>
            <a:cxn ang="0">
              <a:pos x="6461" y="11529"/>
            </a:cxn>
            <a:cxn ang="0">
              <a:pos x="6923" y="12945"/>
            </a:cxn>
            <a:cxn ang="0">
              <a:pos x="6231" y="15170"/>
            </a:cxn>
            <a:cxn ang="0">
              <a:pos x="5538" y="14766"/>
            </a:cxn>
            <a:cxn ang="0">
              <a:pos x="7615" y="16384"/>
            </a:cxn>
            <a:cxn ang="0">
              <a:pos x="9230" y="15777"/>
            </a:cxn>
            <a:cxn ang="0">
              <a:pos x="10153" y="15979"/>
            </a:cxn>
            <a:cxn ang="0">
              <a:pos x="10846" y="15575"/>
            </a:cxn>
            <a:cxn ang="0">
              <a:pos x="12692" y="15979"/>
            </a:cxn>
            <a:cxn ang="0">
              <a:pos x="12923" y="15373"/>
            </a:cxn>
            <a:cxn ang="0">
              <a:pos x="13846" y="14766"/>
            </a:cxn>
            <a:cxn ang="0">
              <a:pos x="13846" y="13957"/>
            </a:cxn>
            <a:cxn ang="0">
              <a:pos x="12692" y="12945"/>
            </a:cxn>
            <a:cxn ang="0">
              <a:pos x="12230" y="12136"/>
            </a:cxn>
            <a:cxn ang="0">
              <a:pos x="11538" y="10720"/>
            </a:cxn>
            <a:cxn ang="0">
              <a:pos x="11538" y="9102"/>
            </a:cxn>
            <a:cxn ang="0">
              <a:pos x="10615" y="8495"/>
            </a:cxn>
            <a:cxn ang="0">
              <a:pos x="11077" y="7686"/>
            </a:cxn>
            <a:cxn ang="0">
              <a:pos x="11077" y="6877"/>
            </a:cxn>
            <a:cxn ang="0">
              <a:pos x="12000" y="6068"/>
            </a:cxn>
            <a:cxn ang="0">
              <a:pos x="13153" y="6270"/>
            </a:cxn>
            <a:cxn ang="0">
              <a:pos x="13846" y="6877"/>
            </a:cxn>
            <a:cxn ang="0">
              <a:pos x="14769" y="7080"/>
            </a:cxn>
            <a:cxn ang="0">
              <a:pos x="15922" y="6675"/>
            </a:cxn>
            <a:cxn ang="0">
              <a:pos x="16384" y="5866"/>
            </a:cxn>
          </a:cxnLst>
          <a:rect l="0" t="0" r="r" b="b"/>
          <a:pathLst>
            <a:path w="16384" h="16384">
              <a:moveTo>
                <a:pt x="16384" y="5866"/>
              </a:moveTo>
              <a:lnTo>
                <a:pt x="15230" y="4855"/>
              </a:lnTo>
              <a:lnTo>
                <a:pt x="13615" y="3843"/>
              </a:lnTo>
              <a:lnTo>
                <a:pt x="11538" y="2427"/>
              </a:lnTo>
              <a:lnTo>
                <a:pt x="9923" y="1416"/>
              </a:lnTo>
              <a:lnTo>
                <a:pt x="8307" y="607"/>
              </a:lnTo>
              <a:lnTo>
                <a:pt x="6923" y="202"/>
              </a:lnTo>
              <a:lnTo>
                <a:pt x="6461" y="202"/>
              </a:lnTo>
              <a:lnTo>
                <a:pt x="4384" y="0"/>
              </a:lnTo>
              <a:lnTo>
                <a:pt x="3692" y="405"/>
              </a:lnTo>
              <a:lnTo>
                <a:pt x="3923" y="1820"/>
              </a:lnTo>
              <a:lnTo>
                <a:pt x="2538" y="1214"/>
              </a:lnTo>
              <a:lnTo>
                <a:pt x="1615" y="1618"/>
              </a:lnTo>
              <a:lnTo>
                <a:pt x="1154" y="1416"/>
              </a:lnTo>
              <a:lnTo>
                <a:pt x="231" y="2427"/>
              </a:lnTo>
              <a:lnTo>
                <a:pt x="0" y="3843"/>
              </a:lnTo>
              <a:lnTo>
                <a:pt x="692" y="5259"/>
              </a:lnTo>
              <a:lnTo>
                <a:pt x="2308" y="6270"/>
              </a:lnTo>
              <a:lnTo>
                <a:pt x="4154" y="7282"/>
              </a:lnTo>
              <a:lnTo>
                <a:pt x="4615" y="9911"/>
              </a:lnTo>
              <a:lnTo>
                <a:pt x="7615" y="9911"/>
              </a:lnTo>
              <a:lnTo>
                <a:pt x="6461" y="11529"/>
              </a:lnTo>
              <a:lnTo>
                <a:pt x="6923" y="12945"/>
              </a:lnTo>
              <a:lnTo>
                <a:pt x="6231" y="15170"/>
              </a:lnTo>
              <a:lnTo>
                <a:pt x="5538" y="14766"/>
              </a:lnTo>
              <a:lnTo>
                <a:pt x="7615" y="16384"/>
              </a:lnTo>
              <a:lnTo>
                <a:pt x="9230" y="15777"/>
              </a:lnTo>
              <a:lnTo>
                <a:pt x="10153" y="15979"/>
              </a:lnTo>
              <a:lnTo>
                <a:pt x="10846" y="15575"/>
              </a:lnTo>
              <a:lnTo>
                <a:pt x="12692" y="15979"/>
              </a:lnTo>
              <a:lnTo>
                <a:pt x="12923" y="15373"/>
              </a:lnTo>
              <a:lnTo>
                <a:pt x="13846" y="14766"/>
              </a:lnTo>
              <a:lnTo>
                <a:pt x="13846" y="13957"/>
              </a:lnTo>
              <a:lnTo>
                <a:pt x="12692" y="12945"/>
              </a:lnTo>
              <a:lnTo>
                <a:pt x="12230" y="12136"/>
              </a:lnTo>
              <a:lnTo>
                <a:pt x="11538" y="10720"/>
              </a:lnTo>
              <a:lnTo>
                <a:pt x="11538" y="9102"/>
              </a:lnTo>
              <a:lnTo>
                <a:pt x="10615" y="8495"/>
              </a:lnTo>
              <a:lnTo>
                <a:pt x="11077" y="7686"/>
              </a:lnTo>
              <a:lnTo>
                <a:pt x="11077" y="6877"/>
              </a:lnTo>
              <a:lnTo>
                <a:pt x="12000" y="6068"/>
              </a:lnTo>
              <a:lnTo>
                <a:pt x="13153" y="6270"/>
              </a:lnTo>
              <a:lnTo>
                <a:pt x="13846" y="6877"/>
              </a:lnTo>
              <a:lnTo>
                <a:pt x="14769" y="7080"/>
              </a:lnTo>
              <a:lnTo>
                <a:pt x="15922" y="6675"/>
              </a:lnTo>
              <a:lnTo>
                <a:pt x="16384" y="5866"/>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2</xdr:col>
      <xdr:colOff>57150</xdr:colOff>
      <xdr:row>4</xdr:row>
      <xdr:rowOff>0</xdr:rowOff>
    </xdr:from>
    <xdr:to>
      <xdr:col>13</xdr:col>
      <xdr:colOff>457200</xdr:colOff>
      <xdr:row>8</xdr:row>
      <xdr:rowOff>19050</xdr:rowOff>
    </xdr:to>
    <xdr:sp macro="" textlink="">
      <xdr:nvSpPr>
        <xdr:cNvPr id="24" name="d14135">
          <a:extLst>
            <a:ext uri="{FF2B5EF4-FFF2-40B4-BE49-F238E27FC236}">
              <a16:creationId xmlns:a16="http://schemas.microsoft.com/office/drawing/2014/main" id="{00000000-0008-0000-0000-000018000000}"/>
            </a:ext>
          </a:extLst>
        </xdr:cNvPr>
        <xdr:cNvSpPr>
          <a:spLocks/>
        </xdr:cNvSpPr>
      </xdr:nvSpPr>
      <xdr:spPr bwMode="auto">
        <a:xfrm>
          <a:off x="7372350" y="1676400"/>
          <a:ext cx="1009650" cy="628650"/>
        </a:xfrm>
        <a:custGeom>
          <a:avLst/>
          <a:gdLst/>
          <a:ahLst/>
          <a:cxnLst>
            <a:cxn ang="0">
              <a:pos x="13602" y="12660"/>
            </a:cxn>
            <a:cxn ang="0">
              <a:pos x="14220" y="11419"/>
            </a:cxn>
            <a:cxn ang="0">
              <a:pos x="14529" y="11667"/>
            </a:cxn>
            <a:cxn ang="0">
              <a:pos x="15147" y="11171"/>
            </a:cxn>
            <a:cxn ang="0">
              <a:pos x="16075" y="11916"/>
            </a:cxn>
            <a:cxn ang="0">
              <a:pos x="15920" y="10178"/>
            </a:cxn>
            <a:cxn ang="0">
              <a:pos x="16384" y="9681"/>
            </a:cxn>
            <a:cxn ang="0">
              <a:pos x="14838" y="8937"/>
            </a:cxn>
            <a:cxn ang="0">
              <a:pos x="13447" y="8440"/>
            </a:cxn>
            <a:cxn ang="0">
              <a:pos x="12829" y="7447"/>
            </a:cxn>
            <a:cxn ang="0">
              <a:pos x="11592" y="7199"/>
            </a:cxn>
            <a:cxn ang="0">
              <a:pos x="10201" y="5958"/>
            </a:cxn>
            <a:cxn ang="0">
              <a:pos x="9429" y="3475"/>
            </a:cxn>
            <a:cxn ang="0">
              <a:pos x="8965" y="2731"/>
            </a:cxn>
            <a:cxn ang="0">
              <a:pos x="7728" y="2731"/>
            </a:cxn>
            <a:cxn ang="0">
              <a:pos x="6646" y="2731"/>
            </a:cxn>
            <a:cxn ang="0">
              <a:pos x="4946" y="1241"/>
            </a:cxn>
            <a:cxn ang="0">
              <a:pos x="3555" y="496"/>
            </a:cxn>
            <a:cxn ang="0">
              <a:pos x="2009" y="0"/>
            </a:cxn>
            <a:cxn ang="0">
              <a:pos x="1700" y="993"/>
            </a:cxn>
            <a:cxn ang="0">
              <a:pos x="1391" y="1738"/>
            </a:cxn>
            <a:cxn ang="0">
              <a:pos x="1700" y="3475"/>
            </a:cxn>
            <a:cxn ang="0">
              <a:pos x="773" y="3972"/>
            </a:cxn>
            <a:cxn ang="0">
              <a:pos x="309" y="4717"/>
            </a:cxn>
            <a:cxn ang="0">
              <a:pos x="0" y="5958"/>
            </a:cxn>
            <a:cxn ang="0">
              <a:pos x="1082" y="7447"/>
            </a:cxn>
            <a:cxn ang="0">
              <a:pos x="2009" y="7447"/>
            </a:cxn>
            <a:cxn ang="0">
              <a:pos x="2628" y="8440"/>
            </a:cxn>
            <a:cxn ang="0">
              <a:pos x="2009" y="10426"/>
            </a:cxn>
            <a:cxn ang="0">
              <a:pos x="1855" y="13157"/>
            </a:cxn>
            <a:cxn ang="0">
              <a:pos x="2628" y="12909"/>
            </a:cxn>
            <a:cxn ang="0">
              <a:pos x="2628" y="14398"/>
            </a:cxn>
            <a:cxn ang="0">
              <a:pos x="1855" y="15391"/>
            </a:cxn>
            <a:cxn ang="0">
              <a:pos x="3091" y="16384"/>
            </a:cxn>
            <a:cxn ang="0">
              <a:pos x="3864" y="15888"/>
            </a:cxn>
            <a:cxn ang="0">
              <a:pos x="4946" y="15143"/>
            </a:cxn>
            <a:cxn ang="0">
              <a:pos x="5719" y="14895"/>
            </a:cxn>
            <a:cxn ang="0">
              <a:pos x="6646" y="15143"/>
            </a:cxn>
            <a:cxn ang="0">
              <a:pos x="6646" y="14398"/>
            </a:cxn>
            <a:cxn ang="0">
              <a:pos x="7419" y="13653"/>
            </a:cxn>
            <a:cxn ang="0">
              <a:pos x="8192" y="13157"/>
            </a:cxn>
            <a:cxn ang="0">
              <a:pos x="8501" y="14150"/>
            </a:cxn>
            <a:cxn ang="0">
              <a:pos x="9429" y="13902"/>
            </a:cxn>
            <a:cxn ang="0">
              <a:pos x="9429" y="13405"/>
            </a:cxn>
            <a:cxn ang="0">
              <a:pos x="9429" y="12660"/>
            </a:cxn>
            <a:cxn ang="0">
              <a:pos x="9892" y="11916"/>
            </a:cxn>
            <a:cxn ang="0">
              <a:pos x="10665" y="11667"/>
            </a:cxn>
            <a:cxn ang="0">
              <a:pos x="11592" y="11171"/>
            </a:cxn>
            <a:cxn ang="0">
              <a:pos x="12211" y="11171"/>
            </a:cxn>
            <a:cxn ang="0">
              <a:pos x="12984" y="11171"/>
            </a:cxn>
            <a:cxn ang="0">
              <a:pos x="13602" y="12660"/>
            </a:cxn>
          </a:cxnLst>
          <a:rect l="0" t="0" r="r" b="b"/>
          <a:pathLst>
            <a:path w="16384" h="16384">
              <a:moveTo>
                <a:pt x="13602" y="12660"/>
              </a:moveTo>
              <a:lnTo>
                <a:pt x="14220" y="11419"/>
              </a:lnTo>
              <a:lnTo>
                <a:pt x="14529" y="11667"/>
              </a:lnTo>
              <a:lnTo>
                <a:pt x="15147" y="11171"/>
              </a:lnTo>
              <a:lnTo>
                <a:pt x="16075" y="11916"/>
              </a:lnTo>
              <a:lnTo>
                <a:pt x="15920" y="10178"/>
              </a:lnTo>
              <a:lnTo>
                <a:pt x="16384" y="9681"/>
              </a:lnTo>
              <a:lnTo>
                <a:pt x="14838" y="8937"/>
              </a:lnTo>
              <a:lnTo>
                <a:pt x="13447" y="8440"/>
              </a:lnTo>
              <a:lnTo>
                <a:pt x="12829" y="7447"/>
              </a:lnTo>
              <a:lnTo>
                <a:pt x="11592" y="7199"/>
              </a:lnTo>
              <a:lnTo>
                <a:pt x="10201" y="5958"/>
              </a:lnTo>
              <a:lnTo>
                <a:pt x="9429" y="3475"/>
              </a:lnTo>
              <a:lnTo>
                <a:pt x="8965" y="2731"/>
              </a:lnTo>
              <a:lnTo>
                <a:pt x="7728" y="2731"/>
              </a:lnTo>
              <a:lnTo>
                <a:pt x="6646" y="2731"/>
              </a:lnTo>
              <a:lnTo>
                <a:pt x="4946" y="1241"/>
              </a:lnTo>
              <a:lnTo>
                <a:pt x="3555" y="496"/>
              </a:lnTo>
              <a:lnTo>
                <a:pt x="2009" y="0"/>
              </a:lnTo>
              <a:lnTo>
                <a:pt x="1700" y="993"/>
              </a:lnTo>
              <a:lnTo>
                <a:pt x="1391" y="1738"/>
              </a:lnTo>
              <a:lnTo>
                <a:pt x="1700" y="3475"/>
              </a:lnTo>
              <a:lnTo>
                <a:pt x="773" y="3972"/>
              </a:lnTo>
              <a:lnTo>
                <a:pt x="309" y="4717"/>
              </a:lnTo>
              <a:lnTo>
                <a:pt x="0" y="5958"/>
              </a:lnTo>
              <a:lnTo>
                <a:pt x="1082" y="7447"/>
              </a:lnTo>
              <a:lnTo>
                <a:pt x="2009" y="7447"/>
              </a:lnTo>
              <a:lnTo>
                <a:pt x="2628" y="8440"/>
              </a:lnTo>
              <a:lnTo>
                <a:pt x="2009" y="10426"/>
              </a:lnTo>
              <a:lnTo>
                <a:pt x="1855" y="13157"/>
              </a:lnTo>
              <a:lnTo>
                <a:pt x="2628" y="12909"/>
              </a:lnTo>
              <a:lnTo>
                <a:pt x="2628" y="14398"/>
              </a:lnTo>
              <a:lnTo>
                <a:pt x="1855" y="15391"/>
              </a:lnTo>
              <a:lnTo>
                <a:pt x="3091" y="16384"/>
              </a:lnTo>
              <a:lnTo>
                <a:pt x="3864" y="15888"/>
              </a:lnTo>
              <a:lnTo>
                <a:pt x="4946" y="15143"/>
              </a:lnTo>
              <a:lnTo>
                <a:pt x="5719" y="14895"/>
              </a:lnTo>
              <a:lnTo>
                <a:pt x="6646" y="15143"/>
              </a:lnTo>
              <a:lnTo>
                <a:pt x="6646" y="14398"/>
              </a:lnTo>
              <a:lnTo>
                <a:pt x="7419" y="13653"/>
              </a:lnTo>
              <a:lnTo>
                <a:pt x="8192" y="13157"/>
              </a:lnTo>
              <a:lnTo>
                <a:pt x="8501" y="14150"/>
              </a:lnTo>
              <a:lnTo>
                <a:pt x="9429" y="13902"/>
              </a:lnTo>
              <a:lnTo>
                <a:pt x="9429" y="13405"/>
              </a:lnTo>
              <a:lnTo>
                <a:pt x="9429" y="12660"/>
              </a:lnTo>
              <a:lnTo>
                <a:pt x="9892" y="11916"/>
              </a:lnTo>
              <a:lnTo>
                <a:pt x="10665" y="11667"/>
              </a:lnTo>
              <a:lnTo>
                <a:pt x="11592" y="11171"/>
              </a:lnTo>
              <a:lnTo>
                <a:pt x="12211" y="11171"/>
              </a:lnTo>
              <a:lnTo>
                <a:pt x="12984" y="11171"/>
              </a:lnTo>
              <a:lnTo>
                <a:pt x="13602" y="12660"/>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2</xdr:col>
      <xdr:colOff>142875</xdr:colOff>
      <xdr:row>6</xdr:row>
      <xdr:rowOff>123825</xdr:rowOff>
    </xdr:from>
    <xdr:to>
      <xdr:col>13</xdr:col>
      <xdr:colOff>590550</xdr:colOff>
      <xdr:row>11</xdr:row>
      <xdr:rowOff>19051</xdr:rowOff>
    </xdr:to>
    <xdr:sp macro="" textlink="">
      <xdr:nvSpPr>
        <xdr:cNvPr id="25" name="d14136">
          <a:extLst>
            <a:ext uri="{FF2B5EF4-FFF2-40B4-BE49-F238E27FC236}">
              <a16:creationId xmlns:a16="http://schemas.microsoft.com/office/drawing/2014/main" id="{00000000-0008-0000-0000-000019000000}"/>
            </a:ext>
          </a:extLst>
        </xdr:cNvPr>
        <xdr:cNvSpPr>
          <a:spLocks/>
        </xdr:cNvSpPr>
      </xdr:nvSpPr>
      <xdr:spPr bwMode="auto">
        <a:xfrm>
          <a:off x="7458075" y="2105025"/>
          <a:ext cx="1057275" cy="657226"/>
        </a:xfrm>
        <a:custGeom>
          <a:avLst/>
          <a:gdLst/>
          <a:ahLst/>
          <a:cxnLst>
            <a:cxn ang="0">
              <a:pos x="15498" y="16384"/>
            </a:cxn>
            <a:cxn ang="0">
              <a:pos x="15941" y="13772"/>
            </a:cxn>
            <a:cxn ang="0">
              <a:pos x="15646" y="12110"/>
            </a:cxn>
            <a:cxn ang="0">
              <a:pos x="16384" y="10210"/>
            </a:cxn>
            <a:cxn ang="0">
              <a:pos x="14465" y="10210"/>
            </a:cxn>
            <a:cxn ang="0">
              <a:pos x="14170" y="7123"/>
            </a:cxn>
            <a:cxn ang="0">
              <a:pos x="12989" y="5936"/>
            </a:cxn>
            <a:cxn ang="0">
              <a:pos x="11956" y="4749"/>
            </a:cxn>
            <a:cxn ang="0">
              <a:pos x="11513" y="3087"/>
            </a:cxn>
            <a:cxn ang="0">
              <a:pos x="11661" y="1425"/>
            </a:cxn>
            <a:cxn ang="0">
              <a:pos x="11070" y="0"/>
            </a:cxn>
            <a:cxn ang="0">
              <a:pos x="10332" y="0"/>
            </a:cxn>
            <a:cxn ang="0">
              <a:pos x="9742" y="0"/>
            </a:cxn>
            <a:cxn ang="0">
              <a:pos x="8856" y="475"/>
            </a:cxn>
            <a:cxn ang="0">
              <a:pos x="8118" y="712"/>
            </a:cxn>
            <a:cxn ang="0">
              <a:pos x="7675" y="1425"/>
            </a:cxn>
            <a:cxn ang="0">
              <a:pos x="7675" y="2137"/>
            </a:cxn>
            <a:cxn ang="0">
              <a:pos x="7675" y="2612"/>
            </a:cxn>
            <a:cxn ang="0">
              <a:pos x="6790" y="2849"/>
            </a:cxn>
            <a:cxn ang="0">
              <a:pos x="6495" y="1900"/>
            </a:cxn>
            <a:cxn ang="0">
              <a:pos x="5757" y="2374"/>
            </a:cxn>
            <a:cxn ang="0">
              <a:pos x="5019" y="3087"/>
            </a:cxn>
            <a:cxn ang="0">
              <a:pos x="5019" y="3799"/>
            </a:cxn>
            <a:cxn ang="0">
              <a:pos x="4133" y="3562"/>
            </a:cxn>
            <a:cxn ang="0">
              <a:pos x="3395" y="3799"/>
            </a:cxn>
            <a:cxn ang="0">
              <a:pos x="2362" y="4512"/>
            </a:cxn>
            <a:cxn ang="0">
              <a:pos x="1624" y="4986"/>
            </a:cxn>
            <a:cxn ang="0">
              <a:pos x="738" y="5461"/>
            </a:cxn>
            <a:cxn ang="0">
              <a:pos x="148" y="5936"/>
            </a:cxn>
            <a:cxn ang="0">
              <a:pos x="0" y="6411"/>
            </a:cxn>
            <a:cxn ang="0">
              <a:pos x="738" y="6174"/>
            </a:cxn>
            <a:cxn ang="0">
              <a:pos x="1771" y="6649"/>
            </a:cxn>
            <a:cxn ang="0">
              <a:pos x="2657" y="6649"/>
            </a:cxn>
            <a:cxn ang="0">
              <a:pos x="3690" y="7361"/>
            </a:cxn>
            <a:cxn ang="0">
              <a:pos x="4871" y="8073"/>
            </a:cxn>
            <a:cxn ang="0">
              <a:pos x="5904" y="8311"/>
            </a:cxn>
            <a:cxn ang="0">
              <a:pos x="6052" y="9261"/>
            </a:cxn>
            <a:cxn ang="0">
              <a:pos x="6937" y="9973"/>
            </a:cxn>
            <a:cxn ang="0">
              <a:pos x="7528" y="11872"/>
            </a:cxn>
            <a:cxn ang="0">
              <a:pos x="7971" y="13772"/>
            </a:cxn>
            <a:cxn ang="0">
              <a:pos x="8856" y="14010"/>
            </a:cxn>
            <a:cxn ang="0">
              <a:pos x="9447" y="14722"/>
            </a:cxn>
            <a:cxn ang="0">
              <a:pos x="10775" y="14722"/>
            </a:cxn>
            <a:cxn ang="0">
              <a:pos x="11218" y="14959"/>
            </a:cxn>
            <a:cxn ang="0">
              <a:pos x="12251" y="15434"/>
            </a:cxn>
            <a:cxn ang="0">
              <a:pos x="12989" y="15434"/>
            </a:cxn>
            <a:cxn ang="0">
              <a:pos x="13432" y="15197"/>
            </a:cxn>
            <a:cxn ang="0">
              <a:pos x="14318" y="16384"/>
            </a:cxn>
            <a:cxn ang="0">
              <a:pos x="15498" y="16384"/>
            </a:cxn>
          </a:cxnLst>
          <a:rect l="0" t="0" r="r" b="b"/>
          <a:pathLst>
            <a:path w="16384" h="16384">
              <a:moveTo>
                <a:pt x="15498" y="16384"/>
              </a:moveTo>
              <a:lnTo>
                <a:pt x="15941" y="13772"/>
              </a:lnTo>
              <a:lnTo>
                <a:pt x="15646" y="12110"/>
              </a:lnTo>
              <a:lnTo>
                <a:pt x="16384" y="10210"/>
              </a:lnTo>
              <a:lnTo>
                <a:pt x="14465" y="10210"/>
              </a:lnTo>
              <a:lnTo>
                <a:pt x="14170" y="7123"/>
              </a:lnTo>
              <a:lnTo>
                <a:pt x="12989" y="5936"/>
              </a:lnTo>
              <a:lnTo>
                <a:pt x="11956" y="4749"/>
              </a:lnTo>
              <a:lnTo>
                <a:pt x="11513" y="3087"/>
              </a:lnTo>
              <a:lnTo>
                <a:pt x="11661" y="1425"/>
              </a:lnTo>
              <a:lnTo>
                <a:pt x="11070" y="0"/>
              </a:lnTo>
              <a:lnTo>
                <a:pt x="10332" y="0"/>
              </a:lnTo>
              <a:lnTo>
                <a:pt x="9742" y="0"/>
              </a:lnTo>
              <a:lnTo>
                <a:pt x="8856" y="475"/>
              </a:lnTo>
              <a:lnTo>
                <a:pt x="8118" y="712"/>
              </a:lnTo>
              <a:lnTo>
                <a:pt x="7675" y="1425"/>
              </a:lnTo>
              <a:lnTo>
                <a:pt x="7675" y="2137"/>
              </a:lnTo>
              <a:lnTo>
                <a:pt x="7675" y="2612"/>
              </a:lnTo>
              <a:lnTo>
                <a:pt x="6790" y="2849"/>
              </a:lnTo>
              <a:lnTo>
                <a:pt x="6495" y="1900"/>
              </a:lnTo>
              <a:lnTo>
                <a:pt x="5757" y="2374"/>
              </a:lnTo>
              <a:lnTo>
                <a:pt x="5019" y="3087"/>
              </a:lnTo>
              <a:lnTo>
                <a:pt x="5019" y="3799"/>
              </a:lnTo>
              <a:lnTo>
                <a:pt x="4133" y="3562"/>
              </a:lnTo>
              <a:lnTo>
                <a:pt x="3395" y="3799"/>
              </a:lnTo>
              <a:lnTo>
                <a:pt x="2362" y="4512"/>
              </a:lnTo>
              <a:lnTo>
                <a:pt x="1624" y="4986"/>
              </a:lnTo>
              <a:lnTo>
                <a:pt x="738" y="5461"/>
              </a:lnTo>
              <a:lnTo>
                <a:pt x="148" y="5936"/>
              </a:lnTo>
              <a:lnTo>
                <a:pt x="0" y="6411"/>
              </a:lnTo>
              <a:lnTo>
                <a:pt x="738" y="6174"/>
              </a:lnTo>
              <a:lnTo>
                <a:pt x="1771" y="6649"/>
              </a:lnTo>
              <a:lnTo>
                <a:pt x="2657" y="6649"/>
              </a:lnTo>
              <a:lnTo>
                <a:pt x="3690" y="7361"/>
              </a:lnTo>
              <a:lnTo>
                <a:pt x="4871" y="8073"/>
              </a:lnTo>
              <a:lnTo>
                <a:pt x="5904" y="8311"/>
              </a:lnTo>
              <a:lnTo>
                <a:pt x="6052" y="9261"/>
              </a:lnTo>
              <a:lnTo>
                <a:pt x="6937" y="9973"/>
              </a:lnTo>
              <a:lnTo>
                <a:pt x="7528" y="11872"/>
              </a:lnTo>
              <a:lnTo>
                <a:pt x="7971" y="13772"/>
              </a:lnTo>
              <a:lnTo>
                <a:pt x="8856" y="14010"/>
              </a:lnTo>
              <a:lnTo>
                <a:pt x="9447" y="14722"/>
              </a:lnTo>
              <a:lnTo>
                <a:pt x="10775" y="14722"/>
              </a:lnTo>
              <a:lnTo>
                <a:pt x="11218" y="14959"/>
              </a:lnTo>
              <a:lnTo>
                <a:pt x="12251" y="15434"/>
              </a:lnTo>
              <a:lnTo>
                <a:pt x="12989" y="15434"/>
              </a:lnTo>
              <a:lnTo>
                <a:pt x="13432" y="15197"/>
              </a:lnTo>
              <a:lnTo>
                <a:pt x="14318" y="16384"/>
              </a:lnTo>
              <a:lnTo>
                <a:pt x="15498" y="16384"/>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0</xdr:col>
      <xdr:colOff>533400</xdr:colOff>
      <xdr:row>5</xdr:row>
      <xdr:rowOff>76200</xdr:rowOff>
    </xdr:from>
    <xdr:to>
      <xdr:col>12</xdr:col>
      <xdr:colOff>247650</xdr:colOff>
      <xdr:row>10</xdr:row>
      <xdr:rowOff>123825</xdr:rowOff>
    </xdr:to>
    <xdr:sp macro="" textlink="">
      <xdr:nvSpPr>
        <xdr:cNvPr id="26" name="d14137">
          <a:extLst>
            <a:ext uri="{FF2B5EF4-FFF2-40B4-BE49-F238E27FC236}">
              <a16:creationId xmlns:a16="http://schemas.microsoft.com/office/drawing/2014/main" id="{00000000-0008-0000-0000-00001A000000}"/>
            </a:ext>
          </a:extLst>
        </xdr:cNvPr>
        <xdr:cNvSpPr>
          <a:spLocks/>
        </xdr:cNvSpPr>
      </xdr:nvSpPr>
      <xdr:spPr bwMode="auto">
        <a:xfrm>
          <a:off x="6629400" y="1905000"/>
          <a:ext cx="933450" cy="809625"/>
        </a:xfrm>
        <a:custGeom>
          <a:avLst/>
          <a:gdLst/>
          <a:ahLst/>
          <a:cxnLst>
            <a:cxn ang="0">
              <a:pos x="15047" y="7325"/>
            </a:cxn>
            <a:cxn ang="0">
              <a:pos x="15882" y="5397"/>
            </a:cxn>
            <a:cxn ang="0">
              <a:pos x="15214" y="3470"/>
            </a:cxn>
            <a:cxn ang="0">
              <a:pos x="15214" y="1157"/>
            </a:cxn>
            <a:cxn ang="0">
              <a:pos x="13040" y="0"/>
            </a:cxn>
            <a:cxn ang="0">
              <a:pos x="11201" y="578"/>
            </a:cxn>
            <a:cxn ang="0">
              <a:pos x="10365" y="1928"/>
            </a:cxn>
            <a:cxn ang="0">
              <a:pos x="9195" y="2506"/>
            </a:cxn>
            <a:cxn ang="0">
              <a:pos x="9529" y="4241"/>
            </a:cxn>
            <a:cxn ang="0">
              <a:pos x="10031" y="5590"/>
            </a:cxn>
            <a:cxn ang="0">
              <a:pos x="8359" y="5783"/>
            </a:cxn>
            <a:cxn ang="0">
              <a:pos x="6855" y="4626"/>
            </a:cxn>
            <a:cxn ang="0">
              <a:pos x="5517" y="3470"/>
            </a:cxn>
            <a:cxn ang="0">
              <a:pos x="5517" y="1542"/>
            </a:cxn>
            <a:cxn ang="0">
              <a:pos x="3511" y="1349"/>
            </a:cxn>
            <a:cxn ang="0">
              <a:pos x="2508" y="0"/>
            </a:cxn>
            <a:cxn ang="0">
              <a:pos x="1505" y="1928"/>
            </a:cxn>
            <a:cxn ang="0">
              <a:pos x="669" y="2699"/>
            </a:cxn>
            <a:cxn ang="0">
              <a:pos x="0" y="3855"/>
            </a:cxn>
            <a:cxn ang="0">
              <a:pos x="669" y="5975"/>
            </a:cxn>
            <a:cxn ang="0">
              <a:pos x="3009" y="4433"/>
            </a:cxn>
            <a:cxn ang="0">
              <a:pos x="3344" y="5397"/>
            </a:cxn>
            <a:cxn ang="0">
              <a:pos x="5016" y="7325"/>
            </a:cxn>
            <a:cxn ang="0">
              <a:pos x="6019" y="8481"/>
            </a:cxn>
            <a:cxn ang="0">
              <a:pos x="6520" y="9059"/>
            </a:cxn>
            <a:cxn ang="0">
              <a:pos x="7356" y="9445"/>
            </a:cxn>
            <a:cxn ang="0">
              <a:pos x="8861" y="10409"/>
            </a:cxn>
            <a:cxn ang="0">
              <a:pos x="9697" y="12336"/>
            </a:cxn>
            <a:cxn ang="0">
              <a:pos x="11703" y="14649"/>
            </a:cxn>
            <a:cxn ang="0">
              <a:pos x="12037" y="15420"/>
            </a:cxn>
            <a:cxn ang="0">
              <a:pos x="12372" y="16384"/>
            </a:cxn>
            <a:cxn ang="0">
              <a:pos x="13542" y="15613"/>
            </a:cxn>
            <a:cxn ang="0">
              <a:pos x="15381" y="14071"/>
            </a:cxn>
            <a:cxn ang="0">
              <a:pos x="15381" y="13685"/>
            </a:cxn>
            <a:cxn ang="0">
              <a:pos x="14545" y="12529"/>
            </a:cxn>
            <a:cxn ang="0">
              <a:pos x="15715" y="12143"/>
            </a:cxn>
            <a:cxn ang="0">
              <a:pos x="15381" y="10601"/>
            </a:cxn>
            <a:cxn ang="0">
              <a:pos x="15381" y="9059"/>
            </a:cxn>
            <a:cxn ang="0">
              <a:pos x="14712" y="8867"/>
            </a:cxn>
            <a:cxn ang="0">
              <a:pos x="16384" y="8096"/>
            </a:cxn>
          </a:cxnLst>
          <a:rect l="0" t="0" r="r" b="b"/>
          <a:pathLst>
            <a:path w="16384" h="16384">
              <a:moveTo>
                <a:pt x="16384" y="8096"/>
              </a:moveTo>
              <a:lnTo>
                <a:pt x="15047" y="7325"/>
              </a:lnTo>
              <a:lnTo>
                <a:pt x="15882" y="6554"/>
              </a:lnTo>
              <a:lnTo>
                <a:pt x="15882" y="5397"/>
              </a:lnTo>
              <a:lnTo>
                <a:pt x="15047" y="5590"/>
              </a:lnTo>
              <a:lnTo>
                <a:pt x="15214" y="3470"/>
              </a:lnTo>
              <a:lnTo>
                <a:pt x="15882" y="1928"/>
              </a:lnTo>
              <a:lnTo>
                <a:pt x="15214" y="1157"/>
              </a:lnTo>
              <a:lnTo>
                <a:pt x="14211" y="1157"/>
              </a:lnTo>
              <a:lnTo>
                <a:pt x="13040" y="0"/>
              </a:lnTo>
              <a:lnTo>
                <a:pt x="12539" y="193"/>
              </a:lnTo>
              <a:lnTo>
                <a:pt x="11201" y="578"/>
              </a:lnTo>
              <a:lnTo>
                <a:pt x="10700" y="1157"/>
              </a:lnTo>
              <a:lnTo>
                <a:pt x="10365" y="1928"/>
              </a:lnTo>
              <a:lnTo>
                <a:pt x="9362" y="2120"/>
              </a:lnTo>
              <a:lnTo>
                <a:pt x="9195" y="2506"/>
              </a:lnTo>
              <a:lnTo>
                <a:pt x="9195" y="3470"/>
              </a:lnTo>
              <a:lnTo>
                <a:pt x="9529" y="4241"/>
              </a:lnTo>
              <a:lnTo>
                <a:pt x="10031" y="5204"/>
              </a:lnTo>
              <a:lnTo>
                <a:pt x="10031" y="5590"/>
              </a:lnTo>
              <a:lnTo>
                <a:pt x="9195" y="5590"/>
              </a:lnTo>
              <a:lnTo>
                <a:pt x="8359" y="5783"/>
              </a:lnTo>
              <a:lnTo>
                <a:pt x="7523" y="4819"/>
              </a:lnTo>
              <a:lnTo>
                <a:pt x="6855" y="4626"/>
              </a:lnTo>
              <a:lnTo>
                <a:pt x="6353" y="3662"/>
              </a:lnTo>
              <a:lnTo>
                <a:pt x="5517" y="3470"/>
              </a:lnTo>
              <a:lnTo>
                <a:pt x="5851" y="2313"/>
              </a:lnTo>
              <a:lnTo>
                <a:pt x="5517" y="1542"/>
              </a:lnTo>
              <a:lnTo>
                <a:pt x="4347" y="1542"/>
              </a:lnTo>
              <a:lnTo>
                <a:pt x="3511" y="1349"/>
              </a:lnTo>
              <a:lnTo>
                <a:pt x="3344" y="193"/>
              </a:lnTo>
              <a:lnTo>
                <a:pt x="2508" y="0"/>
              </a:lnTo>
              <a:lnTo>
                <a:pt x="2173" y="1157"/>
              </a:lnTo>
              <a:lnTo>
                <a:pt x="1505" y="1928"/>
              </a:lnTo>
              <a:lnTo>
                <a:pt x="836" y="2120"/>
              </a:lnTo>
              <a:lnTo>
                <a:pt x="669" y="2699"/>
              </a:lnTo>
              <a:lnTo>
                <a:pt x="167" y="3470"/>
              </a:lnTo>
              <a:lnTo>
                <a:pt x="0" y="3855"/>
              </a:lnTo>
              <a:lnTo>
                <a:pt x="669" y="4626"/>
              </a:lnTo>
              <a:lnTo>
                <a:pt x="669" y="5975"/>
              </a:lnTo>
              <a:lnTo>
                <a:pt x="1170" y="5783"/>
              </a:lnTo>
              <a:lnTo>
                <a:pt x="3009" y="4433"/>
              </a:lnTo>
              <a:lnTo>
                <a:pt x="3511" y="4626"/>
              </a:lnTo>
              <a:lnTo>
                <a:pt x="3344" y="5397"/>
              </a:lnTo>
              <a:lnTo>
                <a:pt x="3845" y="5783"/>
              </a:lnTo>
              <a:lnTo>
                <a:pt x="5016" y="7325"/>
              </a:lnTo>
              <a:lnTo>
                <a:pt x="5851" y="7325"/>
              </a:lnTo>
              <a:lnTo>
                <a:pt x="6019" y="8481"/>
              </a:lnTo>
              <a:lnTo>
                <a:pt x="6520" y="8674"/>
              </a:lnTo>
              <a:lnTo>
                <a:pt x="6520" y="9059"/>
              </a:lnTo>
              <a:lnTo>
                <a:pt x="7022" y="9059"/>
              </a:lnTo>
              <a:lnTo>
                <a:pt x="7356" y="9445"/>
              </a:lnTo>
              <a:lnTo>
                <a:pt x="8192" y="10216"/>
              </a:lnTo>
              <a:lnTo>
                <a:pt x="8861" y="10409"/>
              </a:lnTo>
              <a:lnTo>
                <a:pt x="9195" y="11758"/>
              </a:lnTo>
              <a:lnTo>
                <a:pt x="9697" y="12336"/>
              </a:lnTo>
              <a:lnTo>
                <a:pt x="11368" y="14456"/>
              </a:lnTo>
              <a:lnTo>
                <a:pt x="11703" y="14649"/>
              </a:lnTo>
              <a:lnTo>
                <a:pt x="11870" y="15227"/>
              </a:lnTo>
              <a:lnTo>
                <a:pt x="12037" y="15420"/>
              </a:lnTo>
              <a:lnTo>
                <a:pt x="12372" y="15806"/>
              </a:lnTo>
              <a:lnTo>
                <a:pt x="12372" y="16384"/>
              </a:lnTo>
              <a:lnTo>
                <a:pt x="12539" y="16384"/>
              </a:lnTo>
              <a:lnTo>
                <a:pt x="13542" y="15613"/>
              </a:lnTo>
              <a:lnTo>
                <a:pt x="14211" y="15613"/>
              </a:lnTo>
              <a:lnTo>
                <a:pt x="15381" y="14071"/>
              </a:lnTo>
              <a:lnTo>
                <a:pt x="15047" y="13878"/>
              </a:lnTo>
              <a:lnTo>
                <a:pt x="15381" y="13685"/>
              </a:lnTo>
              <a:lnTo>
                <a:pt x="14879" y="12914"/>
              </a:lnTo>
              <a:lnTo>
                <a:pt x="14545" y="12529"/>
              </a:lnTo>
              <a:lnTo>
                <a:pt x="15548" y="12529"/>
              </a:lnTo>
              <a:lnTo>
                <a:pt x="15715" y="12143"/>
              </a:lnTo>
              <a:lnTo>
                <a:pt x="15715" y="11565"/>
              </a:lnTo>
              <a:lnTo>
                <a:pt x="15381" y="10601"/>
              </a:lnTo>
              <a:lnTo>
                <a:pt x="15548" y="10216"/>
              </a:lnTo>
              <a:lnTo>
                <a:pt x="15381" y="9059"/>
              </a:lnTo>
              <a:lnTo>
                <a:pt x="14545" y="9252"/>
              </a:lnTo>
              <a:lnTo>
                <a:pt x="14712" y="8867"/>
              </a:lnTo>
              <a:lnTo>
                <a:pt x="15381" y="8481"/>
              </a:lnTo>
              <a:lnTo>
                <a:pt x="16384" y="8096"/>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3</xdr:col>
      <xdr:colOff>171450</xdr:colOff>
      <xdr:row>32</xdr:row>
      <xdr:rowOff>28575</xdr:rowOff>
    </xdr:from>
    <xdr:to>
      <xdr:col>16</xdr:col>
      <xdr:colOff>257175</xdr:colOff>
      <xdr:row>44</xdr:row>
      <xdr:rowOff>133351</xdr:rowOff>
    </xdr:to>
    <xdr:sp macro="" textlink="">
      <xdr:nvSpPr>
        <xdr:cNvPr id="27" name="d14201">
          <a:extLst>
            <a:ext uri="{FF2B5EF4-FFF2-40B4-BE49-F238E27FC236}">
              <a16:creationId xmlns:a16="http://schemas.microsoft.com/office/drawing/2014/main" id="{00000000-0008-0000-0000-00001B000000}"/>
            </a:ext>
          </a:extLst>
        </xdr:cNvPr>
        <xdr:cNvSpPr>
          <a:spLocks/>
        </xdr:cNvSpPr>
      </xdr:nvSpPr>
      <xdr:spPr bwMode="auto">
        <a:xfrm>
          <a:off x="8096250" y="5972175"/>
          <a:ext cx="1914525" cy="1933576"/>
        </a:xfrm>
        <a:custGeom>
          <a:avLst/>
          <a:gdLst/>
          <a:ahLst/>
          <a:cxnLst>
            <a:cxn ang="0">
              <a:pos x="4809" y="807"/>
            </a:cxn>
            <a:cxn ang="0">
              <a:pos x="3342" y="1614"/>
            </a:cxn>
            <a:cxn ang="0">
              <a:pos x="3342" y="2502"/>
            </a:cxn>
            <a:cxn ang="0">
              <a:pos x="4157" y="4197"/>
            </a:cxn>
            <a:cxn ang="0">
              <a:pos x="4076" y="5730"/>
            </a:cxn>
            <a:cxn ang="0">
              <a:pos x="5461" y="6618"/>
            </a:cxn>
            <a:cxn ang="0">
              <a:pos x="5787" y="6941"/>
            </a:cxn>
            <a:cxn ang="0">
              <a:pos x="5543" y="8071"/>
            </a:cxn>
            <a:cxn ang="0">
              <a:pos x="4646" y="8717"/>
            </a:cxn>
            <a:cxn ang="0">
              <a:pos x="3913" y="7990"/>
            </a:cxn>
            <a:cxn ang="0">
              <a:pos x="3016" y="8394"/>
            </a:cxn>
            <a:cxn ang="0">
              <a:pos x="2038" y="8636"/>
            </a:cxn>
            <a:cxn ang="0">
              <a:pos x="0" y="9039"/>
            </a:cxn>
            <a:cxn ang="0">
              <a:pos x="1141" y="9927"/>
            </a:cxn>
            <a:cxn ang="0">
              <a:pos x="2038" y="10976"/>
            </a:cxn>
            <a:cxn ang="0">
              <a:pos x="2201" y="12429"/>
            </a:cxn>
            <a:cxn ang="0">
              <a:pos x="3016" y="12591"/>
            </a:cxn>
            <a:cxn ang="0">
              <a:pos x="4728" y="13559"/>
            </a:cxn>
            <a:cxn ang="0">
              <a:pos x="3097" y="14043"/>
            </a:cxn>
            <a:cxn ang="0">
              <a:pos x="2201" y="14770"/>
            </a:cxn>
            <a:cxn ang="0">
              <a:pos x="1875" y="15819"/>
            </a:cxn>
            <a:cxn ang="0">
              <a:pos x="3260" y="16303"/>
            </a:cxn>
            <a:cxn ang="0">
              <a:pos x="5380" y="14447"/>
            </a:cxn>
            <a:cxn ang="0">
              <a:pos x="6603" y="14447"/>
            </a:cxn>
            <a:cxn ang="0">
              <a:pos x="7418" y="14689"/>
            </a:cxn>
            <a:cxn ang="0">
              <a:pos x="8885" y="15415"/>
            </a:cxn>
            <a:cxn ang="0">
              <a:pos x="11982" y="14124"/>
            </a:cxn>
            <a:cxn ang="0">
              <a:pos x="13857" y="13801"/>
            </a:cxn>
            <a:cxn ang="0">
              <a:pos x="13531" y="13156"/>
            </a:cxn>
            <a:cxn ang="0">
              <a:pos x="13694" y="11864"/>
            </a:cxn>
            <a:cxn ang="0">
              <a:pos x="14591" y="11380"/>
            </a:cxn>
            <a:cxn ang="0">
              <a:pos x="13368" y="9604"/>
            </a:cxn>
            <a:cxn ang="0">
              <a:pos x="14591" y="10573"/>
            </a:cxn>
            <a:cxn ang="0">
              <a:pos x="16384" y="9039"/>
            </a:cxn>
            <a:cxn ang="0">
              <a:pos x="14917" y="7829"/>
            </a:cxn>
            <a:cxn ang="0">
              <a:pos x="12145" y="7910"/>
            </a:cxn>
            <a:cxn ang="0">
              <a:pos x="9700" y="5972"/>
            </a:cxn>
            <a:cxn ang="0">
              <a:pos x="9292" y="4923"/>
            </a:cxn>
            <a:cxn ang="0">
              <a:pos x="9211" y="3551"/>
            </a:cxn>
            <a:cxn ang="0">
              <a:pos x="8396" y="4762"/>
            </a:cxn>
            <a:cxn ang="0">
              <a:pos x="8151" y="5408"/>
            </a:cxn>
            <a:cxn ang="0">
              <a:pos x="6766" y="4600"/>
            </a:cxn>
            <a:cxn ang="0">
              <a:pos x="7499" y="3309"/>
            </a:cxn>
            <a:cxn ang="0">
              <a:pos x="6358" y="3793"/>
            </a:cxn>
            <a:cxn ang="0">
              <a:pos x="5298" y="4035"/>
            </a:cxn>
            <a:cxn ang="0">
              <a:pos x="5869" y="2341"/>
            </a:cxn>
            <a:cxn ang="0">
              <a:pos x="6847" y="1291"/>
            </a:cxn>
            <a:cxn ang="0">
              <a:pos x="5706" y="323"/>
            </a:cxn>
          </a:cxnLst>
          <a:rect l="0" t="0" r="r" b="b"/>
          <a:pathLst>
            <a:path w="16384" h="16384">
              <a:moveTo>
                <a:pt x="5706" y="323"/>
              </a:moveTo>
              <a:lnTo>
                <a:pt x="5298" y="969"/>
              </a:lnTo>
              <a:lnTo>
                <a:pt x="5135" y="646"/>
              </a:lnTo>
              <a:lnTo>
                <a:pt x="4809" y="807"/>
              </a:lnTo>
              <a:lnTo>
                <a:pt x="4565" y="1211"/>
              </a:lnTo>
              <a:lnTo>
                <a:pt x="4402" y="1453"/>
              </a:lnTo>
              <a:lnTo>
                <a:pt x="3994" y="1614"/>
              </a:lnTo>
              <a:lnTo>
                <a:pt x="3342" y="1614"/>
              </a:lnTo>
              <a:lnTo>
                <a:pt x="3260" y="1856"/>
              </a:lnTo>
              <a:lnTo>
                <a:pt x="2853" y="2098"/>
              </a:lnTo>
              <a:lnTo>
                <a:pt x="3097" y="2341"/>
              </a:lnTo>
              <a:lnTo>
                <a:pt x="3342" y="2502"/>
              </a:lnTo>
              <a:lnTo>
                <a:pt x="3342" y="3067"/>
              </a:lnTo>
              <a:lnTo>
                <a:pt x="3750" y="3309"/>
              </a:lnTo>
              <a:lnTo>
                <a:pt x="3831" y="3713"/>
              </a:lnTo>
              <a:lnTo>
                <a:pt x="4157" y="4197"/>
              </a:lnTo>
              <a:lnTo>
                <a:pt x="4239" y="4762"/>
              </a:lnTo>
              <a:lnTo>
                <a:pt x="4320" y="5085"/>
              </a:lnTo>
              <a:lnTo>
                <a:pt x="4076" y="5408"/>
              </a:lnTo>
              <a:lnTo>
                <a:pt x="4076" y="5730"/>
              </a:lnTo>
              <a:lnTo>
                <a:pt x="4320" y="5972"/>
              </a:lnTo>
              <a:lnTo>
                <a:pt x="4565" y="5972"/>
              </a:lnTo>
              <a:lnTo>
                <a:pt x="4972" y="6295"/>
              </a:lnTo>
              <a:lnTo>
                <a:pt x="5461" y="6618"/>
              </a:lnTo>
              <a:lnTo>
                <a:pt x="5706" y="6699"/>
              </a:lnTo>
              <a:lnTo>
                <a:pt x="6032" y="6699"/>
              </a:lnTo>
              <a:lnTo>
                <a:pt x="6113" y="6780"/>
              </a:lnTo>
              <a:lnTo>
                <a:pt x="5787" y="6941"/>
              </a:lnTo>
              <a:lnTo>
                <a:pt x="5787" y="7345"/>
              </a:lnTo>
              <a:lnTo>
                <a:pt x="5950" y="7829"/>
              </a:lnTo>
              <a:lnTo>
                <a:pt x="5950" y="8071"/>
              </a:lnTo>
              <a:lnTo>
                <a:pt x="5543" y="8071"/>
              </a:lnTo>
              <a:lnTo>
                <a:pt x="5217" y="8232"/>
              </a:lnTo>
              <a:lnTo>
                <a:pt x="4891" y="8313"/>
              </a:lnTo>
              <a:lnTo>
                <a:pt x="4728" y="8474"/>
              </a:lnTo>
              <a:lnTo>
                <a:pt x="4646" y="8717"/>
              </a:lnTo>
              <a:lnTo>
                <a:pt x="4402" y="8717"/>
              </a:lnTo>
              <a:lnTo>
                <a:pt x="4157" y="8474"/>
              </a:lnTo>
              <a:lnTo>
                <a:pt x="3994" y="8232"/>
              </a:lnTo>
              <a:lnTo>
                <a:pt x="3913" y="7990"/>
              </a:lnTo>
              <a:lnTo>
                <a:pt x="3750" y="7910"/>
              </a:lnTo>
              <a:lnTo>
                <a:pt x="3505" y="8232"/>
              </a:lnTo>
              <a:lnTo>
                <a:pt x="3260" y="8394"/>
              </a:lnTo>
              <a:lnTo>
                <a:pt x="3016" y="8394"/>
              </a:lnTo>
              <a:lnTo>
                <a:pt x="2771" y="8394"/>
              </a:lnTo>
              <a:lnTo>
                <a:pt x="2445" y="8394"/>
              </a:lnTo>
              <a:lnTo>
                <a:pt x="2201" y="8394"/>
              </a:lnTo>
              <a:lnTo>
                <a:pt x="2038" y="8636"/>
              </a:lnTo>
              <a:lnTo>
                <a:pt x="1956" y="8636"/>
              </a:lnTo>
              <a:lnTo>
                <a:pt x="1467" y="8717"/>
              </a:lnTo>
              <a:lnTo>
                <a:pt x="163" y="8797"/>
              </a:lnTo>
              <a:lnTo>
                <a:pt x="0" y="9039"/>
              </a:lnTo>
              <a:lnTo>
                <a:pt x="326" y="9039"/>
              </a:lnTo>
              <a:lnTo>
                <a:pt x="652" y="9282"/>
              </a:lnTo>
              <a:lnTo>
                <a:pt x="897" y="9524"/>
              </a:lnTo>
              <a:lnTo>
                <a:pt x="1141" y="9927"/>
              </a:lnTo>
              <a:lnTo>
                <a:pt x="1467" y="10169"/>
              </a:lnTo>
              <a:lnTo>
                <a:pt x="1793" y="10492"/>
              </a:lnTo>
              <a:lnTo>
                <a:pt x="1875" y="10654"/>
              </a:lnTo>
              <a:lnTo>
                <a:pt x="2038" y="10976"/>
              </a:lnTo>
              <a:lnTo>
                <a:pt x="2038" y="11057"/>
              </a:lnTo>
              <a:lnTo>
                <a:pt x="2282" y="11622"/>
              </a:lnTo>
              <a:lnTo>
                <a:pt x="2364" y="12026"/>
              </a:lnTo>
              <a:lnTo>
                <a:pt x="2201" y="12429"/>
              </a:lnTo>
              <a:lnTo>
                <a:pt x="2119" y="12671"/>
              </a:lnTo>
              <a:lnTo>
                <a:pt x="2282" y="12671"/>
              </a:lnTo>
              <a:lnTo>
                <a:pt x="2445" y="12429"/>
              </a:lnTo>
              <a:lnTo>
                <a:pt x="3016" y="12591"/>
              </a:lnTo>
              <a:lnTo>
                <a:pt x="3750" y="12752"/>
              </a:lnTo>
              <a:lnTo>
                <a:pt x="3994" y="12833"/>
              </a:lnTo>
              <a:lnTo>
                <a:pt x="4402" y="13156"/>
              </a:lnTo>
              <a:lnTo>
                <a:pt x="4728" y="13559"/>
              </a:lnTo>
              <a:lnTo>
                <a:pt x="4483" y="14124"/>
              </a:lnTo>
              <a:lnTo>
                <a:pt x="3994" y="14286"/>
              </a:lnTo>
              <a:lnTo>
                <a:pt x="3587" y="14286"/>
              </a:lnTo>
              <a:lnTo>
                <a:pt x="3097" y="14043"/>
              </a:lnTo>
              <a:lnTo>
                <a:pt x="2934" y="14124"/>
              </a:lnTo>
              <a:lnTo>
                <a:pt x="2771" y="14366"/>
              </a:lnTo>
              <a:lnTo>
                <a:pt x="2364" y="14528"/>
              </a:lnTo>
              <a:lnTo>
                <a:pt x="2201" y="14770"/>
              </a:lnTo>
              <a:lnTo>
                <a:pt x="2201" y="15012"/>
              </a:lnTo>
              <a:lnTo>
                <a:pt x="2282" y="15254"/>
              </a:lnTo>
              <a:lnTo>
                <a:pt x="2038" y="15415"/>
              </a:lnTo>
              <a:lnTo>
                <a:pt x="1875" y="15819"/>
              </a:lnTo>
              <a:lnTo>
                <a:pt x="2364" y="15819"/>
              </a:lnTo>
              <a:lnTo>
                <a:pt x="2771" y="15819"/>
              </a:lnTo>
              <a:lnTo>
                <a:pt x="2771" y="16142"/>
              </a:lnTo>
              <a:lnTo>
                <a:pt x="3260" y="16303"/>
              </a:lnTo>
              <a:lnTo>
                <a:pt x="3424" y="16384"/>
              </a:lnTo>
              <a:lnTo>
                <a:pt x="4239" y="15335"/>
              </a:lnTo>
              <a:lnTo>
                <a:pt x="4891" y="15254"/>
              </a:lnTo>
              <a:lnTo>
                <a:pt x="5380" y="14447"/>
              </a:lnTo>
              <a:lnTo>
                <a:pt x="5543" y="14447"/>
              </a:lnTo>
              <a:lnTo>
                <a:pt x="5787" y="14608"/>
              </a:lnTo>
              <a:lnTo>
                <a:pt x="6113" y="14366"/>
              </a:lnTo>
              <a:lnTo>
                <a:pt x="6603" y="14447"/>
              </a:lnTo>
              <a:lnTo>
                <a:pt x="6929" y="14366"/>
              </a:lnTo>
              <a:lnTo>
                <a:pt x="7336" y="14043"/>
              </a:lnTo>
              <a:lnTo>
                <a:pt x="7499" y="14124"/>
              </a:lnTo>
              <a:lnTo>
                <a:pt x="7418" y="14689"/>
              </a:lnTo>
              <a:lnTo>
                <a:pt x="7907" y="15012"/>
              </a:lnTo>
              <a:lnTo>
                <a:pt x="7988" y="15577"/>
              </a:lnTo>
              <a:lnTo>
                <a:pt x="8396" y="15900"/>
              </a:lnTo>
              <a:lnTo>
                <a:pt x="8885" y="15415"/>
              </a:lnTo>
              <a:lnTo>
                <a:pt x="9945" y="14608"/>
              </a:lnTo>
              <a:lnTo>
                <a:pt x="10515" y="14366"/>
              </a:lnTo>
              <a:lnTo>
                <a:pt x="11086" y="14205"/>
              </a:lnTo>
              <a:lnTo>
                <a:pt x="11982" y="14124"/>
              </a:lnTo>
              <a:lnTo>
                <a:pt x="12716" y="14043"/>
              </a:lnTo>
              <a:lnTo>
                <a:pt x="13205" y="13963"/>
              </a:lnTo>
              <a:lnTo>
                <a:pt x="13613" y="14124"/>
              </a:lnTo>
              <a:lnTo>
                <a:pt x="13857" y="13801"/>
              </a:lnTo>
              <a:lnTo>
                <a:pt x="13857" y="13640"/>
              </a:lnTo>
              <a:lnTo>
                <a:pt x="14102" y="13236"/>
              </a:lnTo>
              <a:lnTo>
                <a:pt x="13939" y="13075"/>
              </a:lnTo>
              <a:lnTo>
                <a:pt x="13531" y="13156"/>
              </a:lnTo>
              <a:lnTo>
                <a:pt x="13368" y="13156"/>
              </a:lnTo>
              <a:lnTo>
                <a:pt x="13205" y="12591"/>
              </a:lnTo>
              <a:lnTo>
                <a:pt x="13368" y="11945"/>
              </a:lnTo>
              <a:lnTo>
                <a:pt x="13694" y="11864"/>
              </a:lnTo>
              <a:lnTo>
                <a:pt x="14020" y="12106"/>
              </a:lnTo>
              <a:lnTo>
                <a:pt x="14020" y="12349"/>
              </a:lnTo>
              <a:lnTo>
                <a:pt x="14591" y="12429"/>
              </a:lnTo>
              <a:lnTo>
                <a:pt x="14591" y="11380"/>
              </a:lnTo>
              <a:lnTo>
                <a:pt x="14183" y="11138"/>
              </a:lnTo>
              <a:lnTo>
                <a:pt x="13857" y="10734"/>
              </a:lnTo>
              <a:lnTo>
                <a:pt x="13613" y="10331"/>
              </a:lnTo>
              <a:lnTo>
                <a:pt x="13368" y="9604"/>
              </a:lnTo>
              <a:lnTo>
                <a:pt x="14102" y="10573"/>
              </a:lnTo>
              <a:lnTo>
                <a:pt x="14346" y="10573"/>
              </a:lnTo>
              <a:lnTo>
                <a:pt x="14509" y="10412"/>
              </a:lnTo>
              <a:lnTo>
                <a:pt x="14591" y="10573"/>
              </a:lnTo>
              <a:lnTo>
                <a:pt x="15080" y="10492"/>
              </a:lnTo>
              <a:lnTo>
                <a:pt x="15161" y="9847"/>
              </a:lnTo>
              <a:lnTo>
                <a:pt x="15650" y="9524"/>
              </a:lnTo>
              <a:lnTo>
                <a:pt x="16384" y="9039"/>
              </a:lnTo>
              <a:lnTo>
                <a:pt x="16221" y="8474"/>
              </a:lnTo>
              <a:lnTo>
                <a:pt x="15813" y="8394"/>
              </a:lnTo>
              <a:lnTo>
                <a:pt x="15406" y="8071"/>
              </a:lnTo>
              <a:lnTo>
                <a:pt x="14917" y="7829"/>
              </a:lnTo>
              <a:lnTo>
                <a:pt x="14998" y="7506"/>
              </a:lnTo>
              <a:lnTo>
                <a:pt x="14020" y="7910"/>
              </a:lnTo>
              <a:lnTo>
                <a:pt x="13368" y="7910"/>
              </a:lnTo>
              <a:lnTo>
                <a:pt x="12145" y="7910"/>
              </a:lnTo>
              <a:lnTo>
                <a:pt x="10678" y="7587"/>
              </a:lnTo>
              <a:lnTo>
                <a:pt x="9781" y="6860"/>
              </a:lnTo>
              <a:lnTo>
                <a:pt x="9945" y="6457"/>
              </a:lnTo>
              <a:lnTo>
                <a:pt x="9700" y="5972"/>
              </a:lnTo>
              <a:lnTo>
                <a:pt x="9455" y="5569"/>
              </a:lnTo>
              <a:lnTo>
                <a:pt x="9129" y="5488"/>
              </a:lnTo>
              <a:lnTo>
                <a:pt x="9455" y="5327"/>
              </a:lnTo>
              <a:lnTo>
                <a:pt x="9292" y="4923"/>
              </a:lnTo>
              <a:lnTo>
                <a:pt x="9945" y="4843"/>
              </a:lnTo>
              <a:lnTo>
                <a:pt x="9700" y="4278"/>
              </a:lnTo>
              <a:lnTo>
                <a:pt x="9700" y="3874"/>
              </a:lnTo>
              <a:lnTo>
                <a:pt x="9211" y="3551"/>
              </a:lnTo>
              <a:lnTo>
                <a:pt x="8640" y="3471"/>
              </a:lnTo>
              <a:lnTo>
                <a:pt x="7988" y="3551"/>
              </a:lnTo>
              <a:lnTo>
                <a:pt x="8396" y="4035"/>
              </a:lnTo>
              <a:lnTo>
                <a:pt x="8396" y="4762"/>
              </a:lnTo>
              <a:lnTo>
                <a:pt x="8070" y="4520"/>
              </a:lnTo>
              <a:lnTo>
                <a:pt x="7662" y="4600"/>
              </a:lnTo>
              <a:lnTo>
                <a:pt x="7988" y="5004"/>
              </a:lnTo>
              <a:lnTo>
                <a:pt x="8151" y="5408"/>
              </a:lnTo>
              <a:lnTo>
                <a:pt x="7988" y="5488"/>
              </a:lnTo>
              <a:lnTo>
                <a:pt x="7418" y="5327"/>
              </a:lnTo>
              <a:lnTo>
                <a:pt x="7010" y="4923"/>
              </a:lnTo>
              <a:lnTo>
                <a:pt x="6766" y="4600"/>
              </a:lnTo>
              <a:lnTo>
                <a:pt x="6766" y="4116"/>
              </a:lnTo>
              <a:lnTo>
                <a:pt x="7010" y="3713"/>
              </a:lnTo>
              <a:lnTo>
                <a:pt x="7336" y="3390"/>
              </a:lnTo>
              <a:lnTo>
                <a:pt x="7499" y="3309"/>
              </a:lnTo>
              <a:lnTo>
                <a:pt x="7010" y="2744"/>
              </a:lnTo>
              <a:lnTo>
                <a:pt x="6521" y="3228"/>
              </a:lnTo>
              <a:lnTo>
                <a:pt x="6439" y="3551"/>
              </a:lnTo>
              <a:lnTo>
                <a:pt x="6358" y="3793"/>
              </a:lnTo>
              <a:lnTo>
                <a:pt x="6195" y="3713"/>
              </a:lnTo>
              <a:lnTo>
                <a:pt x="5869" y="4116"/>
              </a:lnTo>
              <a:lnTo>
                <a:pt x="5543" y="4116"/>
              </a:lnTo>
              <a:lnTo>
                <a:pt x="5298" y="4035"/>
              </a:lnTo>
              <a:lnTo>
                <a:pt x="5298" y="3793"/>
              </a:lnTo>
              <a:lnTo>
                <a:pt x="5135" y="3471"/>
              </a:lnTo>
              <a:lnTo>
                <a:pt x="6195" y="3067"/>
              </a:lnTo>
              <a:lnTo>
                <a:pt x="5869" y="2341"/>
              </a:lnTo>
              <a:lnTo>
                <a:pt x="6195" y="2583"/>
              </a:lnTo>
              <a:lnTo>
                <a:pt x="6439" y="2583"/>
              </a:lnTo>
              <a:lnTo>
                <a:pt x="6521" y="1291"/>
              </a:lnTo>
              <a:lnTo>
                <a:pt x="6847" y="1291"/>
              </a:lnTo>
              <a:lnTo>
                <a:pt x="7092" y="888"/>
              </a:lnTo>
              <a:lnTo>
                <a:pt x="6684" y="404"/>
              </a:lnTo>
              <a:lnTo>
                <a:pt x="6032" y="0"/>
              </a:lnTo>
              <a:lnTo>
                <a:pt x="5706" y="323"/>
              </a:lnTo>
              <a:close/>
            </a:path>
          </a:pathLst>
        </a:custGeom>
        <a:solidFill>
          <a:srgbClr val="FF6600"/>
        </a:solidFill>
        <a:ln w="9525" cap="flat">
          <a:solidFill>
            <a:srgbClr val="000000"/>
          </a:solidFill>
          <a:prstDash val="solid"/>
          <a:round/>
          <a:headEnd/>
          <a:tailEnd/>
        </a:ln>
      </xdr:spPr>
    </xdr:sp>
    <xdr:clientData/>
  </xdr:twoCellAnchor>
  <xdr:twoCellAnchor editAs="oneCell">
    <xdr:from>
      <xdr:col>6</xdr:col>
      <xdr:colOff>552450</xdr:colOff>
      <xdr:row>25</xdr:row>
      <xdr:rowOff>76200</xdr:rowOff>
    </xdr:from>
    <xdr:to>
      <xdr:col>9</xdr:col>
      <xdr:colOff>276225</xdr:colOff>
      <xdr:row>33</xdr:row>
      <xdr:rowOff>114300</xdr:rowOff>
    </xdr:to>
    <xdr:sp macro="" textlink="">
      <xdr:nvSpPr>
        <xdr:cNvPr id="28" name="d14203">
          <a:extLst>
            <a:ext uri="{FF2B5EF4-FFF2-40B4-BE49-F238E27FC236}">
              <a16:creationId xmlns:a16="http://schemas.microsoft.com/office/drawing/2014/main" id="{00000000-0008-0000-0000-00001C000000}"/>
            </a:ext>
          </a:extLst>
        </xdr:cNvPr>
        <xdr:cNvSpPr>
          <a:spLocks/>
        </xdr:cNvSpPr>
      </xdr:nvSpPr>
      <xdr:spPr bwMode="auto">
        <a:xfrm>
          <a:off x="4210050" y="4953000"/>
          <a:ext cx="1552575" cy="1257300"/>
        </a:xfrm>
        <a:custGeom>
          <a:avLst/>
          <a:gdLst/>
          <a:ahLst/>
          <a:cxnLst>
            <a:cxn ang="0">
              <a:pos x="11559" y="16260"/>
            </a:cxn>
            <a:cxn ang="0">
              <a:pos x="12866" y="15888"/>
            </a:cxn>
            <a:cxn ang="0">
              <a:pos x="14273" y="15888"/>
            </a:cxn>
            <a:cxn ang="0">
              <a:pos x="15680" y="16136"/>
            </a:cxn>
            <a:cxn ang="0">
              <a:pos x="16283" y="15267"/>
            </a:cxn>
            <a:cxn ang="0">
              <a:pos x="15580" y="14398"/>
            </a:cxn>
            <a:cxn ang="0">
              <a:pos x="15781" y="12909"/>
            </a:cxn>
            <a:cxn ang="0">
              <a:pos x="16283" y="11916"/>
            </a:cxn>
            <a:cxn ang="0">
              <a:pos x="16082" y="11295"/>
            </a:cxn>
            <a:cxn ang="0">
              <a:pos x="15680" y="11295"/>
            </a:cxn>
            <a:cxn ang="0">
              <a:pos x="15680" y="9681"/>
            </a:cxn>
            <a:cxn ang="0">
              <a:pos x="16082" y="8564"/>
            </a:cxn>
            <a:cxn ang="0">
              <a:pos x="15580" y="7199"/>
            </a:cxn>
            <a:cxn ang="0">
              <a:pos x="15982" y="5710"/>
            </a:cxn>
            <a:cxn ang="0">
              <a:pos x="16283" y="3848"/>
            </a:cxn>
            <a:cxn ang="0">
              <a:pos x="16384" y="2358"/>
            </a:cxn>
            <a:cxn ang="0">
              <a:pos x="15178" y="1614"/>
            </a:cxn>
            <a:cxn ang="0">
              <a:pos x="14474" y="1489"/>
            </a:cxn>
            <a:cxn ang="0">
              <a:pos x="14273" y="869"/>
            </a:cxn>
            <a:cxn ang="0">
              <a:pos x="14173" y="124"/>
            </a:cxn>
            <a:cxn ang="0">
              <a:pos x="13871" y="1614"/>
            </a:cxn>
            <a:cxn ang="0">
              <a:pos x="13972" y="1862"/>
            </a:cxn>
            <a:cxn ang="0">
              <a:pos x="14072" y="3475"/>
            </a:cxn>
            <a:cxn ang="0">
              <a:pos x="13168" y="3600"/>
            </a:cxn>
            <a:cxn ang="0">
              <a:pos x="12866" y="2731"/>
            </a:cxn>
            <a:cxn ang="0">
              <a:pos x="12162" y="4220"/>
            </a:cxn>
            <a:cxn ang="0">
              <a:pos x="11258" y="4096"/>
            </a:cxn>
            <a:cxn ang="0">
              <a:pos x="10454" y="4220"/>
            </a:cxn>
            <a:cxn ang="0">
              <a:pos x="9951" y="4096"/>
            </a:cxn>
            <a:cxn ang="0">
              <a:pos x="9649" y="4344"/>
            </a:cxn>
            <a:cxn ang="0">
              <a:pos x="9750" y="5834"/>
            </a:cxn>
            <a:cxn ang="0">
              <a:pos x="9147" y="4717"/>
            </a:cxn>
            <a:cxn ang="0">
              <a:pos x="8544" y="3848"/>
            </a:cxn>
            <a:cxn ang="0">
              <a:pos x="7639" y="2731"/>
            </a:cxn>
            <a:cxn ang="0">
              <a:pos x="7438" y="3724"/>
            </a:cxn>
            <a:cxn ang="0">
              <a:pos x="6634" y="3848"/>
            </a:cxn>
            <a:cxn ang="0">
              <a:pos x="6433" y="5337"/>
            </a:cxn>
            <a:cxn ang="0">
              <a:pos x="5528" y="5213"/>
            </a:cxn>
            <a:cxn ang="0">
              <a:pos x="4523" y="5461"/>
            </a:cxn>
            <a:cxn ang="0">
              <a:pos x="4121" y="6082"/>
            </a:cxn>
            <a:cxn ang="0">
              <a:pos x="3920" y="6703"/>
            </a:cxn>
            <a:cxn ang="0">
              <a:pos x="3418" y="8316"/>
            </a:cxn>
            <a:cxn ang="0">
              <a:pos x="2513" y="8316"/>
            </a:cxn>
            <a:cxn ang="0">
              <a:pos x="1508" y="8813"/>
            </a:cxn>
            <a:cxn ang="0">
              <a:pos x="0" y="9681"/>
            </a:cxn>
            <a:cxn ang="0">
              <a:pos x="704" y="12412"/>
            </a:cxn>
            <a:cxn ang="0">
              <a:pos x="1106" y="13405"/>
            </a:cxn>
            <a:cxn ang="0">
              <a:pos x="2111" y="13157"/>
            </a:cxn>
            <a:cxn ang="0">
              <a:pos x="3216" y="12536"/>
            </a:cxn>
            <a:cxn ang="0">
              <a:pos x="4423" y="12660"/>
            </a:cxn>
            <a:cxn ang="0">
              <a:pos x="5327" y="13033"/>
            </a:cxn>
            <a:cxn ang="0">
              <a:pos x="6835" y="13281"/>
            </a:cxn>
            <a:cxn ang="0">
              <a:pos x="6835" y="14026"/>
            </a:cxn>
            <a:cxn ang="0">
              <a:pos x="7740" y="14770"/>
            </a:cxn>
            <a:cxn ang="0">
              <a:pos x="8644" y="15019"/>
            </a:cxn>
            <a:cxn ang="0">
              <a:pos x="10052" y="14026"/>
            </a:cxn>
            <a:cxn ang="0">
              <a:pos x="10454" y="14026"/>
            </a:cxn>
            <a:cxn ang="0">
              <a:pos x="11459" y="14522"/>
            </a:cxn>
            <a:cxn ang="0">
              <a:pos x="10655" y="15019"/>
            </a:cxn>
            <a:cxn ang="0">
              <a:pos x="10956" y="16384"/>
            </a:cxn>
          </a:cxnLst>
          <a:rect l="0" t="0" r="r" b="b"/>
          <a:pathLst>
            <a:path w="16384" h="16384">
              <a:moveTo>
                <a:pt x="10956" y="16384"/>
              </a:moveTo>
              <a:lnTo>
                <a:pt x="11559" y="16260"/>
              </a:lnTo>
              <a:lnTo>
                <a:pt x="12263" y="16012"/>
              </a:lnTo>
              <a:lnTo>
                <a:pt x="12866" y="15888"/>
              </a:lnTo>
              <a:lnTo>
                <a:pt x="13469" y="15888"/>
              </a:lnTo>
              <a:lnTo>
                <a:pt x="14273" y="15888"/>
              </a:lnTo>
              <a:lnTo>
                <a:pt x="14977" y="15888"/>
              </a:lnTo>
              <a:lnTo>
                <a:pt x="15680" y="16136"/>
              </a:lnTo>
              <a:lnTo>
                <a:pt x="16283" y="16012"/>
              </a:lnTo>
              <a:lnTo>
                <a:pt x="16283" y="15267"/>
              </a:lnTo>
              <a:lnTo>
                <a:pt x="15982" y="14770"/>
              </a:lnTo>
              <a:lnTo>
                <a:pt x="15580" y="14398"/>
              </a:lnTo>
              <a:lnTo>
                <a:pt x="15580" y="13653"/>
              </a:lnTo>
              <a:lnTo>
                <a:pt x="15781" y="12909"/>
              </a:lnTo>
              <a:lnTo>
                <a:pt x="15982" y="12288"/>
              </a:lnTo>
              <a:lnTo>
                <a:pt x="16283" y="11916"/>
              </a:lnTo>
              <a:lnTo>
                <a:pt x="16283" y="11543"/>
              </a:lnTo>
              <a:lnTo>
                <a:pt x="16082" y="11295"/>
              </a:lnTo>
              <a:lnTo>
                <a:pt x="15881" y="11295"/>
              </a:lnTo>
              <a:lnTo>
                <a:pt x="15680" y="11295"/>
              </a:lnTo>
              <a:lnTo>
                <a:pt x="15680" y="10799"/>
              </a:lnTo>
              <a:lnTo>
                <a:pt x="15680" y="9681"/>
              </a:lnTo>
              <a:lnTo>
                <a:pt x="15781" y="8813"/>
              </a:lnTo>
              <a:lnTo>
                <a:pt x="16082" y="8564"/>
              </a:lnTo>
              <a:lnTo>
                <a:pt x="15982" y="7944"/>
              </a:lnTo>
              <a:lnTo>
                <a:pt x="15580" y="7199"/>
              </a:lnTo>
              <a:lnTo>
                <a:pt x="15680" y="6703"/>
              </a:lnTo>
              <a:lnTo>
                <a:pt x="15982" y="5710"/>
              </a:lnTo>
              <a:lnTo>
                <a:pt x="15982" y="4717"/>
              </a:lnTo>
              <a:lnTo>
                <a:pt x="16283" y="3848"/>
              </a:lnTo>
              <a:lnTo>
                <a:pt x="16384" y="2979"/>
              </a:lnTo>
              <a:lnTo>
                <a:pt x="16384" y="2358"/>
              </a:lnTo>
              <a:lnTo>
                <a:pt x="16183" y="1738"/>
              </a:lnTo>
              <a:lnTo>
                <a:pt x="15178" y="1614"/>
              </a:lnTo>
              <a:lnTo>
                <a:pt x="14575" y="1738"/>
              </a:lnTo>
              <a:lnTo>
                <a:pt x="14474" y="1489"/>
              </a:lnTo>
              <a:lnTo>
                <a:pt x="14273" y="1365"/>
              </a:lnTo>
              <a:lnTo>
                <a:pt x="14273" y="869"/>
              </a:lnTo>
              <a:lnTo>
                <a:pt x="14072" y="621"/>
              </a:lnTo>
              <a:lnTo>
                <a:pt x="14173" y="124"/>
              </a:lnTo>
              <a:lnTo>
                <a:pt x="13972" y="0"/>
              </a:lnTo>
              <a:lnTo>
                <a:pt x="13871" y="1614"/>
              </a:lnTo>
              <a:lnTo>
                <a:pt x="13771" y="1489"/>
              </a:lnTo>
              <a:lnTo>
                <a:pt x="13972" y="1862"/>
              </a:lnTo>
              <a:lnTo>
                <a:pt x="14273" y="2358"/>
              </a:lnTo>
              <a:lnTo>
                <a:pt x="14072" y="3475"/>
              </a:lnTo>
              <a:lnTo>
                <a:pt x="12966" y="4592"/>
              </a:lnTo>
              <a:lnTo>
                <a:pt x="13168" y="3600"/>
              </a:lnTo>
              <a:lnTo>
                <a:pt x="13168" y="2855"/>
              </a:lnTo>
              <a:lnTo>
                <a:pt x="12866" y="2731"/>
              </a:lnTo>
              <a:lnTo>
                <a:pt x="12564" y="4220"/>
              </a:lnTo>
              <a:lnTo>
                <a:pt x="12162" y="4220"/>
              </a:lnTo>
              <a:lnTo>
                <a:pt x="11660" y="3600"/>
              </a:lnTo>
              <a:lnTo>
                <a:pt x="11258" y="4096"/>
              </a:lnTo>
              <a:lnTo>
                <a:pt x="10755" y="3972"/>
              </a:lnTo>
              <a:lnTo>
                <a:pt x="10454" y="4220"/>
              </a:lnTo>
              <a:lnTo>
                <a:pt x="10353" y="4468"/>
              </a:lnTo>
              <a:lnTo>
                <a:pt x="9951" y="4096"/>
              </a:lnTo>
              <a:lnTo>
                <a:pt x="9750" y="3600"/>
              </a:lnTo>
              <a:lnTo>
                <a:pt x="9649" y="4344"/>
              </a:lnTo>
              <a:lnTo>
                <a:pt x="9750" y="4965"/>
              </a:lnTo>
              <a:lnTo>
                <a:pt x="9750" y="5834"/>
              </a:lnTo>
              <a:lnTo>
                <a:pt x="9147" y="5585"/>
              </a:lnTo>
              <a:lnTo>
                <a:pt x="9147" y="4717"/>
              </a:lnTo>
              <a:lnTo>
                <a:pt x="8845" y="4096"/>
              </a:lnTo>
              <a:lnTo>
                <a:pt x="8544" y="3848"/>
              </a:lnTo>
              <a:lnTo>
                <a:pt x="7941" y="3848"/>
              </a:lnTo>
              <a:lnTo>
                <a:pt x="7639" y="2731"/>
              </a:lnTo>
              <a:lnTo>
                <a:pt x="7438" y="3227"/>
              </a:lnTo>
              <a:lnTo>
                <a:pt x="7438" y="3724"/>
              </a:lnTo>
              <a:lnTo>
                <a:pt x="7438" y="4096"/>
              </a:lnTo>
              <a:lnTo>
                <a:pt x="6634" y="3848"/>
              </a:lnTo>
              <a:lnTo>
                <a:pt x="6232" y="4096"/>
              </a:lnTo>
              <a:lnTo>
                <a:pt x="6433" y="5337"/>
              </a:lnTo>
              <a:lnTo>
                <a:pt x="6031" y="5337"/>
              </a:lnTo>
              <a:lnTo>
                <a:pt x="5528" y="5213"/>
              </a:lnTo>
              <a:lnTo>
                <a:pt x="5126" y="5585"/>
              </a:lnTo>
              <a:lnTo>
                <a:pt x="4523" y="5461"/>
              </a:lnTo>
              <a:lnTo>
                <a:pt x="4222" y="5710"/>
              </a:lnTo>
              <a:lnTo>
                <a:pt x="4121" y="6082"/>
              </a:lnTo>
              <a:lnTo>
                <a:pt x="4121" y="6578"/>
              </a:lnTo>
              <a:lnTo>
                <a:pt x="3920" y="6703"/>
              </a:lnTo>
              <a:lnTo>
                <a:pt x="3719" y="7571"/>
              </a:lnTo>
              <a:lnTo>
                <a:pt x="3418" y="8316"/>
              </a:lnTo>
              <a:lnTo>
                <a:pt x="3116" y="8440"/>
              </a:lnTo>
              <a:lnTo>
                <a:pt x="2513" y="8316"/>
              </a:lnTo>
              <a:lnTo>
                <a:pt x="2010" y="8440"/>
              </a:lnTo>
              <a:lnTo>
                <a:pt x="1508" y="8813"/>
              </a:lnTo>
              <a:lnTo>
                <a:pt x="603" y="9061"/>
              </a:lnTo>
              <a:lnTo>
                <a:pt x="0" y="9681"/>
              </a:lnTo>
              <a:lnTo>
                <a:pt x="0" y="11792"/>
              </a:lnTo>
              <a:lnTo>
                <a:pt x="704" y="12412"/>
              </a:lnTo>
              <a:lnTo>
                <a:pt x="1005" y="13157"/>
              </a:lnTo>
              <a:lnTo>
                <a:pt x="1106" y="13405"/>
              </a:lnTo>
              <a:lnTo>
                <a:pt x="1307" y="13281"/>
              </a:lnTo>
              <a:lnTo>
                <a:pt x="2111" y="13157"/>
              </a:lnTo>
              <a:lnTo>
                <a:pt x="2613" y="12412"/>
              </a:lnTo>
              <a:lnTo>
                <a:pt x="3216" y="12536"/>
              </a:lnTo>
              <a:lnTo>
                <a:pt x="4021" y="12412"/>
              </a:lnTo>
              <a:lnTo>
                <a:pt x="4423" y="12660"/>
              </a:lnTo>
              <a:lnTo>
                <a:pt x="5026" y="12660"/>
              </a:lnTo>
              <a:lnTo>
                <a:pt x="5327" y="13033"/>
              </a:lnTo>
              <a:lnTo>
                <a:pt x="6533" y="13033"/>
              </a:lnTo>
              <a:lnTo>
                <a:pt x="6835" y="13281"/>
              </a:lnTo>
              <a:lnTo>
                <a:pt x="6533" y="14026"/>
              </a:lnTo>
              <a:lnTo>
                <a:pt x="6835" y="14026"/>
              </a:lnTo>
              <a:lnTo>
                <a:pt x="7137" y="14522"/>
              </a:lnTo>
              <a:lnTo>
                <a:pt x="7740" y="14770"/>
              </a:lnTo>
              <a:lnTo>
                <a:pt x="7840" y="15143"/>
              </a:lnTo>
              <a:lnTo>
                <a:pt x="8644" y="15019"/>
              </a:lnTo>
              <a:lnTo>
                <a:pt x="9247" y="14398"/>
              </a:lnTo>
              <a:lnTo>
                <a:pt x="10052" y="14026"/>
              </a:lnTo>
              <a:lnTo>
                <a:pt x="10253" y="13405"/>
              </a:lnTo>
              <a:lnTo>
                <a:pt x="10454" y="14026"/>
              </a:lnTo>
              <a:lnTo>
                <a:pt x="11157" y="14026"/>
              </a:lnTo>
              <a:lnTo>
                <a:pt x="11459" y="14522"/>
              </a:lnTo>
              <a:lnTo>
                <a:pt x="10956" y="14895"/>
              </a:lnTo>
              <a:lnTo>
                <a:pt x="10655" y="15019"/>
              </a:lnTo>
              <a:lnTo>
                <a:pt x="10454" y="15888"/>
              </a:lnTo>
              <a:lnTo>
                <a:pt x="10956" y="16384"/>
              </a:lnTo>
              <a:close/>
            </a:path>
          </a:pathLst>
        </a:custGeom>
        <a:solidFill>
          <a:srgbClr val="FF0000"/>
        </a:solidFill>
        <a:ln w="9525" cap="flat">
          <a:solidFill>
            <a:srgbClr val="000000"/>
          </a:solidFill>
          <a:prstDash val="solid"/>
          <a:round/>
          <a:headEnd/>
          <a:tailEnd/>
        </a:ln>
      </xdr:spPr>
    </xdr:sp>
    <xdr:clientData/>
  </xdr:twoCellAnchor>
  <xdr:twoCellAnchor editAs="oneCell">
    <xdr:from>
      <xdr:col>11</xdr:col>
      <xdr:colOff>333375</xdr:colOff>
      <xdr:row>28</xdr:row>
      <xdr:rowOff>114300</xdr:rowOff>
    </xdr:from>
    <xdr:to>
      <xdr:col>13</xdr:col>
      <xdr:colOff>333375</xdr:colOff>
      <xdr:row>34</xdr:row>
      <xdr:rowOff>114301</xdr:rowOff>
    </xdr:to>
    <xdr:sp macro="" textlink="">
      <xdr:nvSpPr>
        <xdr:cNvPr id="29" name="d14204">
          <a:extLst>
            <a:ext uri="{FF2B5EF4-FFF2-40B4-BE49-F238E27FC236}">
              <a16:creationId xmlns:a16="http://schemas.microsoft.com/office/drawing/2014/main" id="{00000000-0008-0000-0000-00001D000000}"/>
            </a:ext>
          </a:extLst>
        </xdr:cNvPr>
        <xdr:cNvSpPr>
          <a:spLocks/>
        </xdr:cNvSpPr>
      </xdr:nvSpPr>
      <xdr:spPr bwMode="auto">
        <a:xfrm>
          <a:off x="7038975" y="5448300"/>
          <a:ext cx="1219200" cy="914401"/>
        </a:xfrm>
        <a:custGeom>
          <a:avLst/>
          <a:gdLst/>
          <a:ahLst/>
          <a:cxnLst>
            <a:cxn ang="0">
              <a:pos x="16384" y="11093"/>
            </a:cxn>
            <a:cxn ang="0">
              <a:pos x="15616" y="10240"/>
            </a:cxn>
            <a:cxn ang="0">
              <a:pos x="15744" y="8704"/>
            </a:cxn>
            <a:cxn ang="0">
              <a:pos x="14208" y="8192"/>
            </a:cxn>
            <a:cxn ang="0">
              <a:pos x="13056" y="7680"/>
            </a:cxn>
            <a:cxn ang="0">
              <a:pos x="12800" y="5461"/>
            </a:cxn>
            <a:cxn ang="0">
              <a:pos x="11648" y="5461"/>
            </a:cxn>
            <a:cxn ang="0">
              <a:pos x="10368" y="4437"/>
            </a:cxn>
            <a:cxn ang="0">
              <a:pos x="9600" y="2901"/>
            </a:cxn>
            <a:cxn ang="0">
              <a:pos x="8832" y="1365"/>
            </a:cxn>
            <a:cxn ang="0">
              <a:pos x="7424" y="3243"/>
            </a:cxn>
            <a:cxn ang="0">
              <a:pos x="5504" y="1877"/>
            </a:cxn>
            <a:cxn ang="0">
              <a:pos x="4224" y="1536"/>
            </a:cxn>
            <a:cxn ang="0">
              <a:pos x="2432" y="0"/>
            </a:cxn>
            <a:cxn ang="0">
              <a:pos x="1408" y="1877"/>
            </a:cxn>
            <a:cxn ang="0">
              <a:pos x="1536" y="2901"/>
            </a:cxn>
            <a:cxn ang="0">
              <a:pos x="2944" y="4608"/>
            </a:cxn>
            <a:cxn ang="0">
              <a:pos x="3456" y="5973"/>
            </a:cxn>
            <a:cxn ang="0">
              <a:pos x="4480" y="6485"/>
            </a:cxn>
            <a:cxn ang="0">
              <a:pos x="3200" y="8704"/>
            </a:cxn>
            <a:cxn ang="0">
              <a:pos x="2304" y="9216"/>
            </a:cxn>
            <a:cxn ang="0">
              <a:pos x="1536" y="10581"/>
            </a:cxn>
            <a:cxn ang="0">
              <a:pos x="1408" y="12629"/>
            </a:cxn>
            <a:cxn ang="0">
              <a:pos x="512" y="13824"/>
            </a:cxn>
            <a:cxn ang="0">
              <a:pos x="384" y="14848"/>
            </a:cxn>
            <a:cxn ang="0">
              <a:pos x="1152" y="15360"/>
            </a:cxn>
            <a:cxn ang="0">
              <a:pos x="2816" y="15360"/>
            </a:cxn>
            <a:cxn ang="0">
              <a:pos x="4096" y="15701"/>
            </a:cxn>
            <a:cxn ang="0">
              <a:pos x="5632" y="16384"/>
            </a:cxn>
            <a:cxn ang="0">
              <a:pos x="6784" y="16043"/>
            </a:cxn>
            <a:cxn ang="0">
              <a:pos x="7296" y="14677"/>
            </a:cxn>
            <a:cxn ang="0">
              <a:pos x="8832" y="14848"/>
            </a:cxn>
            <a:cxn ang="0">
              <a:pos x="9728" y="16043"/>
            </a:cxn>
            <a:cxn ang="0">
              <a:pos x="11520" y="14848"/>
            </a:cxn>
            <a:cxn ang="0">
              <a:pos x="12928" y="13653"/>
            </a:cxn>
            <a:cxn ang="0">
              <a:pos x="14720" y="12800"/>
            </a:cxn>
            <a:cxn ang="0">
              <a:pos x="15744" y="11776"/>
            </a:cxn>
          </a:cxnLst>
          <a:rect l="0" t="0" r="r" b="b"/>
          <a:pathLst>
            <a:path w="16384" h="16384">
              <a:moveTo>
                <a:pt x="16256" y="11776"/>
              </a:moveTo>
              <a:lnTo>
                <a:pt x="16384" y="11093"/>
              </a:lnTo>
              <a:lnTo>
                <a:pt x="16000" y="10581"/>
              </a:lnTo>
              <a:lnTo>
                <a:pt x="15616" y="10240"/>
              </a:lnTo>
              <a:lnTo>
                <a:pt x="15616" y="9557"/>
              </a:lnTo>
              <a:lnTo>
                <a:pt x="15744" y="8704"/>
              </a:lnTo>
              <a:lnTo>
                <a:pt x="15360" y="8021"/>
              </a:lnTo>
              <a:lnTo>
                <a:pt x="14208" y="8192"/>
              </a:lnTo>
              <a:lnTo>
                <a:pt x="13696" y="8021"/>
              </a:lnTo>
              <a:lnTo>
                <a:pt x="13056" y="7680"/>
              </a:lnTo>
              <a:lnTo>
                <a:pt x="13056" y="6827"/>
              </a:lnTo>
              <a:lnTo>
                <a:pt x="12800" y="5461"/>
              </a:lnTo>
              <a:lnTo>
                <a:pt x="12544" y="5461"/>
              </a:lnTo>
              <a:lnTo>
                <a:pt x="11648" y="5461"/>
              </a:lnTo>
              <a:lnTo>
                <a:pt x="11136" y="5291"/>
              </a:lnTo>
              <a:lnTo>
                <a:pt x="10368" y="4437"/>
              </a:lnTo>
              <a:lnTo>
                <a:pt x="9728" y="3584"/>
              </a:lnTo>
              <a:lnTo>
                <a:pt x="9600" y="2901"/>
              </a:lnTo>
              <a:lnTo>
                <a:pt x="9344" y="1707"/>
              </a:lnTo>
              <a:lnTo>
                <a:pt x="8832" y="1365"/>
              </a:lnTo>
              <a:lnTo>
                <a:pt x="8448" y="2389"/>
              </a:lnTo>
              <a:lnTo>
                <a:pt x="7424" y="3243"/>
              </a:lnTo>
              <a:lnTo>
                <a:pt x="6272" y="2731"/>
              </a:lnTo>
              <a:lnTo>
                <a:pt x="5504" y="1877"/>
              </a:lnTo>
              <a:lnTo>
                <a:pt x="5248" y="2048"/>
              </a:lnTo>
              <a:lnTo>
                <a:pt x="4224" y="1536"/>
              </a:lnTo>
              <a:lnTo>
                <a:pt x="3328" y="1024"/>
              </a:lnTo>
              <a:lnTo>
                <a:pt x="2432" y="0"/>
              </a:lnTo>
              <a:lnTo>
                <a:pt x="2048" y="1365"/>
              </a:lnTo>
              <a:lnTo>
                <a:pt x="1408" y="1877"/>
              </a:lnTo>
              <a:lnTo>
                <a:pt x="1280" y="2389"/>
              </a:lnTo>
              <a:lnTo>
                <a:pt x="1536" y="2901"/>
              </a:lnTo>
              <a:lnTo>
                <a:pt x="2560" y="2901"/>
              </a:lnTo>
              <a:lnTo>
                <a:pt x="2944" y="4608"/>
              </a:lnTo>
              <a:lnTo>
                <a:pt x="3584" y="4779"/>
              </a:lnTo>
              <a:lnTo>
                <a:pt x="3456" y="5973"/>
              </a:lnTo>
              <a:lnTo>
                <a:pt x="4096" y="5973"/>
              </a:lnTo>
              <a:lnTo>
                <a:pt x="4480" y="6485"/>
              </a:lnTo>
              <a:lnTo>
                <a:pt x="4096" y="7339"/>
              </a:lnTo>
              <a:lnTo>
                <a:pt x="3200" y="8704"/>
              </a:lnTo>
              <a:lnTo>
                <a:pt x="2560" y="8704"/>
              </a:lnTo>
              <a:lnTo>
                <a:pt x="2304" y="9216"/>
              </a:lnTo>
              <a:lnTo>
                <a:pt x="1920" y="10240"/>
              </a:lnTo>
              <a:lnTo>
                <a:pt x="1536" y="10581"/>
              </a:lnTo>
              <a:lnTo>
                <a:pt x="1408" y="11776"/>
              </a:lnTo>
              <a:lnTo>
                <a:pt x="1408" y="12629"/>
              </a:lnTo>
              <a:lnTo>
                <a:pt x="1152" y="13312"/>
              </a:lnTo>
              <a:lnTo>
                <a:pt x="512" y="13824"/>
              </a:lnTo>
              <a:lnTo>
                <a:pt x="0" y="15019"/>
              </a:lnTo>
              <a:lnTo>
                <a:pt x="384" y="14848"/>
              </a:lnTo>
              <a:lnTo>
                <a:pt x="512" y="15189"/>
              </a:lnTo>
              <a:lnTo>
                <a:pt x="1152" y="15360"/>
              </a:lnTo>
              <a:lnTo>
                <a:pt x="2048" y="15360"/>
              </a:lnTo>
              <a:lnTo>
                <a:pt x="2816" y="15360"/>
              </a:lnTo>
              <a:lnTo>
                <a:pt x="3584" y="15531"/>
              </a:lnTo>
              <a:lnTo>
                <a:pt x="4096" y="15701"/>
              </a:lnTo>
              <a:lnTo>
                <a:pt x="4736" y="16213"/>
              </a:lnTo>
              <a:lnTo>
                <a:pt x="5632" y="16384"/>
              </a:lnTo>
              <a:lnTo>
                <a:pt x="6016" y="16384"/>
              </a:lnTo>
              <a:lnTo>
                <a:pt x="6784" y="16043"/>
              </a:lnTo>
              <a:lnTo>
                <a:pt x="7040" y="15019"/>
              </a:lnTo>
              <a:lnTo>
                <a:pt x="7296" y="14677"/>
              </a:lnTo>
              <a:lnTo>
                <a:pt x="8192" y="14848"/>
              </a:lnTo>
              <a:lnTo>
                <a:pt x="8832" y="14848"/>
              </a:lnTo>
              <a:lnTo>
                <a:pt x="9472" y="15360"/>
              </a:lnTo>
              <a:lnTo>
                <a:pt x="9728" y="16043"/>
              </a:lnTo>
              <a:lnTo>
                <a:pt x="10624" y="15701"/>
              </a:lnTo>
              <a:lnTo>
                <a:pt x="11520" y="14848"/>
              </a:lnTo>
              <a:lnTo>
                <a:pt x="12160" y="14677"/>
              </a:lnTo>
              <a:lnTo>
                <a:pt x="12928" y="13653"/>
              </a:lnTo>
              <a:lnTo>
                <a:pt x="13440" y="13653"/>
              </a:lnTo>
              <a:lnTo>
                <a:pt x="14720" y="12800"/>
              </a:lnTo>
              <a:lnTo>
                <a:pt x="14976" y="12629"/>
              </a:lnTo>
              <a:lnTo>
                <a:pt x="15744" y="11776"/>
              </a:lnTo>
              <a:lnTo>
                <a:pt x="16256" y="11776"/>
              </a:lnTo>
              <a:close/>
            </a:path>
          </a:pathLst>
        </a:custGeom>
        <a:solidFill>
          <a:srgbClr val="FF6600"/>
        </a:solidFill>
        <a:ln w="9525" cap="flat">
          <a:solidFill>
            <a:srgbClr val="000000"/>
          </a:solidFill>
          <a:prstDash val="solid"/>
          <a:round/>
          <a:headEnd/>
          <a:tailEnd/>
        </a:ln>
      </xdr:spPr>
    </xdr:sp>
    <xdr:clientData/>
  </xdr:twoCellAnchor>
  <xdr:twoCellAnchor editAs="oneCell">
    <xdr:from>
      <xdr:col>9</xdr:col>
      <xdr:colOff>485775</xdr:colOff>
      <xdr:row>22</xdr:row>
      <xdr:rowOff>142875</xdr:rowOff>
    </xdr:from>
    <xdr:to>
      <xdr:col>12</xdr:col>
      <xdr:colOff>57150</xdr:colOff>
      <xdr:row>34</xdr:row>
      <xdr:rowOff>47624</xdr:rowOff>
    </xdr:to>
    <xdr:sp macro="" textlink="">
      <xdr:nvSpPr>
        <xdr:cNvPr id="30" name="d14205">
          <a:extLst>
            <a:ext uri="{FF2B5EF4-FFF2-40B4-BE49-F238E27FC236}">
              <a16:creationId xmlns:a16="http://schemas.microsoft.com/office/drawing/2014/main" id="{00000000-0008-0000-0000-00001E000000}"/>
            </a:ext>
          </a:extLst>
        </xdr:cNvPr>
        <xdr:cNvSpPr>
          <a:spLocks/>
        </xdr:cNvSpPr>
      </xdr:nvSpPr>
      <xdr:spPr bwMode="auto">
        <a:xfrm>
          <a:off x="5972175" y="4562475"/>
          <a:ext cx="1400175" cy="1733549"/>
        </a:xfrm>
        <a:custGeom>
          <a:avLst/>
          <a:gdLst/>
          <a:ahLst/>
          <a:cxnLst>
            <a:cxn ang="0">
              <a:pos x="12037" y="5851"/>
            </a:cxn>
            <a:cxn ang="0">
              <a:pos x="11368" y="5311"/>
            </a:cxn>
            <a:cxn ang="0">
              <a:pos x="11257" y="4411"/>
            </a:cxn>
            <a:cxn ang="0">
              <a:pos x="11146" y="3601"/>
            </a:cxn>
            <a:cxn ang="0">
              <a:pos x="11146" y="2701"/>
            </a:cxn>
            <a:cxn ang="0">
              <a:pos x="11257" y="1800"/>
            </a:cxn>
            <a:cxn ang="0">
              <a:pos x="10477" y="1260"/>
            </a:cxn>
            <a:cxn ang="0">
              <a:pos x="9808" y="180"/>
            </a:cxn>
            <a:cxn ang="0">
              <a:pos x="9139" y="1080"/>
            </a:cxn>
            <a:cxn ang="0">
              <a:pos x="8136" y="900"/>
            </a:cxn>
            <a:cxn ang="0">
              <a:pos x="7356" y="450"/>
            </a:cxn>
            <a:cxn ang="0">
              <a:pos x="8025" y="1530"/>
            </a:cxn>
            <a:cxn ang="0">
              <a:pos x="8025" y="2971"/>
            </a:cxn>
            <a:cxn ang="0">
              <a:pos x="7245" y="3331"/>
            </a:cxn>
            <a:cxn ang="0">
              <a:pos x="6576" y="2521"/>
            </a:cxn>
            <a:cxn ang="0">
              <a:pos x="5127" y="1710"/>
            </a:cxn>
            <a:cxn ang="0">
              <a:pos x="4235" y="2071"/>
            </a:cxn>
            <a:cxn ang="0">
              <a:pos x="2341" y="2611"/>
            </a:cxn>
            <a:cxn ang="0">
              <a:pos x="1560" y="3871"/>
            </a:cxn>
            <a:cxn ang="0">
              <a:pos x="892" y="4231"/>
            </a:cxn>
            <a:cxn ang="0">
              <a:pos x="223" y="4051"/>
            </a:cxn>
            <a:cxn ang="0">
              <a:pos x="446" y="4591"/>
            </a:cxn>
            <a:cxn ang="0">
              <a:pos x="892" y="5401"/>
            </a:cxn>
            <a:cxn ang="0">
              <a:pos x="1226" y="6842"/>
            </a:cxn>
            <a:cxn ang="0">
              <a:pos x="3121" y="6212"/>
            </a:cxn>
            <a:cxn ang="0">
              <a:pos x="4904" y="6302"/>
            </a:cxn>
            <a:cxn ang="0">
              <a:pos x="4904" y="7382"/>
            </a:cxn>
            <a:cxn ang="0">
              <a:pos x="4570" y="7922"/>
            </a:cxn>
            <a:cxn ang="0">
              <a:pos x="5238" y="7652"/>
            </a:cxn>
            <a:cxn ang="0">
              <a:pos x="5350" y="8372"/>
            </a:cxn>
            <a:cxn ang="0">
              <a:pos x="6130" y="8822"/>
            </a:cxn>
            <a:cxn ang="0">
              <a:pos x="5684" y="9452"/>
            </a:cxn>
            <a:cxn ang="0">
              <a:pos x="6242" y="10533"/>
            </a:cxn>
            <a:cxn ang="0">
              <a:pos x="6464" y="11343"/>
            </a:cxn>
            <a:cxn ang="0">
              <a:pos x="6687" y="12423"/>
            </a:cxn>
            <a:cxn ang="0">
              <a:pos x="6242" y="13593"/>
            </a:cxn>
            <a:cxn ang="0">
              <a:pos x="5907" y="14764"/>
            </a:cxn>
            <a:cxn ang="0">
              <a:pos x="7356" y="14854"/>
            </a:cxn>
            <a:cxn ang="0">
              <a:pos x="9139" y="15034"/>
            </a:cxn>
            <a:cxn ang="0">
              <a:pos x="10588" y="15484"/>
            </a:cxn>
            <a:cxn ang="0">
              <a:pos x="11814" y="16384"/>
            </a:cxn>
            <a:cxn ang="0">
              <a:pos x="12483" y="16294"/>
            </a:cxn>
            <a:cxn ang="0">
              <a:pos x="13486" y="15394"/>
            </a:cxn>
            <a:cxn ang="0">
              <a:pos x="13709" y="14584"/>
            </a:cxn>
            <a:cxn ang="0">
              <a:pos x="14155" y="13773"/>
            </a:cxn>
            <a:cxn ang="0">
              <a:pos x="14712" y="12963"/>
            </a:cxn>
            <a:cxn ang="0">
              <a:pos x="16050" y="12243"/>
            </a:cxn>
            <a:cxn ang="0">
              <a:pos x="16050" y="11523"/>
            </a:cxn>
            <a:cxn ang="0">
              <a:pos x="15604" y="10893"/>
            </a:cxn>
            <a:cxn ang="0">
              <a:pos x="14712" y="9902"/>
            </a:cxn>
            <a:cxn ang="0">
              <a:pos x="13598" y="9632"/>
            </a:cxn>
            <a:cxn ang="0">
              <a:pos x="12372" y="9542"/>
            </a:cxn>
            <a:cxn ang="0">
              <a:pos x="12706" y="8372"/>
            </a:cxn>
            <a:cxn ang="0">
              <a:pos x="13375" y="7652"/>
            </a:cxn>
            <a:cxn ang="0">
              <a:pos x="13263" y="6932"/>
            </a:cxn>
            <a:cxn ang="0">
              <a:pos x="12483" y="6482"/>
            </a:cxn>
          </a:cxnLst>
          <a:rect l="0" t="0" r="r" b="b"/>
          <a:pathLst>
            <a:path w="16384" h="16384">
              <a:moveTo>
                <a:pt x="12260" y="5941"/>
              </a:moveTo>
              <a:lnTo>
                <a:pt x="12037" y="5851"/>
              </a:lnTo>
              <a:lnTo>
                <a:pt x="11814" y="5581"/>
              </a:lnTo>
              <a:lnTo>
                <a:pt x="11368" y="5311"/>
              </a:lnTo>
              <a:lnTo>
                <a:pt x="11368" y="4861"/>
              </a:lnTo>
              <a:lnTo>
                <a:pt x="11257" y="4411"/>
              </a:lnTo>
              <a:lnTo>
                <a:pt x="11034" y="4051"/>
              </a:lnTo>
              <a:lnTo>
                <a:pt x="11146" y="3601"/>
              </a:lnTo>
              <a:lnTo>
                <a:pt x="11034" y="3241"/>
              </a:lnTo>
              <a:lnTo>
                <a:pt x="11146" y="2701"/>
              </a:lnTo>
              <a:lnTo>
                <a:pt x="11257" y="2161"/>
              </a:lnTo>
              <a:lnTo>
                <a:pt x="11257" y="1800"/>
              </a:lnTo>
              <a:lnTo>
                <a:pt x="10923" y="1530"/>
              </a:lnTo>
              <a:lnTo>
                <a:pt x="10477" y="1260"/>
              </a:lnTo>
              <a:lnTo>
                <a:pt x="9697" y="990"/>
              </a:lnTo>
              <a:lnTo>
                <a:pt x="9808" y="180"/>
              </a:lnTo>
              <a:lnTo>
                <a:pt x="9362" y="0"/>
              </a:lnTo>
              <a:lnTo>
                <a:pt x="9139" y="1080"/>
              </a:lnTo>
              <a:lnTo>
                <a:pt x="8694" y="990"/>
              </a:lnTo>
              <a:lnTo>
                <a:pt x="8136" y="900"/>
              </a:lnTo>
              <a:lnTo>
                <a:pt x="7690" y="720"/>
              </a:lnTo>
              <a:lnTo>
                <a:pt x="7356" y="450"/>
              </a:lnTo>
              <a:lnTo>
                <a:pt x="6799" y="720"/>
              </a:lnTo>
              <a:lnTo>
                <a:pt x="8025" y="1530"/>
              </a:lnTo>
              <a:lnTo>
                <a:pt x="8471" y="1980"/>
              </a:lnTo>
              <a:lnTo>
                <a:pt x="8025" y="2971"/>
              </a:lnTo>
              <a:lnTo>
                <a:pt x="7133" y="2971"/>
              </a:lnTo>
              <a:lnTo>
                <a:pt x="7245" y="3331"/>
              </a:lnTo>
              <a:lnTo>
                <a:pt x="6687" y="3151"/>
              </a:lnTo>
              <a:lnTo>
                <a:pt x="6576" y="2521"/>
              </a:lnTo>
              <a:lnTo>
                <a:pt x="6130" y="2161"/>
              </a:lnTo>
              <a:lnTo>
                <a:pt x="5127" y="1710"/>
              </a:lnTo>
              <a:lnTo>
                <a:pt x="4235" y="1710"/>
              </a:lnTo>
              <a:lnTo>
                <a:pt x="4235" y="2071"/>
              </a:lnTo>
              <a:lnTo>
                <a:pt x="2786" y="1800"/>
              </a:lnTo>
              <a:lnTo>
                <a:pt x="2341" y="2611"/>
              </a:lnTo>
              <a:lnTo>
                <a:pt x="1783" y="3241"/>
              </a:lnTo>
              <a:lnTo>
                <a:pt x="1560" y="3871"/>
              </a:lnTo>
              <a:lnTo>
                <a:pt x="1226" y="3961"/>
              </a:lnTo>
              <a:lnTo>
                <a:pt x="892" y="4231"/>
              </a:lnTo>
              <a:lnTo>
                <a:pt x="557" y="4051"/>
              </a:lnTo>
              <a:lnTo>
                <a:pt x="223" y="4051"/>
              </a:lnTo>
              <a:lnTo>
                <a:pt x="0" y="4501"/>
              </a:lnTo>
              <a:lnTo>
                <a:pt x="446" y="4591"/>
              </a:lnTo>
              <a:lnTo>
                <a:pt x="223" y="5401"/>
              </a:lnTo>
              <a:lnTo>
                <a:pt x="892" y="5401"/>
              </a:lnTo>
              <a:lnTo>
                <a:pt x="780" y="6212"/>
              </a:lnTo>
              <a:lnTo>
                <a:pt x="1226" y="6842"/>
              </a:lnTo>
              <a:lnTo>
                <a:pt x="1449" y="7112"/>
              </a:lnTo>
              <a:lnTo>
                <a:pt x="3121" y="6212"/>
              </a:lnTo>
              <a:lnTo>
                <a:pt x="3901" y="6392"/>
              </a:lnTo>
              <a:lnTo>
                <a:pt x="4904" y="6302"/>
              </a:lnTo>
              <a:lnTo>
                <a:pt x="5238" y="6932"/>
              </a:lnTo>
              <a:lnTo>
                <a:pt x="4904" y="7382"/>
              </a:lnTo>
              <a:lnTo>
                <a:pt x="4904" y="7652"/>
              </a:lnTo>
              <a:lnTo>
                <a:pt x="4570" y="7922"/>
              </a:lnTo>
              <a:lnTo>
                <a:pt x="4904" y="8102"/>
              </a:lnTo>
              <a:lnTo>
                <a:pt x="5238" y="7652"/>
              </a:lnTo>
              <a:lnTo>
                <a:pt x="5461" y="7742"/>
              </a:lnTo>
              <a:lnTo>
                <a:pt x="5350" y="8372"/>
              </a:lnTo>
              <a:lnTo>
                <a:pt x="6242" y="8282"/>
              </a:lnTo>
              <a:lnTo>
                <a:pt x="6130" y="8822"/>
              </a:lnTo>
              <a:lnTo>
                <a:pt x="5796" y="9002"/>
              </a:lnTo>
              <a:lnTo>
                <a:pt x="5684" y="9452"/>
              </a:lnTo>
              <a:lnTo>
                <a:pt x="5796" y="10172"/>
              </a:lnTo>
              <a:lnTo>
                <a:pt x="6242" y="10533"/>
              </a:lnTo>
              <a:lnTo>
                <a:pt x="6464" y="10983"/>
              </a:lnTo>
              <a:lnTo>
                <a:pt x="6464" y="11343"/>
              </a:lnTo>
              <a:lnTo>
                <a:pt x="6799" y="11793"/>
              </a:lnTo>
              <a:lnTo>
                <a:pt x="6687" y="12423"/>
              </a:lnTo>
              <a:lnTo>
                <a:pt x="6464" y="13053"/>
              </a:lnTo>
              <a:lnTo>
                <a:pt x="6242" y="13593"/>
              </a:lnTo>
              <a:lnTo>
                <a:pt x="6019" y="14223"/>
              </a:lnTo>
              <a:lnTo>
                <a:pt x="5907" y="14764"/>
              </a:lnTo>
              <a:lnTo>
                <a:pt x="6687" y="14764"/>
              </a:lnTo>
              <a:lnTo>
                <a:pt x="7356" y="14854"/>
              </a:lnTo>
              <a:lnTo>
                <a:pt x="8136" y="14944"/>
              </a:lnTo>
              <a:lnTo>
                <a:pt x="9139" y="15034"/>
              </a:lnTo>
              <a:lnTo>
                <a:pt x="9920" y="15304"/>
              </a:lnTo>
              <a:lnTo>
                <a:pt x="10588" y="15484"/>
              </a:lnTo>
              <a:lnTo>
                <a:pt x="11146" y="16024"/>
              </a:lnTo>
              <a:lnTo>
                <a:pt x="11814" y="16384"/>
              </a:lnTo>
              <a:lnTo>
                <a:pt x="12149" y="16384"/>
              </a:lnTo>
              <a:lnTo>
                <a:pt x="12483" y="16294"/>
              </a:lnTo>
              <a:lnTo>
                <a:pt x="12929" y="15664"/>
              </a:lnTo>
              <a:lnTo>
                <a:pt x="13486" y="15394"/>
              </a:lnTo>
              <a:lnTo>
                <a:pt x="13709" y="15034"/>
              </a:lnTo>
              <a:lnTo>
                <a:pt x="13709" y="14584"/>
              </a:lnTo>
              <a:lnTo>
                <a:pt x="13821" y="13953"/>
              </a:lnTo>
              <a:lnTo>
                <a:pt x="14155" y="13773"/>
              </a:lnTo>
              <a:lnTo>
                <a:pt x="14489" y="13233"/>
              </a:lnTo>
              <a:lnTo>
                <a:pt x="14712" y="12963"/>
              </a:lnTo>
              <a:lnTo>
                <a:pt x="15269" y="12963"/>
              </a:lnTo>
              <a:lnTo>
                <a:pt x="16050" y="12243"/>
              </a:lnTo>
              <a:lnTo>
                <a:pt x="16384" y="11793"/>
              </a:lnTo>
              <a:lnTo>
                <a:pt x="16050" y="11523"/>
              </a:lnTo>
              <a:lnTo>
                <a:pt x="15492" y="11523"/>
              </a:lnTo>
              <a:lnTo>
                <a:pt x="15604" y="10893"/>
              </a:lnTo>
              <a:lnTo>
                <a:pt x="15047" y="10803"/>
              </a:lnTo>
              <a:lnTo>
                <a:pt x="14712" y="9902"/>
              </a:lnTo>
              <a:lnTo>
                <a:pt x="13821" y="9902"/>
              </a:lnTo>
              <a:lnTo>
                <a:pt x="13598" y="9632"/>
              </a:lnTo>
              <a:lnTo>
                <a:pt x="13040" y="9722"/>
              </a:lnTo>
              <a:lnTo>
                <a:pt x="12372" y="9542"/>
              </a:lnTo>
              <a:lnTo>
                <a:pt x="12483" y="8912"/>
              </a:lnTo>
              <a:lnTo>
                <a:pt x="12706" y="8372"/>
              </a:lnTo>
              <a:lnTo>
                <a:pt x="12929" y="7922"/>
              </a:lnTo>
              <a:lnTo>
                <a:pt x="13375" y="7652"/>
              </a:lnTo>
              <a:lnTo>
                <a:pt x="13486" y="7382"/>
              </a:lnTo>
              <a:lnTo>
                <a:pt x="13263" y="6932"/>
              </a:lnTo>
              <a:lnTo>
                <a:pt x="12929" y="6662"/>
              </a:lnTo>
              <a:lnTo>
                <a:pt x="12483" y="6482"/>
              </a:lnTo>
              <a:lnTo>
                <a:pt x="12260" y="5941"/>
              </a:lnTo>
              <a:close/>
            </a:path>
          </a:pathLst>
        </a:custGeom>
        <a:solidFill>
          <a:srgbClr val="FF0000"/>
        </a:solidFill>
        <a:ln w="9525" cap="flat">
          <a:solidFill>
            <a:srgbClr val="000000"/>
          </a:solidFill>
          <a:prstDash val="solid"/>
          <a:round/>
          <a:headEnd/>
          <a:tailEnd/>
        </a:ln>
      </xdr:spPr>
    </xdr:sp>
    <xdr:clientData/>
  </xdr:twoCellAnchor>
  <xdr:twoCellAnchor editAs="oneCell">
    <xdr:from>
      <xdr:col>3</xdr:col>
      <xdr:colOff>323850</xdr:colOff>
      <xdr:row>32</xdr:row>
      <xdr:rowOff>19050</xdr:rowOff>
    </xdr:from>
    <xdr:to>
      <xdr:col>6</xdr:col>
      <xdr:colOff>533400</xdr:colOff>
      <xdr:row>45</xdr:row>
      <xdr:rowOff>142875</xdr:rowOff>
    </xdr:to>
    <xdr:sp macro="" textlink="">
      <xdr:nvSpPr>
        <xdr:cNvPr id="31" name="d14206">
          <a:extLst>
            <a:ext uri="{FF2B5EF4-FFF2-40B4-BE49-F238E27FC236}">
              <a16:creationId xmlns:a16="http://schemas.microsoft.com/office/drawing/2014/main" id="{00000000-0008-0000-0000-00001F000000}"/>
            </a:ext>
          </a:extLst>
        </xdr:cNvPr>
        <xdr:cNvSpPr>
          <a:spLocks/>
        </xdr:cNvSpPr>
      </xdr:nvSpPr>
      <xdr:spPr bwMode="auto">
        <a:xfrm>
          <a:off x="2152650" y="5962650"/>
          <a:ext cx="2038350" cy="2105025"/>
        </a:xfrm>
        <a:custGeom>
          <a:avLst/>
          <a:gdLst/>
          <a:ahLst/>
          <a:cxnLst>
            <a:cxn ang="0">
              <a:pos x="16078" y="3855"/>
            </a:cxn>
            <a:cxn ang="0">
              <a:pos x="16078" y="3484"/>
            </a:cxn>
            <a:cxn ang="0">
              <a:pos x="16307" y="2669"/>
            </a:cxn>
            <a:cxn ang="0">
              <a:pos x="16384" y="1631"/>
            </a:cxn>
            <a:cxn ang="0">
              <a:pos x="15848" y="1038"/>
            </a:cxn>
            <a:cxn ang="0">
              <a:pos x="14853" y="1409"/>
            </a:cxn>
            <a:cxn ang="0">
              <a:pos x="13551" y="1928"/>
            </a:cxn>
            <a:cxn ang="0">
              <a:pos x="12862" y="1557"/>
            </a:cxn>
            <a:cxn ang="0">
              <a:pos x="11943" y="1038"/>
            </a:cxn>
            <a:cxn ang="0">
              <a:pos x="11254" y="74"/>
            </a:cxn>
            <a:cxn ang="0">
              <a:pos x="10336" y="222"/>
            </a:cxn>
            <a:cxn ang="0">
              <a:pos x="9953" y="890"/>
            </a:cxn>
            <a:cxn ang="0">
              <a:pos x="9570" y="1186"/>
            </a:cxn>
            <a:cxn ang="0">
              <a:pos x="8269" y="1705"/>
            </a:cxn>
            <a:cxn ang="0">
              <a:pos x="7197" y="964"/>
            </a:cxn>
            <a:cxn ang="0">
              <a:pos x="6508" y="1483"/>
            </a:cxn>
            <a:cxn ang="0">
              <a:pos x="6584" y="2150"/>
            </a:cxn>
            <a:cxn ang="0">
              <a:pos x="6584" y="2891"/>
            </a:cxn>
            <a:cxn ang="0">
              <a:pos x="6508" y="3781"/>
            </a:cxn>
            <a:cxn ang="0">
              <a:pos x="6355" y="4448"/>
            </a:cxn>
            <a:cxn ang="0">
              <a:pos x="5436" y="4596"/>
            </a:cxn>
            <a:cxn ang="0">
              <a:pos x="5053" y="5264"/>
            </a:cxn>
            <a:cxn ang="0">
              <a:pos x="2756" y="5486"/>
            </a:cxn>
            <a:cxn ang="0">
              <a:pos x="1455" y="6005"/>
            </a:cxn>
            <a:cxn ang="0">
              <a:pos x="0" y="6153"/>
            </a:cxn>
            <a:cxn ang="0">
              <a:pos x="306" y="6820"/>
            </a:cxn>
            <a:cxn ang="0">
              <a:pos x="459" y="7784"/>
            </a:cxn>
            <a:cxn ang="0">
              <a:pos x="306" y="8229"/>
            </a:cxn>
            <a:cxn ang="0">
              <a:pos x="77" y="8896"/>
            </a:cxn>
            <a:cxn ang="0">
              <a:pos x="766" y="9341"/>
            </a:cxn>
            <a:cxn ang="0">
              <a:pos x="1378" y="9489"/>
            </a:cxn>
            <a:cxn ang="0">
              <a:pos x="2220" y="9860"/>
            </a:cxn>
            <a:cxn ang="0">
              <a:pos x="2833" y="9193"/>
            </a:cxn>
            <a:cxn ang="0">
              <a:pos x="3445" y="9267"/>
            </a:cxn>
            <a:cxn ang="0">
              <a:pos x="4134" y="9564"/>
            </a:cxn>
            <a:cxn ang="0">
              <a:pos x="5436" y="9489"/>
            </a:cxn>
            <a:cxn ang="0">
              <a:pos x="5130" y="10157"/>
            </a:cxn>
            <a:cxn ang="0">
              <a:pos x="5053" y="10824"/>
            </a:cxn>
            <a:cxn ang="0">
              <a:pos x="3981" y="10972"/>
            </a:cxn>
            <a:cxn ang="0">
              <a:pos x="3139" y="11417"/>
            </a:cxn>
            <a:cxn ang="0">
              <a:pos x="2373" y="12010"/>
            </a:cxn>
            <a:cxn ang="0">
              <a:pos x="2144" y="12825"/>
            </a:cxn>
            <a:cxn ang="0">
              <a:pos x="1531" y="13715"/>
            </a:cxn>
            <a:cxn ang="0">
              <a:pos x="2220" y="14382"/>
            </a:cxn>
            <a:cxn ang="0">
              <a:pos x="3062" y="14901"/>
            </a:cxn>
            <a:cxn ang="0">
              <a:pos x="4364" y="15198"/>
            </a:cxn>
            <a:cxn ang="0">
              <a:pos x="6814" y="16384"/>
            </a:cxn>
            <a:cxn ang="0">
              <a:pos x="6967" y="15791"/>
            </a:cxn>
            <a:cxn ang="0">
              <a:pos x="7120" y="14753"/>
            </a:cxn>
            <a:cxn ang="0">
              <a:pos x="7273" y="13641"/>
            </a:cxn>
            <a:cxn ang="0">
              <a:pos x="7350" y="12158"/>
            </a:cxn>
            <a:cxn ang="0">
              <a:pos x="7426" y="10305"/>
            </a:cxn>
            <a:cxn ang="0">
              <a:pos x="8192" y="9489"/>
            </a:cxn>
            <a:cxn ang="0">
              <a:pos x="9417" y="8748"/>
            </a:cxn>
            <a:cxn ang="0">
              <a:pos x="10719" y="7858"/>
            </a:cxn>
            <a:cxn ang="0">
              <a:pos x="11943" y="7043"/>
            </a:cxn>
            <a:cxn ang="0">
              <a:pos x="13092" y="6153"/>
            </a:cxn>
            <a:cxn ang="0">
              <a:pos x="14700" y="5190"/>
            </a:cxn>
            <a:cxn ang="0">
              <a:pos x="15772" y="4671"/>
            </a:cxn>
          </a:cxnLst>
          <a:rect l="0" t="0" r="r" b="b"/>
          <a:pathLst>
            <a:path w="16384" h="16384">
              <a:moveTo>
                <a:pt x="16154" y="4596"/>
              </a:moveTo>
              <a:lnTo>
                <a:pt x="16001" y="4152"/>
              </a:lnTo>
              <a:lnTo>
                <a:pt x="16078" y="3855"/>
              </a:lnTo>
              <a:lnTo>
                <a:pt x="16231" y="3633"/>
              </a:lnTo>
              <a:lnTo>
                <a:pt x="16231" y="3559"/>
              </a:lnTo>
              <a:lnTo>
                <a:pt x="16078" y="3484"/>
              </a:lnTo>
              <a:lnTo>
                <a:pt x="16307" y="3188"/>
              </a:lnTo>
              <a:lnTo>
                <a:pt x="16307" y="2817"/>
              </a:lnTo>
              <a:lnTo>
                <a:pt x="16307" y="2669"/>
              </a:lnTo>
              <a:lnTo>
                <a:pt x="16231" y="2372"/>
              </a:lnTo>
              <a:lnTo>
                <a:pt x="16307" y="2150"/>
              </a:lnTo>
              <a:lnTo>
                <a:pt x="16384" y="1631"/>
              </a:lnTo>
              <a:lnTo>
                <a:pt x="16078" y="1483"/>
              </a:lnTo>
              <a:lnTo>
                <a:pt x="15925" y="1260"/>
              </a:lnTo>
              <a:lnTo>
                <a:pt x="15848" y="1038"/>
              </a:lnTo>
              <a:lnTo>
                <a:pt x="15695" y="1112"/>
              </a:lnTo>
              <a:lnTo>
                <a:pt x="15312" y="1483"/>
              </a:lnTo>
              <a:lnTo>
                <a:pt x="14853" y="1409"/>
              </a:lnTo>
              <a:lnTo>
                <a:pt x="14240" y="1260"/>
              </a:lnTo>
              <a:lnTo>
                <a:pt x="13857" y="1631"/>
              </a:lnTo>
              <a:lnTo>
                <a:pt x="13551" y="1928"/>
              </a:lnTo>
              <a:lnTo>
                <a:pt x="13168" y="2150"/>
              </a:lnTo>
              <a:lnTo>
                <a:pt x="13092" y="1779"/>
              </a:lnTo>
              <a:lnTo>
                <a:pt x="12862" y="1557"/>
              </a:lnTo>
              <a:lnTo>
                <a:pt x="12709" y="1483"/>
              </a:lnTo>
              <a:lnTo>
                <a:pt x="12250" y="1260"/>
              </a:lnTo>
              <a:lnTo>
                <a:pt x="11943" y="1038"/>
              </a:lnTo>
              <a:lnTo>
                <a:pt x="11714" y="741"/>
              </a:lnTo>
              <a:lnTo>
                <a:pt x="11331" y="222"/>
              </a:lnTo>
              <a:lnTo>
                <a:pt x="11254" y="74"/>
              </a:lnTo>
              <a:lnTo>
                <a:pt x="11101" y="0"/>
              </a:lnTo>
              <a:lnTo>
                <a:pt x="10948" y="148"/>
              </a:lnTo>
              <a:lnTo>
                <a:pt x="10336" y="222"/>
              </a:lnTo>
              <a:lnTo>
                <a:pt x="10259" y="371"/>
              </a:lnTo>
              <a:lnTo>
                <a:pt x="10183" y="741"/>
              </a:lnTo>
              <a:lnTo>
                <a:pt x="9953" y="890"/>
              </a:lnTo>
              <a:lnTo>
                <a:pt x="9800" y="1112"/>
              </a:lnTo>
              <a:lnTo>
                <a:pt x="9647" y="1334"/>
              </a:lnTo>
              <a:lnTo>
                <a:pt x="9570" y="1186"/>
              </a:lnTo>
              <a:lnTo>
                <a:pt x="9187" y="1483"/>
              </a:lnTo>
              <a:lnTo>
                <a:pt x="8804" y="1705"/>
              </a:lnTo>
              <a:lnTo>
                <a:pt x="8269" y="1705"/>
              </a:lnTo>
              <a:lnTo>
                <a:pt x="7580" y="519"/>
              </a:lnTo>
              <a:lnTo>
                <a:pt x="7273" y="593"/>
              </a:lnTo>
              <a:lnTo>
                <a:pt x="7197" y="964"/>
              </a:lnTo>
              <a:lnTo>
                <a:pt x="6814" y="1038"/>
              </a:lnTo>
              <a:lnTo>
                <a:pt x="6584" y="1186"/>
              </a:lnTo>
              <a:lnTo>
                <a:pt x="6508" y="1483"/>
              </a:lnTo>
              <a:lnTo>
                <a:pt x="6661" y="1705"/>
              </a:lnTo>
              <a:lnTo>
                <a:pt x="6737" y="1928"/>
              </a:lnTo>
              <a:lnTo>
                <a:pt x="6584" y="2150"/>
              </a:lnTo>
              <a:lnTo>
                <a:pt x="6508" y="2298"/>
              </a:lnTo>
              <a:lnTo>
                <a:pt x="6508" y="2595"/>
              </a:lnTo>
              <a:lnTo>
                <a:pt x="6584" y="2891"/>
              </a:lnTo>
              <a:lnTo>
                <a:pt x="6584" y="3040"/>
              </a:lnTo>
              <a:lnTo>
                <a:pt x="6737" y="3707"/>
              </a:lnTo>
              <a:lnTo>
                <a:pt x="6508" y="3781"/>
              </a:lnTo>
              <a:lnTo>
                <a:pt x="6584" y="4003"/>
              </a:lnTo>
              <a:lnTo>
                <a:pt x="6508" y="4226"/>
              </a:lnTo>
              <a:lnTo>
                <a:pt x="6355" y="4448"/>
              </a:lnTo>
              <a:lnTo>
                <a:pt x="6048" y="4596"/>
              </a:lnTo>
              <a:lnTo>
                <a:pt x="5665" y="4522"/>
              </a:lnTo>
              <a:lnTo>
                <a:pt x="5436" y="4596"/>
              </a:lnTo>
              <a:lnTo>
                <a:pt x="5436" y="4819"/>
              </a:lnTo>
              <a:lnTo>
                <a:pt x="5512" y="5190"/>
              </a:lnTo>
              <a:lnTo>
                <a:pt x="5053" y="5264"/>
              </a:lnTo>
              <a:lnTo>
                <a:pt x="4823" y="5264"/>
              </a:lnTo>
              <a:lnTo>
                <a:pt x="4287" y="5338"/>
              </a:lnTo>
              <a:lnTo>
                <a:pt x="2756" y="5486"/>
              </a:lnTo>
              <a:lnTo>
                <a:pt x="2603" y="5708"/>
              </a:lnTo>
              <a:lnTo>
                <a:pt x="1991" y="5783"/>
              </a:lnTo>
              <a:lnTo>
                <a:pt x="1455" y="6005"/>
              </a:lnTo>
              <a:lnTo>
                <a:pt x="1148" y="6005"/>
              </a:lnTo>
              <a:lnTo>
                <a:pt x="536" y="6005"/>
              </a:lnTo>
              <a:lnTo>
                <a:pt x="0" y="6153"/>
              </a:lnTo>
              <a:lnTo>
                <a:pt x="0" y="6302"/>
              </a:lnTo>
              <a:lnTo>
                <a:pt x="77" y="6524"/>
              </a:lnTo>
              <a:lnTo>
                <a:pt x="306" y="6820"/>
              </a:lnTo>
              <a:lnTo>
                <a:pt x="306" y="7191"/>
              </a:lnTo>
              <a:lnTo>
                <a:pt x="383" y="7562"/>
              </a:lnTo>
              <a:lnTo>
                <a:pt x="459" y="7784"/>
              </a:lnTo>
              <a:lnTo>
                <a:pt x="689" y="7784"/>
              </a:lnTo>
              <a:lnTo>
                <a:pt x="612" y="8081"/>
              </a:lnTo>
              <a:lnTo>
                <a:pt x="306" y="8229"/>
              </a:lnTo>
              <a:lnTo>
                <a:pt x="0" y="8451"/>
              </a:lnTo>
              <a:lnTo>
                <a:pt x="0" y="8748"/>
              </a:lnTo>
              <a:lnTo>
                <a:pt x="77" y="8896"/>
              </a:lnTo>
              <a:lnTo>
                <a:pt x="306" y="8822"/>
              </a:lnTo>
              <a:lnTo>
                <a:pt x="536" y="9341"/>
              </a:lnTo>
              <a:lnTo>
                <a:pt x="766" y="9341"/>
              </a:lnTo>
              <a:lnTo>
                <a:pt x="995" y="9193"/>
              </a:lnTo>
              <a:lnTo>
                <a:pt x="1148" y="9193"/>
              </a:lnTo>
              <a:lnTo>
                <a:pt x="1378" y="9489"/>
              </a:lnTo>
              <a:lnTo>
                <a:pt x="1608" y="9786"/>
              </a:lnTo>
              <a:lnTo>
                <a:pt x="1991" y="9934"/>
              </a:lnTo>
              <a:lnTo>
                <a:pt x="2220" y="9860"/>
              </a:lnTo>
              <a:lnTo>
                <a:pt x="2756" y="9638"/>
              </a:lnTo>
              <a:lnTo>
                <a:pt x="2756" y="9564"/>
              </a:lnTo>
              <a:lnTo>
                <a:pt x="2833" y="9193"/>
              </a:lnTo>
              <a:lnTo>
                <a:pt x="3062" y="9119"/>
              </a:lnTo>
              <a:lnTo>
                <a:pt x="3292" y="9193"/>
              </a:lnTo>
              <a:lnTo>
                <a:pt x="3445" y="9267"/>
              </a:lnTo>
              <a:lnTo>
                <a:pt x="3675" y="9489"/>
              </a:lnTo>
              <a:lnTo>
                <a:pt x="3828" y="9564"/>
              </a:lnTo>
              <a:lnTo>
                <a:pt x="4134" y="9564"/>
              </a:lnTo>
              <a:lnTo>
                <a:pt x="4441" y="9638"/>
              </a:lnTo>
              <a:lnTo>
                <a:pt x="4747" y="9638"/>
              </a:lnTo>
              <a:lnTo>
                <a:pt x="5436" y="9489"/>
              </a:lnTo>
              <a:lnTo>
                <a:pt x="5512" y="9564"/>
              </a:lnTo>
              <a:lnTo>
                <a:pt x="5436" y="9934"/>
              </a:lnTo>
              <a:lnTo>
                <a:pt x="5130" y="10157"/>
              </a:lnTo>
              <a:lnTo>
                <a:pt x="5053" y="10379"/>
              </a:lnTo>
              <a:lnTo>
                <a:pt x="5053" y="10601"/>
              </a:lnTo>
              <a:lnTo>
                <a:pt x="5053" y="10824"/>
              </a:lnTo>
              <a:lnTo>
                <a:pt x="4747" y="10972"/>
              </a:lnTo>
              <a:lnTo>
                <a:pt x="4364" y="10972"/>
              </a:lnTo>
              <a:lnTo>
                <a:pt x="3981" y="10972"/>
              </a:lnTo>
              <a:lnTo>
                <a:pt x="3828" y="11120"/>
              </a:lnTo>
              <a:lnTo>
                <a:pt x="3522" y="11194"/>
              </a:lnTo>
              <a:lnTo>
                <a:pt x="3139" y="11417"/>
              </a:lnTo>
              <a:lnTo>
                <a:pt x="2833" y="11639"/>
              </a:lnTo>
              <a:lnTo>
                <a:pt x="2603" y="11936"/>
              </a:lnTo>
              <a:lnTo>
                <a:pt x="2373" y="12010"/>
              </a:lnTo>
              <a:lnTo>
                <a:pt x="2144" y="12232"/>
              </a:lnTo>
              <a:lnTo>
                <a:pt x="2220" y="12529"/>
              </a:lnTo>
              <a:lnTo>
                <a:pt x="2144" y="12825"/>
              </a:lnTo>
              <a:lnTo>
                <a:pt x="1914" y="13122"/>
              </a:lnTo>
              <a:lnTo>
                <a:pt x="1837" y="13567"/>
              </a:lnTo>
              <a:lnTo>
                <a:pt x="1531" y="13715"/>
              </a:lnTo>
              <a:lnTo>
                <a:pt x="1531" y="14086"/>
              </a:lnTo>
              <a:lnTo>
                <a:pt x="1761" y="14234"/>
              </a:lnTo>
              <a:lnTo>
                <a:pt x="2220" y="14382"/>
              </a:lnTo>
              <a:lnTo>
                <a:pt x="2450" y="14382"/>
              </a:lnTo>
              <a:lnTo>
                <a:pt x="2756" y="14531"/>
              </a:lnTo>
              <a:lnTo>
                <a:pt x="3062" y="14901"/>
              </a:lnTo>
              <a:lnTo>
                <a:pt x="3522" y="14975"/>
              </a:lnTo>
              <a:lnTo>
                <a:pt x="3981" y="15124"/>
              </a:lnTo>
              <a:lnTo>
                <a:pt x="4364" y="15198"/>
              </a:lnTo>
              <a:lnTo>
                <a:pt x="4747" y="15346"/>
              </a:lnTo>
              <a:lnTo>
                <a:pt x="5589" y="15643"/>
              </a:lnTo>
              <a:lnTo>
                <a:pt x="6814" y="16384"/>
              </a:lnTo>
              <a:lnTo>
                <a:pt x="7044" y="16236"/>
              </a:lnTo>
              <a:lnTo>
                <a:pt x="6967" y="16013"/>
              </a:lnTo>
              <a:lnTo>
                <a:pt x="6967" y="15791"/>
              </a:lnTo>
              <a:lnTo>
                <a:pt x="7044" y="15569"/>
              </a:lnTo>
              <a:lnTo>
                <a:pt x="7197" y="15124"/>
              </a:lnTo>
              <a:lnTo>
                <a:pt x="7120" y="14753"/>
              </a:lnTo>
              <a:lnTo>
                <a:pt x="7044" y="14382"/>
              </a:lnTo>
              <a:lnTo>
                <a:pt x="7120" y="13938"/>
              </a:lnTo>
              <a:lnTo>
                <a:pt x="7273" y="13641"/>
              </a:lnTo>
              <a:lnTo>
                <a:pt x="7350" y="13270"/>
              </a:lnTo>
              <a:lnTo>
                <a:pt x="7503" y="12677"/>
              </a:lnTo>
              <a:lnTo>
                <a:pt x="7350" y="12158"/>
              </a:lnTo>
              <a:lnTo>
                <a:pt x="7273" y="11343"/>
              </a:lnTo>
              <a:lnTo>
                <a:pt x="7350" y="10750"/>
              </a:lnTo>
              <a:lnTo>
                <a:pt x="7426" y="10305"/>
              </a:lnTo>
              <a:lnTo>
                <a:pt x="7733" y="10082"/>
              </a:lnTo>
              <a:lnTo>
                <a:pt x="8039" y="9638"/>
              </a:lnTo>
              <a:lnTo>
                <a:pt x="8192" y="9489"/>
              </a:lnTo>
              <a:lnTo>
                <a:pt x="8422" y="9564"/>
              </a:lnTo>
              <a:lnTo>
                <a:pt x="8958" y="9193"/>
              </a:lnTo>
              <a:lnTo>
                <a:pt x="9417" y="8748"/>
              </a:lnTo>
              <a:lnTo>
                <a:pt x="9953" y="8377"/>
              </a:lnTo>
              <a:lnTo>
                <a:pt x="10336" y="8081"/>
              </a:lnTo>
              <a:lnTo>
                <a:pt x="10719" y="7858"/>
              </a:lnTo>
              <a:lnTo>
                <a:pt x="11101" y="7710"/>
              </a:lnTo>
              <a:lnTo>
                <a:pt x="11561" y="7339"/>
              </a:lnTo>
              <a:lnTo>
                <a:pt x="11943" y="7043"/>
              </a:lnTo>
              <a:lnTo>
                <a:pt x="12403" y="6746"/>
              </a:lnTo>
              <a:lnTo>
                <a:pt x="12709" y="6524"/>
              </a:lnTo>
              <a:lnTo>
                <a:pt x="13092" y="6153"/>
              </a:lnTo>
              <a:lnTo>
                <a:pt x="13704" y="5708"/>
              </a:lnTo>
              <a:lnTo>
                <a:pt x="14164" y="5486"/>
              </a:lnTo>
              <a:lnTo>
                <a:pt x="14700" y="5190"/>
              </a:lnTo>
              <a:lnTo>
                <a:pt x="15082" y="4967"/>
              </a:lnTo>
              <a:lnTo>
                <a:pt x="15465" y="4893"/>
              </a:lnTo>
              <a:lnTo>
                <a:pt x="15772" y="4671"/>
              </a:lnTo>
              <a:lnTo>
                <a:pt x="16154" y="4596"/>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9</xdr:col>
      <xdr:colOff>200025</xdr:colOff>
      <xdr:row>27</xdr:row>
      <xdr:rowOff>38100</xdr:rowOff>
    </xdr:from>
    <xdr:to>
      <xdr:col>10</xdr:col>
      <xdr:colOff>457200</xdr:colOff>
      <xdr:row>33</xdr:row>
      <xdr:rowOff>85726</xdr:rowOff>
    </xdr:to>
    <xdr:sp macro="" textlink="">
      <xdr:nvSpPr>
        <xdr:cNvPr id="32" name="d14207">
          <a:extLst>
            <a:ext uri="{FF2B5EF4-FFF2-40B4-BE49-F238E27FC236}">
              <a16:creationId xmlns:a16="http://schemas.microsoft.com/office/drawing/2014/main" id="{00000000-0008-0000-0000-000020000000}"/>
            </a:ext>
          </a:extLst>
        </xdr:cNvPr>
        <xdr:cNvSpPr>
          <a:spLocks/>
        </xdr:cNvSpPr>
      </xdr:nvSpPr>
      <xdr:spPr bwMode="auto">
        <a:xfrm>
          <a:off x="5686425" y="5219700"/>
          <a:ext cx="866775" cy="962026"/>
        </a:xfrm>
        <a:custGeom>
          <a:avLst/>
          <a:gdLst/>
          <a:ahLst/>
          <a:cxnLst>
            <a:cxn ang="0">
              <a:pos x="180" y="8111"/>
            </a:cxn>
            <a:cxn ang="0">
              <a:pos x="180" y="9571"/>
            </a:cxn>
            <a:cxn ang="0">
              <a:pos x="180" y="10220"/>
            </a:cxn>
            <a:cxn ang="0">
              <a:pos x="540" y="10220"/>
            </a:cxn>
            <a:cxn ang="0">
              <a:pos x="900" y="10220"/>
            </a:cxn>
            <a:cxn ang="0">
              <a:pos x="1260" y="10544"/>
            </a:cxn>
            <a:cxn ang="0">
              <a:pos x="1260" y="11031"/>
            </a:cxn>
            <a:cxn ang="0">
              <a:pos x="720" y="11517"/>
            </a:cxn>
            <a:cxn ang="0">
              <a:pos x="360" y="12329"/>
            </a:cxn>
            <a:cxn ang="0">
              <a:pos x="0" y="13302"/>
            </a:cxn>
            <a:cxn ang="0">
              <a:pos x="0" y="14275"/>
            </a:cxn>
            <a:cxn ang="0">
              <a:pos x="720" y="14762"/>
            </a:cxn>
            <a:cxn ang="0">
              <a:pos x="1260" y="15411"/>
            </a:cxn>
            <a:cxn ang="0">
              <a:pos x="1260" y="16384"/>
            </a:cxn>
            <a:cxn ang="0">
              <a:pos x="2521" y="16222"/>
            </a:cxn>
            <a:cxn ang="0">
              <a:pos x="3781" y="16060"/>
            </a:cxn>
            <a:cxn ang="0">
              <a:pos x="5221" y="16060"/>
            </a:cxn>
            <a:cxn ang="0">
              <a:pos x="6121" y="16060"/>
            </a:cxn>
            <a:cxn ang="0">
              <a:pos x="7562" y="15411"/>
            </a:cxn>
            <a:cxn ang="0">
              <a:pos x="8822" y="15735"/>
            </a:cxn>
            <a:cxn ang="0">
              <a:pos x="10263" y="15735"/>
            </a:cxn>
            <a:cxn ang="0">
              <a:pos x="11523" y="15735"/>
            </a:cxn>
            <a:cxn ang="0">
              <a:pos x="12603" y="15248"/>
            </a:cxn>
            <a:cxn ang="0">
              <a:pos x="14043" y="15411"/>
            </a:cxn>
            <a:cxn ang="0">
              <a:pos x="14944" y="15411"/>
            </a:cxn>
            <a:cxn ang="0">
              <a:pos x="15124" y="14437"/>
            </a:cxn>
            <a:cxn ang="0">
              <a:pos x="15484" y="13302"/>
            </a:cxn>
            <a:cxn ang="0">
              <a:pos x="15844" y="12329"/>
            </a:cxn>
            <a:cxn ang="0">
              <a:pos x="16204" y="11193"/>
            </a:cxn>
            <a:cxn ang="0">
              <a:pos x="16384" y="10058"/>
            </a:cxn>
            <a:cxn ang="0">
              <a:pos x="15844" y="9246"/>
            </a:cxn>
            <a:cxn ang="0">
              <a:pos x="15844" y="8598"/>
            </a:cxn>
            <a:cxn ang="0">
              <a:pos x="15484" y="7786"/>
            </a:cxn>
            <a:cxn ang="0">
              <a:pos x="14764" y="7138"/>
            </a:cxn>
            <a:cxn ang="0">
              <a:pos x="14584" y="5840"/>
            </a:cxn>
            <a:cxn ang="0">
              <a:pos x="14764" y="5029"/>
            </a:cxn>
            <a:cxn ang="0">
              <a:pos x="15304" y="4704"/>
            </a:cxn>
            <a:cxn ang="0">
              <a:pos x="15484" y="3731"/>
            </a:cxn>
            <a:cxn ang="0">
              <a:pos x="14043" y="3893"/>
            </a:cxn>
            <a:cxn ang="0">
              <a:pos x="14223" y="2758"/>
            </a:cxn>
            <a:cxn ang="0">
              <a:pos x="13863" y="2595"/>
            </a:cxn>
            <a:cxn ang="0">
              <a:pos x="13323" y="3407"/>
            </a:cxn>
            <a:cxn ang="0">
              <a:pos x="12783" y="3082"/>
            </a:cxn>
            <a:cxn ang="0">
              <a:pos x="13323" y="2595"/>
            </a:cxn>
            <a:cxn ang="0">
              <a:pos x="13323" y="2109"/>
            </a:cxn>
            <a:cxn ang="0">
              <a:pos x="13863" y="1298"/>
            </a:cxn>
            <a:cxn ang="0">
              <a:pos x="13323" y="162"/>
            </a:cxn>
            <a:cxn ang="0">
              <a:pos x="11703" y="324"/>
            </a:cxn>
            <a:cxn ang="0">
              <a:pos x="10443" y="0"/>
            </a:cxn>
            <a:cxn ang="0">
              <a:pos x="7742" y="1622"/>
            </a:cxn>
            <a:cxn ang="0">
              <a:pos x="7562" y="2433"/>
            </a:cxn>
            <a:cxn ang="0">
              <a:pos x="7202" y="3569"/>
            </a:cxn>
            <a:cxn ang="0">
              <a:pos x="6482" y="4218"/>
            </a:cxn>
            <a:cxn ang="0">
              <a:pos x="5581" y="4867"/>
            </a:cxn>
            <a:cxn ang="0">
              <a:pos x="5401" y="5515"/>
            </a:cxn>
            <a:cxn ang="0">
              <a:pos x="5941" y="6002"/>
            </a:cxn>
            <a:cxn ang="0">
              <a:pos x="5941" y="6651"/>
            </a:cxn>
            <a:cxn ang="0">
              <a:pos x="5401" y="7624"/>
            </a:cxn>
            <a:cxn ang="0">
              <a:pos x="3061" y="7786"/>
            </a:cxn>
            <a:cxn ang="0">
              <a:pos x="1440" y="8111"/>
            </a:cxn>
            <a:cxn ang="0">
              <a:pos x="180" y="8111"/>
            </a:cxn>
          </a:cxnLst>
          <a:rect l="0" t="0" r="r" b="b"/>
          <a:pathLst>
            <a:path w="16384" h="16384">
              <a:moveTo>
                <a:pt x="180" y="8111"/>
              </a:moveTo>
              <a:lnTo>
                <a:pt x="180" y="9571"/>
              </a:lnTo>
              <a:lnTo>
                <a:pt x="180" y="10220"/>
              </a:lnTo>
              <a:lnTo>
                <a:pt x="540" y="10220"/>
              </a:lnTo>
              <a:lnTo>
                <a:pt x="900" y="10220"/>
              </a:lnTo>
              <a:lnTo>
                <a:pt x="1260" y="10544"/>
              </a:lnTo>
              <a:lnTo>
                <a:pt x="1260" y="11031"/>
              </a:lnTo>
              <a:lnTo>
                <a:pt x="720" y="11517"/>
              </a:lnTo>
              <a:lnTo>
                <a:pt x="360" y="12329"/>
              </a:lnTo>
              <a:lnTo>
                <a:pt x="0" y="13302"/>
              </a:lnTo>
              <a:lnTo>
                <a:pt x="0" y="14275"/>
              </a:lnTo>
              <a:lnTo>
                <a:pt x="720" y="14762"/>
              </a:lnTo>
              <a:lnTo>
                <a:pt x="1260" y="15411"/>
              </a:lnTo>
              <a:lnTo>
                <a:pt x="1260" y="16384"/>
              </a:lnTo>
              <a:lnTo>
                <a:pt x="2521" y="16222"/>
              </a:lnTo>
              <a:lnTo>
                <a:pt x="3781" y="16060"/>
              </a:lnTo>
              <a:lnTo>
                <a:pt x="5221" y="16060"/>
              </a:lnTo>
              <a:lnTo>
                <a:pt x="6121" y="16060"/>
              </a:lnTo>
              <a:lnTo>
                <a:pt x="7562" y="15411"/>
              </a:lnTo>
              <a:lnTo>
                <a:pt x="8822" y="15735"/>
              </a:lnTo>
              <a:lnTo>
                <a:pt x="10263" y="15735"/>
              </a:lnTo>
              <a:lnTo>
                <a:pt x="11523" y="15735"/>
              </a:lnTo>
              <a:lnTo>
                <a:pt x="12603" y="15248"/>
              </a:lnTo>
              <a:lnTo>
                <a:pt x="14043" y="15411"/>
              </a:lnTo>
              <a:lnTo>
                <a:pt x="14944" y="15411"/>
              </a:lnTo>
              <a:lnTo>
                <a:pt x="15124" y="14437"/>
              </a:lnTo>
              <a:lnTo>
                <a:pt x="15484" y="13302"/>
              </a:lnTo>
              <a:lnTo>
                <a:pt x="15844" y="12329"/>
              </a:lnTo>
              <a:lnTo>
                <a:pt x="16204" y="11193"/>
              </a:lnTo>
              <a:lnTo>
                <a:pt x="16384" y="10058"/>
              </a:lnTo>
              <a:lnTo>
                <a:pt x="15844" y="9246"/>
              </a:lnTo>
              <a:lnTo>
                <a:pt x="15844" y="8598"/>
              </a:lnTo>
              <a:lnTo>
                <a:pt x="15484" y="7786"/>
              </a:lnTo>
              <a:lnTo>
                <a:pt x="14764" y="7138"/>
              </a:lnTo>
              <a:lnTo>
                <a:pt x="14584" y="5840"/>
              </a:lnTo>
              <a:lnTo>
                <a:pt x="14764" y="5029"/>
              </a:lnTo>
              <a:lnTo>
                <a:pt x="15304" y="4704"/>
              </a:lnTo>
              <a:lnTo>
                <a:pt x="15484" y="3731"/>
              </a:lnTo>
              <a:lnTo>
                <a:pt x="14043" y="3893"/>
              </a:lnTo>
              <a:lnTo>
                <a:pt x="14223" y="2758"/>
              </a:lnTo>
              <a:lnTo>
                <a:pt x="13863" y="2595"/>
              </a:lnTo>
              <a:lnTo>
                <a:pt x="13323" y="3407"/>
              </a:lnTo>
              <a:lnTo>
                <a:pt x="12783" y="3082"/>
              </a:lnTo>
              <a:lnTo>
                <a:pt x="13323" y="2595"/>
              </a:lnTo>
              <a:lnTo>
                <a:pt x="13323" y="2109"/>
              </a:lnTo>
              <a:lnTo>
                <a:pt x="13863" y="1298"/>
              </a:lnTo>
              <a:lnTo>
                <a:pt x="13323" y="162"/>
              </a:lnTo>
              <a:lnTo>
                <a:pt x="11703" y="324"/>
              </a:lnTo>
              <a:lnTo>
                <a:pt x="10443" y="0"/>
              </a:lnTo>
              <a:lnTo>
                <a:pt x="7742" y="1622"/>
              </a:lnTo>
              <a:lnTo>
                <a:pt x="7562" y="2433"/>
              </a:lnTo>
              <a:lnTo>
                <a:pt x="7202" y="3569"/>
              </a:lnTo>
              <a:lnTo>
                <a:pt x="6482" y="4218"/>
              </a:lnTo>
              <a:lnTo>
                <a:pt x="5581" y="4867"/>
              </a:lnTo>
              <a:lnTo>
                <a:pt x="5401" y="5515"/>
              </a:lnTo>
              <a:lnTo>
                <a:pt x="5941" y="6002"/>
              </a:lnTo>
              <a:lnTo>
                <a:pt x="5941" y="6651"/>
              </a:lnTo>
              <a:lnTo>
                <a:pt x="5401" y="7624"/>
              </a:lnTo>
              <a:lnTo>
                <a:pt x="3061" y="7786"/>
              </a:lnTo>
              <a:lnTo>
                <a:pt x="1440" y="8111"/>
              </a:lnTo>
              <a:lnTo>
                <a:pt x="180" y="8111"/>
              </a:lnTo>
              <a:close/>
            </a:path>
          </a:pathLst>
        </a:custGeom>
        <a:solidFill>
          <a:srgbClr val="FF0000"/>
        </a:solidFill>
        <a:ln w="9525" cap="flat">
          <a:solidFill>
            <a:srgbClr val="000000"/>
          </a:solidFill>
          <a:prstDash val="solid"/>
          <a:round/>
          <a:headEnd/>
          <a:tailEnd/>
        </a:ln>
      </xdr:spPr>
    </xdr:sp>
    <xdr:clientData/>
  </xdr:twoCellAnchor>
  <xdr:twoCellAnchor editAs="oneCell">
    <xdr:from>
      <xdr:col>12</xdr:col>
      <xdr:colOff>447675</xdr:colOff>
      <xdr:row>33</xdr:row>
      <xdr:rowOff>9525</xdr:rowOff>
    </xdr:from>
    <xdr:to>
      <xdr:col>14</xdr:col>
      <xdr:colOff>76200</xdr:colOff>
      <xdr:row>37</xdr:row>
      <xdr:rowOff>19049</xdr:rowOff>
    </xdr:to>
    <xdr:sp macro="" textlink="">
      <xdr:nvSpPr>
        <xdr:cNvPr id="33" name="d14208">
          <a:extLst>
            <a:ext uri="{FF2B5EF4-FFF2-40B4-BE49-F238E27FC236}">
              <a16:creationId xmlns:a16="http://schemas.microsoft.com/office/drawing/2014/main" id="{00000000-0008-0000-0000-000021000000}"/>
            </a:ext>
          </a:extLst>
        </xdr:cNvPr>
        <xdr:cNvSpPr>
          <a:spLocks/>
        </xdr:cNvSpPr>
      </xdr:nvSpPr>
      <xdr:spPr bwMode="auto">
        <a:xfrm>
          <a:off x="7762875" y="6105525"/>
          <a:ext cx="847725" cy="619124"/>
        </a:xfrm>
        <a:custGeom>
          <a:avLst/>
          <a:gdLst/>
          <a:ahLst/>
          <a:cxnLst>
            <a:cxn ang="0">
              <a:pos x="12150" y="2521"/>
            </a:cxn>
            <a:cxn ang="0">
              <a:pos x="10861" y="2016"/>
            </a:cxn>
            <a:cxn ang="0">
              <a:pos x="9389" y="0"/>
            </a:cxn>
            <a:cxn ang="0">
              <a:pos x="7548" y="1260"/>
            </a:cxn>
            <a:cxn ang="0">
              <a:pos x="5339" y="2773"/>
            </a:cxn>
            <a:cxn ang="0">
              <a:pos x="3498" y="4285"/>
            </a:cxn>
            <a:cxn ang="0">
              <a:pos x="1289" y="5797"/>
            </a:cxn>
            <a:cxn ang="0">
              <a:pos x="368" y="7058"/>
            </a:cxn>
            <a:cxn ang="0">
              <a:pos x="0" y="8570"/>
            </a:cxn>
            <a:cxn ang="0">
              <a:pos x="1105" y="8822"/>
            </a:cxn>
            <a:cxn ang="0">
              <a:pos x="2025" y="9830"/>
            </a:cxn>
            <a:cxn ang="0">
              <a:pos x="3682" y="9830"/>
            </a:cxn>
            <a:cxn ang="0">
              <a:pos x="4786" y="12099"/>
            </a:cxn>
            <a:cxn ang="0">
              <a:pos x="5155" y="13863"/>
            </a:cxn>
            <a:cxn ang="0">
              <a:pos x="6627" y="12351"/>
            </a:cxn>
            <a:cxn ang="0">
              <a:pos x="7916" y="11847"/>
            </a:cxn>
            <a:cxn ang="0">
              <a:pos x="9020" y="10839"/>
            </a:cxn>
            <a:cxn ang="0">
              <a:pos x="10309" y="10839"/>
            </a:cxn>
            <a:cxn ang="0">
              <a:pos x="11966" y="11091"/>
            </a:cxn>
            <a:cxn ang="0">
              <a:pos x="13439" y="11595"/>
            </a:cxn>
            <a:cxn ang="0">
              <a:pos x="12150" y="13863"/>
            </a:cxn>
            <a:cxn ang="0">
              <a:pos x="10677" y="14368"/>
            </a:cxn>
            <a:cxn ang="0">
              <a:pos x="10125" y="14872"/>
            </a:cxn>
            <a:cxn ang="0">
              <a:pos x="11229" y="15628"/>
            </a:cxn>
            <a:cxn ang="0">
              <a:pos x="12702" y="15880"/>
            </a:cxn>
            <a:cxn ang="0">
              <a:pos x="14359" y="15628"/>
            </a:cxn>
            <a:cxn ang="0">
              <a:pos x="16016" y="16384"/>
            </a:cxn>
            <a:cxn ang="0">
              <a:pos x="16200" y="15124"/>
            </a:cxn>
            <a:cxn ang="0">
              <a:pos x="15648" y="13359"/>
            </a:cxn>
            <a:cxn ang="0">
              <a:pos x="16016" y="11343"/>
            </a:cxn>
            <a:cxn ang="0">
              <a:pos x="15095" y="8066"/>
            </a:cxn>
            <a:cxn ang="0">
              <a:pos x="13991" y="6049"/>
            </a:cxn>
            <a:cxn ang="0">
              <a:pos x="13439" y="3781"/>
            </a:cxn>
          </a:cxnLst>
          <a:rect l="0" t="0" r="r" b="b"/>
          <a:pathLst>
            <a:path w="16384" h="16384">
              <a:moveTo>
                <a:pt x="12886" y="3025"/>
              </a:moveTo>
              <a:lnTo>
                <a:pt x="12150" y="2521"/>
              </a:lnTo>
              <a:lnTo>
                <a:pt x="11782" y="1764"/>
              </a:lnTo>
              <a:lnTo>
                <a:pt x="10861" y="2016"/>
              </a:lnTo>
              <a:lnTo>
                <a:pt x="9757" y="1008"/>
              </a:lnTo>
              <a:lnTo>
                <a:pt x="9389" y="0"/>
              </a:lnTo>
              <a:lnTo>
                <a:pt x="8652" y="0"/>
              </a:lnTo>
              <a:lnTo>
                <a:pt x="7548" y="1260"/>
              </a:lnTo>
              <a:lnTo>
                <a:pt x="7180" y="1512"/>
              </a:lnTo>
              <a:lnTo>
                <a:pt x="5339" y="2773"/>
              </a:lnTo>
              <a:lnTo>
                <a:pt x="4602" y="2773"/>
              </a:lnTo>
              <a:lnTo>
                <a:pt x="3498" y="4285"/>
              </a:lnTo>
              <a:lnTo>
                <a:pt x="2577" y="4537"/>
              </a:lnTo>
              <a:lnTo>
                <a:pt x="1289" y="5797"/>
              </a:lnTo>
              <a:lnTo>
                <a:pt x="0" y="6302"/>
              </a:lnTo>
              <a:lnTo>
                <a:pt x="368" y="7058"/>
              </a:lnTo>
              <a:lnTo>
                <a:pt x="368" y="7814"/>
              </a:lnTo>
              <a:lnTo>
                <a:pt x="0" y="8570"/>
              </a:lnTo>
              <a:lnTo>
                <a:pt x="368" y="9074"/>
              </a:lnTo>
              <a:lnTo>
                <a:pt x="1105" y="8822"/>
              </a:lnTo>
              <a:lnTo>
                <a:pt x="1473" y="10082"/>
              </a:lnTo>
              <a:lnTo>
                <a:pt x="2025" y="9830"/>
              </a:lnTo>
              <a:lnTo>
                <a:pt x="2945" y="10335"/>
              </a:lnTo>
              <a:lnTo>
                <a:pt x="3682" y="9830"/>
              </a:lnTo>
              <a:lnTo>
                <a:pt x="4418" y="10839"/>
              </a:lnTo>
              <a:lnTo>
                <a:pt x="4786" y="12099"/>
              </a:lnTo>
              <a:lnTo>
                <a:pt x="4418" y="12603"/>
              </a:lnTo>
              <a:lnTo>
                <a:pt x="5155" y="13863"/>
              </a:lnTo>
              <a:lnTo>
                <a:pt x="6075" y="13359"/>
              </a:lnTo>
              <a:lnTo>
                <a:pt x="6627" y="12351"/>
              </a:lnTo>
              <a:lnTo>
                <a:pt x="7180" y="12351"/>
              </a:lnTo>
              <a:lnTo>
                <a:pt x="7916" y="11847"/>
              </a:lnTo>
              <a:lnTo>
                <a:pt x="8652" y="10587"/>
              </a:lnTo>
              <a:lnTo>
                <a:pt x="9020" y="10839"/>
              </a:lnTo>
              <a:lnTo>
                <a:pt x="10125" y="10587"/>
              </a:lnTo>
              <a:lnTo>
                <a:pt x="10309" y="10839"/>
              </a:lnTo>
              <a:lnTo>
                <a:pt x="11782" y="10839"/>
              </a:lnTo>
              <a:lnTo>
                <a:pt x="11966" y="11091"/>
              </a:lnTo>
              <a:lnTo>
                <a:pt x="12886" y="11091"/>
              </a:lnTo>
              <a:lnTo>
                <a:pt x="13439" y="11595"/>
              </a:lnTo>
              <a:lnTo>
                <a:pt x="13254" y="12855"/>
              </a:lnTo>
              <a:lnTo>
                <a:pt x="12150" y="13863"/>
              </a:lnTo>
              <a:lnTo>
                <a:pt x="11598" y="13863"/>
              </a:lnTo>
              <a:lnTo>
                <a:pt x="10677" y="14368"/>
              </a:lnTo>
              <a:lnTo>
                <a:pt x="10125" y="14368"/>
              </a:lnTo>
              <a:lnTo>
                <a:pt x="10125" y="14872"/>
              </a:lnTo>
              <a:lnTo>
                <a:pt x="10493" y="15880"/>
              </a:lnTo>
              <a:lnTo>
                <a:pt x="11229" y="15628"/>
              </a:lnTo>
              <a:lnTo>
                <a:pt x="11966" y="16132"/>
              </a:lnTo>
              <a:lnTo>
                <a:pt x="12702" y="15880"/>
              </a:lnTo>
              <a:lnTo>
                <a:pt x="13623" y="15628"/>
              </a:lnTo>
              <a:lnTo>
                <a:pt x="14359" y="15628"/>
              </a:lnTo>
              <a:lnTo>
                <a:pt x="15095" y="16384"/>
              </a:lnTo>
              <a:lnTo>
                <a:pt x="16016" y="16384"/>
              </a:lnTo>
              <a:lnTo>
                <a:pt x="16384" y="15628"/>
              </a:lnTo>
              <a:lnTo>
                <a:pt x="16200" y="15124"/>
              </a:lnTo>
              <a:lnTo>
                <a:pt x="15648" y="14368"/>
              </a:lnTo>
              <a:lnTo>
                <a:pt x="15648" y="13359"/>
              </a:lnTo>
              <a:lnTo>
                <a:pt x="16200" y="12351"/>
              </a:lnTo>
              <a:lnTo>
                <a:pt x="16016" y="11343"/>
              </a:lnTo>
              <a:lnTo>
                <a:pt x="15832" y="9578"/>
              </a:lnTo>
              <a:lnTo>
                <a:pt x="15095" y="8066"/>
              </a:lnTo>
              <a:lnTo>
                <a:pt x="14911" y="6806"/>
              </a:lnTo>
              <a:lnTo>
                <a:pt x="13991" y="6049"/>
              </a:lnTo>
              <a:lnTo>
                <a:pt x="13991" y="4285"/>
              </a:lnTo>
              <a:lnTo>
                <a:pt x="13439" y="3781"/>
              </a:lnTo>
              <a:lnTo>
                <a:pt x="12886" y="3025"/>
              </a:lnTo>
              <a:close/>
            </a:path>
          </a:pathLst>
        </a:custGeom>
        <a:solidFill>
          <a:srgbClr val="FF6600"/>
        </a:solidFill>
        <a:ln w="9525" cap="flat">
          <a:solidFill>
            <a:srgbClr val="000000"/>
          </a:solidFill>
          <a:prstDash val="solid"/>
          <a:round/>
          <a:headEnd/>
          <a:tailEnd/>
        </a:ln>
      </xdr:spPr>
    </xdr:sp>
    <xdr:clientData/>
  </xdr:twoCellAnchor>
  <xdr:twoCellAnchor editAs="oneCell">
    <xdr:from>
      <xdr:col>13</xdr:col>
      <xdr:colOff>495300</xdr:colOff>
      <xdr:row>43</xdr:row>
      <xdr:rowOff>9525</xdr:rowOff>
    </xdr:from>
    <xdr:to>
      <xdr:col>15</xdr:col>
      <xdr:colOff>104775</xdr:colOff>
      <xdr:row>49</xdr:row>
      <xdr:rowOff>95249</xdr:rowOff>
    </xdr:to>
    <xdr:sp macro="" textlink="">
      <xdr:nvSpPr>
        <xdr:cNvPr id="34" name="d14210">
          <a:extLst>
            <a:ext uri="{FF2B5EF4-FFF2-40B4-BE49-F238E27FC236}">
              <a16:creationId xmlns:a16="http://schemas.microsoft.com/office/drawing/2014/main" id="{00000000-0008-0000-0000-000022000000}"/>
            </a:ext>
          </a:extLst>
        </xdr:cNvPr>
        <xdr:cNvSpPr>
          <a:spLocks/>
        </xdr:cNvSpPr>
      </xdr:nvSpPr>
      <xdr:spPr bwMode="auto">
        <a:xfrm>
          <a:off x="8420100" y="7629525"/>
          <a:ext cx="828675" cy="1000124"/>
        </a:xfrm>
        <a:custGeom>
          <a:avLst/>
          <a:gdLst/>
          <a:ahLst/>
          <a:cxnLst>
            <a:cxn ang="0">
              <a:pos x="12053" y="2965"/>
            </a:cxn>
            <a:cxn ang="0">
              <a:pos x="10734" y="1248"/>
            </a:cxn>
            <a:cxn ang="0">
              <a:pos x="10546" y="0"/>
            </a:cxn>
            <a:cxn ang="0">
              <a:pos x="8851" y="780"/>
            </a:cxn>
            <a:cxn ang="0">
              <a:pos x="6968" y="1092"/>
            </a:cxn>
            <a:cxn ang="0">
              <a:pos x="6026" y="780"/>
            </a:cxn>
            <a:cxn ang="0">
              <a:pos x="3390" y="2497"/>
            </a:cxn>
            <a:cxn ang="0">
              <a:pos x="1883" y="4993"/>
            </a:cxn>
            <a:cxn ang="0">
              <a:pos x="2637" y="5617"/>
            </a:cxn>
            <a:cxn ang="0">
              <a:pos x="1507" y="6085"/>
            </a:cxn>
            <a:cxn ang="0">
              <a:pos x="2260" y="7490"/>
            </a:cxn>
            <a:cxn ang="0">
              <a:pos x="2072" y="8738"/>
            </a:cxn>
            <a:cxn ang="0">
              <a:pos x="2072" y="9518"/>
            </a:cxn>
            <a:cxn ang="0">
              <a:pos x="3766" y="10299"/>
            </a:cxn>
            <a:cxn ang="0">
              <a:pos x="4520" y="10611"/>
            </a:cxn>
            <a:cxn ang="0">
              <a:pos x="2448" y="10767"/>
            </a:cxn>
            <a:cxn ang="0">
              <a:pos x="753" y="10455"/>
            </a:cxn>
            <a:cxn ang="0">
              <a:pos x="1318" y="11547"/>
            </a:cxn>
            <a:cxn ang="0">
              <a:pos x="2448" y="11391"/>
            </a:cxn>
            <a:cxn ang="0">
              <a:pos x="2260" y="12327"/>
            </a:cxn>
            <a:cxn ang="0">
              <a:pos x="565" y="12171"/>
            </a:cxn>
            <a:cxn ang="0">
              <a:pos x="188" y="12951"/>
            </a:cxn>
            <a:cxn ang="0">
              <a:pos x="1318" y="14512"/>
            </a:cxn>
            <a:cxn ang="0">
              <a:pos x="1318" y="15604"/>
            </a:cxn>
            <a:cxn ang="0">
              <a:pos x="3013" y="16072"/>
            </a:cxn>
            <a:cxn ang="0">
              <a:pos x="5461" y="15916"/>
            </a:cxn>
            <a:cxn ang="0">
              <a:pos x="7156" y="15760"/>
            </a:cxn>
            <a:cxn ang="0">
              <a:pos x="9228" y="15916"/>
            </a:cxn>
            <a:cxn ang="0">
              <a:pos x="10923" y="16228"/>
            </a:cxn>
            <a:cxn ang="0">
              <a:pos x="12241" y="15760"/>
            </a:cxn>
            <a:cxn ang="0">
              <a:pos x="12994" y="15136"/>
            </a:cxn>
            <a:cxn ang="0">
              <a:pos x="13371" y="14512"/>
            </a:cxn>
            <a:cxn ang="0">
              <a:pos x="13747" y="15916"/>
            </a:cxn>
            <a:cxn ang="0">
              <a:pos x="14877" y="15448"/>
            </a:cxn>
            <a:cxn ang="0">
              <a:pos x="15631" y="15448"/>
            </a:cxn>
            <a:cxn ang="0">
              <a:pos x="16196" y="14512"/>
            </a:cxn>
            <a:cxn ang="0">
              <a:pos x="16196" y="12639"/>
            </a:cxn>
            <a:cxn ang="0">
              <a:pos x="15254" y="11859"/>
            </a:cxn>
            <a:cxn ang="0">
              <a:pos x="13183" y="11547"/>
            </a:cxn>
            <a:cxn ang="0">
              <a:pos x="12053" y="10299"/>
            </a:cxn>
            <a:cxn ang="0">
              <a:pos x="11676" y="8426"/>
            </a:cxn>
            <a:cxn ang="0">
              <a:pos x="10546" y="6866"/>
            </a:cxn>
            <a:cxn ang="0">
              <a:pos x="11488" y="4837"/>
            </a:cxn>
            <a:cxn ang="0">
              <a:pos x="12994" y="3589"/>
            </a:cxn>
          </a:cxnLst>
          <a:rect l="0" t="0" r="r" b="b"/>
          <a:pathLst>
            <a:path w="16384" h="16384">
              <a:moveTo>
                <a:pt x="12994" y="3589"/>
              </a:moveTo>
              <a:lnTo>
                <a:pt x="12053" y="2965"/>
              </a:lnTo>
              <a:lnTo>
                <a:pt x="11864" y="1872"/>
              </a:lnTo>
              <a:lnTo>
                <a:pt x="10734" y="1248"/>
              </a:lnTo>
              <a:lnTo>
                <a:pt x="10923" y="156"/>
              </a:lnTo>
              <a:lnTo>
                <a:pt x="10546" y="0"/>
              </a:lnTo>
              <a:lnTo>
                <a:pt x="9604" y="624"/>
              </a:lnTo>
              <a:lnTo>
                <a:pt x="8851" y="780"/>
              </a:lnTo>
              <a:lnTo>
                <a:pt x="7721" y="624"/>
              </a:lnTo>
              <a:lnTo>
                <a:pt x="6968" y="1092"/>
              </a:lnTo>
              <a:lnTo>
                <a:pt x="6403" y="780"/>
              </a:lnTo>
              <a:lnTo>
                <a:pt x="6026" y="780"/>
              </a:lnTo>
              <a:lnTo>
                <a:pt x="4896" y="2341"/>
              </a:lnTo>
              <a:lnTo>
                <a:pt x="3390" y="2497"/>
              </a:lnTo>
              <a:lnTo>
                <a:pt x="1507" y="4525"/>
              </a:lnTo>
              <a:lnTo>
                <a:pt x="1883" y="4993"/>
              </a:lnTo>
              <a:lnTo>
                <a:pt x="2260" y="5305"/>
              </a:lnTo>
              <a:lnTo>
                <a:pt x="2637" y="5617"/>
              </a:lnTo>
              <a:lnTo>
                <a:pt x="2072" y="5929"/>
              </a:lnTo>
              <a:lnTo>
                <a:pt x="1507" y="6085"/>
              </a:lnTo>
              <a:lnTo>
                <a:pt x="2072" y="6710"/>
              </a:lnTo>
              <a:lnTo>
                <a:pt x="2260" y="7490"/>
              </a:lnTo>
              <a:lnTo>
                <a:pt x="2448" y="8114"/>
              </a:lnTo>
              <a:lnTo>
                <a:pt x="2072" y="8738"/>
              </a:lnTo>
              <a:lnTo>
                <a:pt x="2072" y="9206"/>
              </a:lnTo>
              <a:lnTo>
                <a:pt x="2072" y="9518"/>
              </a:lnTo>
              <a:lnTo>
                <a:pt x="3013" y="9986"/>
              </a:lnTo>
              <a:lnTo>
                <a:pt x="3766" y="10299"/>
              </a:lnTo>
              <a:lnTo>
                <a:pt x="4520" y="10299"/>
              </a:lnTo>
              <a:lnTo>
                <a:pt x="4520" y="10611"/>
              </a:lnTo>
              <a:lnTo>
                <a:pt x="3201" y="10611"/>
              </a:lnTo>
              <a:lnTo>
                <a:pt x="2448" y="10767"/>
              </a:lnTo>
              <a:lnTo>
                <a:pt x="1883" y="10923"/>
              </a:lnTo>
              <a:lnTo>
                <a:pt x="753" y="10455"/>
              </a:lnTo>
              <a:lnTo>
                <a:pt x="753" y="11235"/>
              </a:lnTo>
              <a:lnTo>
                <a:pt x="1318" y="11547"/>
              </a:lnTo>
              <a:lnTo>
                <a:pt x="1883" y="11235"/>
              </a:lnTo>
              <a:lnTo>
                <a:pt x="2448" y="11391"/>
              </a:lnTo>
              <a:lnTo>
                <a:pt x="1507" y="11859"/>
              </a:lnTo>
              <a:lnTo>
                <a:pt x="2260" y="12327"/>
              </a:lnTo>
              <a:lnTo>
                <a:pt x="2072" y="12483"/>
              </a:lnTo>
              <a:lnTo>
                <a:pt x="565" y="12171"/>
              </a:lnTo>
              <a:lnTo>
                <a:pt x="0" y="12483"/>
              </a:lnTo>
              <a:lnTo>
                <a:pt x="188" y="12951"/>
              </a:lnTo>
              <a:lnTo>
                <a:pt x="1507" y="13575"/>
              </a:lnTo>
              <a:lnTo>
                <a:pt x="1318" y="14512"/>
              </a:lnTo>
              <a:lnTo>
                <a:pt x="565" y="15136"/>
              </a:lnTo>
              <a:lnTo>
                <a:pt x="1318" y="15604"/>
              </a:lnTo>
              <a:lnTo>
                <a:pt x="1883" y="16072"/>
              </a:lnTo>
              <a:lnTo>
                <a:pt x="3013" y="16072"/>
              </a:lnTo>
              <a:lnTo>
                <a:pt x="5085" y="16384"/>
              </a:lnTo>
              <a:lnTo>
                <a:pt x="5461" y="15916"/>
              </a:lnTo>
              <a:lnTo>
                <a:pt x="6591" y="15760"/>
              </a:lnTo>
              <a:lnTo>
                <a:pt x="7156" y="15760"/>
              </a:lnTo>
              <a:lnTo>
                <a:pt x="7156" y="16072"/>
              </a:lnTo>
              <a:lnTo>
                <a:pt x="9228" y="15916"/>
              </a:lnTo>
              <a:lnTo>
                <a:pt x="9604" y="15292"/>
              </a:lnTo>
              <a:lnTo>
                <a:pt x="10923" y="16228"/>
              </a:lnTo>
              <a:lnTo>
                <a:pt x="11676" y="15916"/>
              </a:lnTo>
              <a:lnTo>
                <a:pt x="12241" y="15760"/>
              </a:lnTo>
              <a:lnTo>
                <a:pt x="12994" y="15604"/>
              </a:lnTo>
              <a:lnTo>
                <a:pt x="12994" y="15136"/>
              </a:lnTo>
              <a:lnTo>
                <a:pt x="12241" y="14980"/>
              </a:lnTo>
              <a:lnTo>
                <a:pt x="13371" y="14512"/>
              </a:lnTo>
              <a:lnTo>
                <a:pt x="13747" y="15292"/>
              </a:lnTo>
              <a:lnTo>
                <a:pt x="13747" y="15916"/>
              </a:lnTo>
              <a:lnTo>
                <a:pt x="14501" y="15916"/>
              </a:lnTo>
              <a:lnTo>
                <a:pt x="14877" y="15448"/>
              </a:lnTo>
              <a:lnTo>
                <a:pt x="15631" y="16072"/>
              </a:lnTo>
              <a:lnTo>
                <a:pt x="15631" y="15448"/>
              </a:lnTo>
              <a:lnTo>
                <a:pt x="15442" y="14824"/>
              </a:lnTo>
              <a:lnTo>
                <a:pt x="16196" y="14512"/>
              </a:lnTo>
              <a:lnTo>
                <a:pt x="16384" y="13575"/>
              </a:lnTo>
              <a:lnTo>
                <a:pt x="16196" y="12639"/>
              </a:lnTo>
              <a:lnTo>
                <a:pt x="15819" y="12015"/>
              </a:lnTo>
              <a:lnTo>
                <a:pt x="15254" y="11859"/>
              </a:lnTo>
              <a:lnTo>
                <a:pt x="14312" y="11703"/>
              </a:lnTo>
              <a:lnTo>
                <a:pt x="13183" y="11547"/>
              </a:lnTo>
              <a:lnTo>
                <a:pt x="12053" y="11079"/>
              </a:lnTo>
              <a:lnTo>
                <a:pt x="12053" y="10299"/>
              </a:lnTo>
              <a:lnTo>
                <a:pt x="11676" y="8894"/>
              </a:lnTo>
              <a:lnTo>
                <a:pt x="11676" y="8426"/>
              </a:lnTo>
              <a:lnTo>
                <a:pt x="10546" y="7958"/>
              </a:lnTo>
              <a:lnTo>
                <a:pt x="10546" y="6866"/>
              </a:lnTo>
              <a:lnTo>
                <a:pt x="11111" y="5617"/>
              </a:lnTo>
              <a:lnTo>
                <a:pt x="11488" y="4837"/>
              </a:lnTo>
              <a:lnTo>
                <a:pt x="12053" y="4213"/>
              </a:lnTo>
              <a:lnTo>
                <a:pt x="12994" y="3589"/>
              </a:lnTo>
              <a:close/>
            </a:path>
          </a:pathLst>
        </a:custGeom>
        <a:solidFill>
          <a:srgbClr val="FF6600"/>
        </a:solidFill>
        <a:ln w="9525" cap="flat">
          <a:solidFill>
            <a:srgbClr val="000000"/>
          </a:solidFill>
          <a:prstDash val="solid"/>
          <a:round/>
          <a:headEnd/>
          <a:tailEnd/>
        </a:ln>
      </xdr:spPr>
    </xdr:sp>
    <xdr:clientData/>
  </xdr:twoCellAnchor>
  <xdr:twoCellAnchor editAs="oneCell">
    <xdr:from>
      <xdr:col>5</xdr:col>
      <xdr:colOff>47625</xdr:colOff>
      <xdr:row>20</xdr:row>
      <xdr:rowOff>38100</xdr:rowOff>
    </xdr:from>
    <xdr:to>
      <xdr:col>7</xdr:col>
      <xdr:colOff>552450</xdr:colOff>
      <xdr:row>30</xdr:row>
      <xdr:rowOff>104775</xdr:rowOff>
    </xdr:to>
    <xdr:sp macro="" textlink="">
      <xdr:nvSpPr>
        <xdr:cNvPr id="35" name="d14211">
          <a:extLst>
            <a:ext uri="{FF2B5EF4-FFF2-40B4-BE49-F238E27FC236}">
              <a16:creationId xmlns:a16="http://schemas.microsoft.com/office/drawing/2014/main" id="{00000000-0008-0000-0000-000023000000}"/>
            </a:ext>
          </a:extLst>
        </xdr:cNvPr>
        <xdr:cNvSpPr>
          <a:spLocks/>
        </xdr:cNvSpPr>
      </xdr:nvSpPr>
      <xdr:spPr bwMode="auto">
        <a:xfrm>
          <a:off x="3095625" y="4152900"/>
          <a:ext cx="1724025" cy="1590675"/>
        </a:xfrm>
        <a:custGeom>
          <a:avLst/>
          <a:gdLst/>
          <a:ahLst/>
          <a:cxnLst>
            <a:cxn ang="0">
              <a:pos x="12401" y="14912"/>
            </a:cxn>
            <a:cxn ang="0">
              <a:pos x="13397" y="14912"/>
            </a:cxn>
            <a:cxn ang="0">
              <a:pos x="13940" y="14226"/>
            </a:cxn>
            <a:cxn ang="0">
              <a:pos x="14302" y="13441"/>
            </a:cxn>
            <a:cxn ang="0">
              <a:pos x="14393" y="12754"/>
            </a:cxn>
            <a:cxn ang="0">
              <a:pos x="15207" y="12656"/>
            </a:cxn>
            <a:cxn ang="0">
              <a:pos x="16022" y="12460"/>
            </a:cxn>
            <a:cxn ang="0">
              <a:pos x="16203" y="11479"/>
            </a:cxn>
            <a:cxn ang="0">
              <a:pos x="14845" y="10596"/>
            </a:cxn>
            <a:cxn ang="0">
              <a:pos x="13216" y="10792"/>
            </a:cxn>
            <a:cxn ang="0">
              <a:pos x="12039" y="11086"/>
            </a:cxn>
            <a:cxn ang="0">
              <a:pos x="12220" y="9418"/>
            </a:cxn>
            <a:cxn ang="0">
              <a:pos x="12401" y="9026"/>
            </a:cxn>
            <a:cxn ang="0">
              <a:pos x="12220" y="8045"/>
            </a:cxn>
            <a:cxn ang="0">
              <a:pos x="11586" y="7064"/>
            </a:cxn>
            <a:cxn ang="0">
              <a:pos x="10319" y="5396"/>
            </a:cxn>
            <a:cxn ang="0">
              <a:pos x="9595" y="3630"/>
            </a:cxn>
            <a:cxn ang="0">
              <a:pos x="9686" y="2747"/>
            </a:cxn>
            <a:cxn ang="0">
              <a:pos x="9686" y="1864"/>
            </a:cxn>
            <a:cxn ang="0">
              <a:pos x="9414" y="1275"/>
            </a:cxn>
            <a:cxn ang="0">
              <a:pos x="8780" y="294"/>
            </a:cxn>
            <a:cxn ang="0">
              <a:pos x="8056" y="0"/>
            </a:cxn>
            <a:cxn ang="0">
              <a:pos x="7242" y="392"/>
            </a:cxn>
            <a:cxn ang="0">
              <a:pos x="6789" y="883"/>
            </a:cxn>
            <a:cxn ang="0">
              <a:pos x="6065" y="1472"/>
            </a:cxn>
            <a:cxn ang="0">
              <a:pos x="5160" y="1668"/>
            </a:cxn>
            <a:cxn ang="0">
              <a:pos x="4435" y="2158"/>
            </a:cxn>
            <a:cxn ang="0">
              <a:pos x="3621" y="1275"/>
            </a:cxn>
            <a:cxn ang="0">
              <a:pos x="2535" y="883"/>
            </a:cxn>
            <a:cxn ang="0">
              <a:pos x="2082" y="1570"/>
            </a:cxn>
            <a:cxn ang="0">
              <a:pos x="1358" y="2256"/>
            </a:cxn>
            <a:cxn ang="0">
              <a:pos x="91" y="2453"/>
            </a:cxn>
            <a:cxn ang="0">
              <a:pos x="91" y="3041"/>
            </a:cxn>
            <a:cxn ang="0">
              <a:pos x="181" y="4121"/>
            </a:cxn>
            <a:cxn ang="0">
              <a:pos x="453" y="5003"/>
            </a:cxn>
            <a:cxn ang="0">
              <a:pos x="634" y="5690"/>
            </a:cxn>
            <a:cxn ang="0">
              <a:pos x="634" y="6671"/>
            </a:cxn>
            <a:cxn ang="0">
              <a:pos x="453" y="7260"/>
            </a:cxn>
            <a:cxn ang="0">
              <a:pos x="815" y="8143"/>
            </a:cxn>
            <a:cxn ang="0">
              <a:pos x="905" y="9026"/>
            </a:cxn>
            <a:cxn ang="0">
              <a:pos x="905" y="9811"/>
            </a:cxn>
            <a:cxn ang="0">
              <a:pos x="362" y="10399"/>
            </a:cxn>
            <a:cxn ang="0">
              <a:pos x="272" y="11577"/>
            </a:cxn>
            <a:cxn ang="0">
              <a:pos x="2082" y="14716"/>
            </a:cxn>
            <a:cxn ang="0">
              <a:pos x="2897" y="15010"/>
            </a:cxn>
            <a:cxn ang="0">
              <a:pos x="3802" y="16384"/>
            </a:cxn>
            <a:cxn ang="0">
              <a:pos x="4707" y="15501"/>
            </a:cxn>
            <a:cxn ang="0">
              <a:pos x="6155" y="15010"/>
            </a:cxn>
            <a:cxn ang="0">
              <a:pos x="6698" y="14422"/>
            </a:cxn>
            <a:cxn ang="0">
              <a:pos x="7151" y="14128"/>
            </a:cxn>
            <a:cxn ang="0">
              <a:pos x="7604" y="14422"/>
            </a:cxn>
            <a:cxn ang="0">
              <a:pos x="7694" y="14814"/>
            </a:cxn>
            <a:cxn ang="0">
              <a:pos x="8237" y="15403"/>
            </a:cxn>
            <a:cxn ang="0">
              <a:pos x="9595" y="15305"/>
            </a:cxn>
            <a:cxn ang="0">
              <a:pos x="11043" y="15109"/>
            </a:cxn>
          </a:cxnLst>
          <a:rect l="0" t="0" r="r" b="b"/>
          <a:pathLst>
            <a:path w="16384" h="16384">
              <a:moveTo>
                <a:pt x="11949" y="15207"/>
              </a:moveTo>
              <a:lnTo>
                <a:pt x="12401" y="14912"/>
              </a:lnTo>
              <a:lnTo>
                <a:pt x="12854" y="14814"/>
              </a:lnTo>
              <a:lnTo>
                <a:pt x="13397" y="14912"/>
              </a:lnTo>
              <a:lnTo>
                <a:pt x="13668" y="14814"/>
              </a:lnTo>
              <a:lnTo>
                <a:pt x="13940" y="14226"/>
              </a:lnTo>
              <a:lnTo>
                <a:pt x="14121" y="13539"/>
              </a:lnTo>
              <a:lnTo>
                <a:pt x="14302" y="13441"/>
              </a:lnTo>
              <a:lnTo>
                <a:pt x="14302" y="13048"/>
              </a:lnTo>
              <a:lnTo>
                <a:pt x="14393" y="12754"/>
              </a:lnTo>
              <a:lnTo>
                <a:pt x="14664" y="12558"/>
              </a:lnTo>
              <a:lnTo>
                <a:pt x="15207" y="12656"/>
              </a:lnTo>
              <a:lnTo>
                <a:pt x="15569" y="12362"/>
              </a:lnTo>
              <a:lnTo>
                <a:pt x="16022" y="12460"/>
              </a:lnTo>
              <a:lnTo>
                <a:pt x="16384" y="12460"/>
              </a:lnTo>
              <a:lnTo>
                <a:pt x="16203" y="11479"/>
              </a:lnTo>
              <a:lnTo>
                <a:pt x="15388" y="11184"/>
              </a:lnTo>
              <a:lnTo>
                <a:pt x="14845" y="10596"/>
              </a:lnTo>
              <a:lnTo>
                <a:pt x="13849" y="10890"/>
              </a:lnTo>
              <a:lnTo>
                <a:pt x="13216" y="10792"/>
              </a:lnTo>
              <a:lnTo>
                <a:pt x="12401" y="11282"/>
              </a:lnTo>
              <a:lnTo>
                <a:pt x="12039" y="11086"/>
              </a:lnTo>
              <a:lnTo>
                <a:pt x="11858" y="9909"/>
              </a:lnTo>
              <a:lnTo>
                <a:pt x="12220" y="9418"/>
              </a:lnTo>
              <a:lnTo>
                <a:pt x="12492" y="9320"/>
              </a:lnTo>
              <a:lnTo>
                <a:pt x="12401" y="9026"/>
              </a:lnTo>
              <a:lnTo>
                <a:pt x="12220" y="8633"/>
              </a:lnTo>
              <a:lnTo>
                <a:pt x="12220" y="8045"/>
              </a:lnTo>
              <a:lnTo>
                <a:pt x="11858" y="7751"/>
              </a:lnTo>
              <a:lnTo>
                <a:pt x="11586" y="7064"/>
              </a:lnTo>
              <a:lnTo>
                <a:pt x="11043" y="6868"/>
              </a:lnTo>
              <a:lnTo>
                <a:pt x="10319" y="5396"/>
              </a:lnTo>
              <a:lnTo>
                <a:pt x="9867" y="4022"/>
              </a:lnTo>
              <a:lnTo>
                <a:pt x="9595" y="3630"/>
              </a:lnTo>
              <a:lnTo>
                <a:pt x="9686" y="3041"/>
              </a:lnTo>
              <a:lnTo>
                <a:pt x="9686" y="2747"/>
              </a:lnTo>
              <a:lnTo>
                <a:pt x="9595" y="2256"/>
              </a:lnTo>
              <a:lnTo>
                <a:pt x="9686" y="1864"/>
              </a:lnTo>
              <a:lnTo>
                <a:pt x="9323" y="1570"/>
              </a:lnTo>
              <a:lnTo>
                <a:pt x="9414" y="1275"/>
              </a:lnTo>
              <a:lnTo>
                <a:pt x="9595" y="785"/>
              </a:lnTo>
              <a:lnTo>
                <a:pt x="8780" y="294"/>
              </a:lnTo>
              <a:lnTo>
                <a:pt x="8147" y="98"/>
              </a:lnTo>
              <a:lnTo>
                <a:pt x="8056" y="0"/>
              </a:lnTo>
              <a:lnTo>
                <a:pt x="7423" y="196"/>
              </a:lnTo>
              <a:lnTo>
                <a:pt x="7242" y="392"/>
              </a:lnTo>
              <a:lnTo>
                <a:pt x="6970" y="196"/>
              </a:lnTo>
              <a:lnTo>
                <a:pt x="6789" y="883"/>
              </a:lnTo>
              <a:lnTo>
                <a:pt x="6427" y="981"/>
              </a:lnTo>
              <a:lnTo>
                <a:pt x="6065" y="1472"/>
              </a:lnTo>
              <a:lnTo>
                <a:pt x="5884" y="1472"/>
              </a:lnTo>
              <a:lnTo>
                <a:pt x="5160" y="1668"/>
              </a:lnTo>
              <a:lnTo>
                <a:pt x="4616" y="1766"/>
              </a:lnTo>
              <a:lnTo>
                <a:pt x="4435" y="2158"/>
              </a:lnTo>
              <a:lnTo>
                <a:pt x="4164" y="2060"/>
              </a:lnTo>
              <a:lnTo>
                <a:pt x="3621" y="1275"/>
              </a:lnTo>
              <a:lnTo>
                <a:pt x="3078" y="1079"/>
              </a:lnTo>
              <a:lnTo>
                <a:pt x="2535" y="883"/>
              </a:lnTo>
              <a:lnTo>
                <a:pt x="2354" y="981"/>
              </a:lnTo>
              <a:lnTo>
                <a:pt x="2082" y="1570"/>
              </a:lnTo>
              <a:lnTo>
                <a:pt x="1720" y="1668"/>
              </a:lnTo>
              <a:lnTo>
                <a:pt x="1358" y="2256"/>
              </a:lnTo>
              <a:lnTo>
                <a:pt x="724" y="2355"/>
              </a:lnTo>
              <a:lnTo>
                <a:pt x="91" y="2453"/>
              </a:lnTo>
              <a:lnTo>
                <a:pt x="0" y="2747"/>
              </a:lnTo>
              <a:lnTo>
                <a:pt x="91" y="3041"/>
              </a:lnTo>
              <a:lnTo>
                <a:pt x="0" y="3532"/>
              </a:lnTo>
              <a:lnTo>
                <a:pt x="181" y="4121"/>
              </a:lnTo>
              <a:lnTo>
                <a:pt x="453" y="4513"/>
              </a:lnTo>
              <a:lnTo>
                <a:pt x="453" y="5003"/>
              </a:lnTo>
              <a:lnTo>
                <a:pt x="543" y="5298"/>
              </a:lnTo>
              <a:lnTo>
                <a:pt x="634" y="5690"/>
              </a:lnTo>
              <a:lnTo>
                <a:pt x="543" y="6083"/>
              </a:lnTo>
              <a:lnTo>
                <a:pt x="634" y="6671"/>
              </a:lnTo>
              <a:lnTo>
                <a:pt x="543" y="7064"/>
              </a:lnTo>
              <a:lnTo>
                <a:pt x="453" y="7260"/>
              </a:lnTo>
              <a:lnTo>
                <a:pt x="362" y="7554"/>
              </a:lnTo>
              <a:lnTo>
                <a:pt x="815" y="8143"/>
              </a:lnTo>
              <a:lnTo>
                <a:pt x="724" y="8535"/>
              </a:lnTo>
              <a:lnTo>
                <a:pt x="905" y="9026"/>
              </a:lnTo>
              <a:lnTo>
                <a:pt x="996" y="9516"/>
              </a:lnTo>
              <a:lnTo>
                <a:pt x="905" y="9811"/>
              </a:lnTo>
              <a:lnTo>
                <a:pt x="543" y="10007"/>
              </a:lnTo>
              <a:lnTo>
                <a:pt x="362" y="10399"/>
              </a:lnTo>
              <a:lnTo>
                <a:pt x="272" y="11086"/>
              </a:lnTo>
              <a:lnTo>
                <a:pt x="272" y="11577"/>
              </a:lnTo>
              <a:lnTo>
                <a:pt x="1629" y="13735"/>
              </a:lnTo>
              <a:lnTo>
                <a:pt x="2082" y="14716"/>
              </a:lnTo>
              <a:lnTo>
                <a:pt x="2716" y="14520"/>
              </a:lnTo>
              <a:lnTo>
                <a:pt x="2897" y="15010"/>
              </a:lnTo>
              <a:lnTo>
                <a:pt x="3440" y="15893"/>
              </a:lnTo>
              <a:lnTo>
                <a:pt x="3802" y="16384"/>
              </a:lnTo>
              <a:lnTo>
                <a:pt x="4435" y="15795"/>
              </a:lnTo>
              <a:lnTo>
                <a:pt x="4707" y="15501"/>
              </a:lnTo>
              <a:lnTo>
                <a:pt x="5522" y="14912"/>
              </a:lnTo>
              <a:lnTo>
                <a:pt x="6155" y="15010"/>
              </a:lnTo>
              <a:lnTo>
                <a:pt x="6336" y="14422"/>
              </a:lnTo>
              <a:lnTo>
                <a:pt x="6698" y="14422"/>
              </a:lnTo>
              <a:lnTo>
                <a:pt x="6879" y="14128"/>
              </a:lnTo>
              <a:lnTo>
                <a:pt x="7151" y="14128"/>
              </a:lnTo>
              <a:lnTo>
                <a:pt x="7242" y="14324"/>
              </a:lnTo>
              <a:lnTo>
                <a:pt x="7604" y="14422"/>
              </a:lnTo>
              <a:lnTo>
                <a:pt x="7604" y="14618"/>
              </a:lnTo>
              <a:lnTo>
                <a:pt x="7694" y="14814"/>
              </a:lnTo>
              <a:lnTo>
                <a:pt x="7694" y="14912"/>
              </a:lnTo>
              <a:lnTo>
                <a:pt x="8237" y="15403"/>
              </a:lnTo>
              <a:lnTo>
                <a:pt x="8780" y="15207"/>
              </a:lnTo>
              <a:lnTo>
                <a:pt x="9595" y="15305"/>
              </a:lnTo>
              <a:lnTo>
                <a:pt x="10410" y="15501"/>
              </a:lnTo>
              <a:lnTo>
                <a:pt x="11043" y="15109"/>
              </a:lnTo>
              <a:lnTo>
                <a:pt x="11949" y="15207"/>
              </a:lnTo>
              <a:close/>
            </a:path>
          </a:pathLst>
        </a:custGeom>
        <a:solidFill>
          <a:srgbClr val="FF0000"/>
        </a:solidFill>
        <a:ln w="9525" cap="flat">
          <a:solidFill>
            <a:srgbClr val="000000"/>
          </a:solidFill>
          <a:prstDash val="solid"/>
          <a:round/>
          <a:headEnd/>
          <a:tailEnd/>
        </a:ln>
      </xdr:spPr>
    </xdr:sp>
    <xdr:clientData/>
  </xdr:twoCellAnchor>
  <xdr:twoCellAnchor editAs="oneCell">
    <xdr:from>
      <xdr:col>6</xdr:col>
      <xdr:colOff>419100</xdr:colOff>
      <xdr:row>14</xdr:row>
      <xdr:rowOff>57150</xdr:rowOff>
    </xdr:from>
    <xdr:to>
      <xdr:col>9</xdr:col>
      <xdr:colOff>342900</xdr:colOff>
      <xdr:row>26</xdr:row>
      <xdr:rowOff>57150</xdr:rowOff>
    </xdr:to>
    <xdr:sp macro="" textlink="">
      <xdr:nvSpPr>
        <xdr:cNvPr id="36" name="d14212">
          <a:extLst>
            <a:ext uri="{FF2B5EF4-FFF2-40B4-BE49-F238E27FC236}">
              <a16:creationId xmlns:a16="http://schemas.microsoft.com/office/drawing/2014/main" id="{00000000-0008-0000-0000-000024000000}"/>
            </a:ext>
          </a:extLst>
        </xdr:cNvPr>
        <xdr:cNvSpPr>
          <a:spLocks/>
        </xdr:cNvSpPr>
      </xdr:nvSpPr>
      <xdr:spPr bwMode="auto">
        <a:xfrm>
          <a:off x="4076700" y="3257550"/>
          <a:ext cx="1752600" cy="1828800"/>
        </a:xfrm>
        <a:custGeom>
          <a:avLst/>
          <a:gdLst/>
          <a:ahLst/>
          <a:cxnLst>
            <a:cxn ang="0">
              <a:pos x="13624" y="15189"/>
            </a:cxn>
            <a:cxn ang="0">
              <a:pos x="13891" y="15787"/>
            </a:cxn>
            <a:cxn ang="0">
              <a:pos x="14158" y="16384"/>
            </a:cxn>
            <a:cxn ang="0">
              <a:pos x="15494" y="15872"/>
            </a:cxn>
            <a:cxn ang="0">
              <a:pos x="15137" y="14763"/>
            </a:cxn>
            <a:cxn ang="0">
              <a:pos x="15405" y="13141"/>
            </a:cxn>
            <a:cxn ang="0">
              <a:pos x="15672" y="11093"/>
            </a:cxn>
            <a:cxn ang="0">
              <a:pos x="15315" y="9813"/>
            </a:cxn>
            <a:cxn ang="0">
              <a:pos x="16295" y="8277"/>
            </a:cxn>
            <a:cxn ang="0">
              <a:pos x="16295" y="6827"/>
            </a:cxn>
            <a:cxn ang="0">
              <a:pos x="15761" y="5461"/>
            </a:cxn>
            <a:cxn ang="0">
              <a:pos x="15761" y="4267"/>
            </a:cxn>
            <a:cxn ang="0">
              <a:pos x="15939" y="1365"/>
            </a:cxn>
            <a:cxn ang="0">
              <a:pos x="13980" y="256"/>
            </a:cxn>
            <a:cxn ang="0">
              <a:pos x="13446" y="427"/>
            </a:cxn>
            <a:cxn ang="0">
              <a:pos x="12911" y="1195"/>
            </a:cxn>
            <a:cxn ang="0">
              <a:pos x="13089" y="2133"/>
            </a:cxn>
            <a:cxn ang="0">
              <a:pos x="12822" y="2475"/>
            </a:cxn>
            <a:cxn ang="0">
              <a:pos x="12822" y="3328"/>
            </a:cxn>
            <a:cxn ang="0">
              <a:pos x="12110" y="3328"/>
            </a:cxn>
            <a:cxn ang="0">
              <a:pos x="10240" y="2560"/>
            </a:cxn>
            <a:cxn ang="0">
              <a:pos x="9439" y="1707"/>
            </a:cxn>
            <a:cxn ang="0">
              <a:pos x="8637" y="512"/>
            </a:cxn>
            <a:cxn ang="0">
              <a:pos x="7658" y="853"/>
            </a:cxn>
            <a:cxn ang="0">
              <a:pos x="5877" y="1792"/>
            </a:cxn>
            <a:cxn ang="0">
              <a:pos x="5165" y="2304"/>
            </a:cxn>
            <a:cxn ang="0">
              <a:pos x="5521" y="3243"/>
            </a:cxn>
            <a:cxn ang="0">
              <a:pos x="5966" y="4352"/>
            </a:cxn>
            <a:cxn ang="0">
              <a:pos x="6589" y="5035"/>
            </a:cxn>
            <a:cxn ang="0">
              <a:pos x="7213" y="5632"/>
            </a:cxn>
            <a:cxn ang="0">
              <a:pos x="7569" y="6571"/>
            </a:cxn>
            <a:cxn ang="0">
              <a:pos x="7302" y="7595"/>
            </a:cxn>
            <a:cxn ang="0">
              <a:pos x="6767" y="7765"/>
            </a:cxn>
            <a:cxn ang="0">
              <a:pos x="5343" y="7851"/>
            </a:cxn>
            <a:cxn ang="0">
              <a:pos x="4007" y="7936"/>
            </a:cxn>
            <a:cxn ang="0">
              <a:pos x="3117" y="8192"/>
            </a:cxn>
            <a:cxn ang="0">
              <a:pos x="1603" y="8192"/>
            </a:cxn>
            <a:cxn ang="0">
              <a:pos x="1158" y="8704"/>
            </a:cxn>
            <a:cxn ang="0">
              <a:pos x="0" y="9387"/>
            </a:cxn>
            <a:cxn ang="0">
              <a:pos x="356" y="10411"/>
            </a:cxn>
            <a:cxn ang="0">
              <a:pos x="1336" y="10240"/>
            </a:cxn>
            <a:cxn ang="0">
              <a:pos x="2493" y="9813"/>
            </a:cxn>
            <a:cxn ang="0">
              <a:pos x="3562" y="9899"/>
            </a:cxn>
            <a:cxn ang="0">
              <a:pos x="4274" y="10240"/>
            </a:cxn>
            <a:cxn ang="0">
              <a:pos x="6589" y="10667"/>
            </a:cxn>
            <a:cxn ang="0">
              <a:pos x="7302" y="11264"/>
            </a:cxn>
            <a:cxn ang="0">
              <a:pos x="8281" y="12288"/>
            </a:cxn>
            <a:cxn ang="0">
              <a:pos x="9350" y="12885"/>
            </a:cxn>
            <a:cxn ang="0">
              <a:pos x="10507" y="12203"/>
            </a:cxn>
            <a:cxn ang="0">
              <a:pos x="10863" y="12459"/>
            </a:cxn>
            <a:cxn ang="0">
              <a:pos x="12110" y="13397"/>
            </a:cxn>
            <a:cxn ang="0">
              <a:pos x="12822" y="13909"/>
            </a:cxn>
            <a:cxn ang="0">
              <a:pos x="12911" y="15275"/>
            </a:cxn>
          </a:cxnLst>
          <a:rect l="0" t="0" r="r" b="b"/>
          <a:pathLst>
            <a:path w="16384" h="16384">
              <a:moveTo>
                <a:pt x="13446" y="16213"/>
              </a:moveTo>
              <a:lnTo>
                <a:pt x="13535" y="16299"/>
              </a:lnTo>
              <a:lnTo>
                <a:pt x="13624" y="15189"/>
              </a:lnTo>
              <a:lnTo>
                <a:pt x="13802" y="15275"/>
              </a:lnTo>
              <a:lnTo>
                <a:pt x="13713" y="15616"/>
              </a:lnTo>
              <a:lnTo>
                <a:pt x="13891" y="15787"/>
              </a:lnTo>
              <a:lnTo>
                <a:pt x="13891" y="16128"/>
              </a:lnTo>
              <a:lnTo>
                <a:pt x="14069" y="16213"/>
              </a:lnTo>
              <a:lnTo>
                <a:pt x="14158" y="16384"/>
              </a:lnTo>
              <a:lnTo>
                <a:pt x="14692" y="16299"/>
              </a:lnTo>
              <a:lnTo>
                <a:pt x="15583" y="16384"/>
              </a:lnTo>
              <a:lnTo>
                <a:pt x="15494" y="15872"/>
              </a:lnTo>
              <a:lnTo>
                <a:pt x="15315" y="15616"/>
              </a:lnTo>
              <a:lnTo>
                <a:pt x="15226" y="15275"/>
              </a:lnTo>
              <a:lnTo>
                <a:pt x="15137" y="14763"/>
              </a:lnTo>
              <a:lnTo>
                <a:pt x="15226" y="14080"/>
              </a:lnTo>
              <a:lnTo>
                <a:pt x="15315" y="13653"/>
              </a:lnTo>
              <a:lnTo>
                <a:pt x="15405" y="13141"/>
              </a:lnTo>
              <a:lnTo>
                <a:pt x="15583" y="12459"/>
              </a:lnTo>
              <a:lnTo>
                <a:pt x="15761" y="11776"/>
              </a:lnTo>
              <a:lnTo>
                <a:pt x="15672" y="11093"/>
              </a:lnTo>
              <a:lnTo>
                <a:pt x="15583" y="10752"/>
              </a:lnTo>
              <a:lnTo>
                <a:pt x="15405" y="10411"/>
              </a:lnTo>
              <a:lnTo>
                <a:pt x="15315" y="9813"/>
              </a:lnTo>
              <a:lnTo>
                <a:pt x="15494" y="9387"/>
              </a:lnTo>
              <a:lnTo>
                <a:pt x="15850" y="8875"/>
              </a:lnTo>
              <a:lnTo>
                <a:pt x="16295" y="8277"/>
              </a:lnTo>
              <a:lnTo>
                <a:pt x="16384" y="7595"/>
              </a:lnTo>
              <a:lnTo>
                <a:pt x="16384" y="7083"/>
              </a:lnTo>
              <a:lnTo>
                <a:pt x="16295" y="6827"/>
              </a:lnTo>
              <a:lnTo>
                <a:pt x="16206" y="6229"/>
              </a:lnTo>
              <a:lnTo>
                <a:pt x="15939" y="5803"/>
              </a:lnTo>
              <a:lnTo>
                <a:pt x="15761" y="5461"/>
              </a:lnTo>
              <a:lnTo>
                <a:pt x="15761" y="5120"/>
              </a:lnTo>
              <a:lnTo>
                <a:pt x="15672" y="4779"/>
              </a:lnTo>
              <a:lnTo>
                <a:pt x="15761" y="4267"/>
              </a:lnTo>
              <a:lnTo>
                <a:pt x="15939" y="3499"/>
              </a:lnTo>
              <a:lnTo>
                <a:pt x="16028" y="1963"/>
              </a:lnTo>
              <a:lnTo>
                <a:pt x="15939" y="1365"/>
              </a:lnTo>
              <a:lnTo>
                <a:pt x="14959" y="768"/>
              </a:lnTo>
              <a:lnTo>
                <a:pt x="14336" y="683"/>
              </a:lnTo>
              <a:lnTo>
                <a:pt x="13980" y="256"/>
              </a:lnTo>
              <a:lnTo>
                <a:pt x="13713" y="0"/>
              </a:lnTo>
              <a:lnTo>
                <a:pt x="13446" y="256"/>
              </a:lnTo>
              <a:lnTo>
                <a:pt x="13446" y="427"/>
              </a:lnTo>
              <a:lnTo>
                <a:pt x="13802" y="427"/>
              </a:lnTo>
              <a:lnTo>
                <a:pt x="13802" y="939"/>
              </a:lnTo>
              <a:lnTo>
                <a:pt x="12911" y="1195"/>
              </a:lnTo>
              <a:lnTo>
                <a:pt x="13000" y="1621"/>
              </a:lnTo>
              <a:lnTo>
                <a:pt x="13178" y="1963"/>
              </a:lnTo>
              <a:lnTo>
                <a:pt x="13089" y="2133"/>
              </a:lnTo>
              <a:lnTo>
                <a:pt x="12911" y="2219"/>
              </a:lnTo>
              <a:lnTo>
                <a:pt x="13000" y="2389"/>
              </a:lnTo>
              <a:lnTo>
                <a:pt x="12822" y="2475"/>
              </a:lnTo>
              <a:lnTo>
                <a:pt x="12911" y="2645"/>
              </a:lnTo>
              <a:lnTo>
                <a:pt x="12733" y="2816"/>
              </a:lnTo>
              <a:lnTo>
                <a:pt x="12822" y="3328"/>
              </a:lnTo>
              <a:lnTo>
                <a:pt x="12644" y="3499"/>
              </a:lnTo>
              <a:lnTo>
                <a:pt x="12466" y="3584"/>
              </a:lnTo>
              <a:lnTo>
                <a:pt x="12110" y="3328"/>
              </a:lnTo>
              <a:lnTo>
                <a:pt x="11665" y="2816"/>
              </a:lnTo>
              <a:lnTo>
                <a:pt x="10863" y="2560"/>
              </a:lnTo>
              <a:lnTo>
                <a:pt x="10240" y="2560"/>
              </a:lnTo>
              <a:lnTo>
                <a:pt x="9973" y="2304"/>
              </a:lnTo>
              <a:lnTo>
                <a:pt x="9439" y="2389"/>
              </a:lnTo>
              <a:lnTo>
                <a:pt x="9439" y="1707"/>
              </a:lnTo>
              <a:lnTo>
                <a:pt x="9082" y="1280"/>
              </a:lnTo>
              <a:lnTo>
                <a:pt x="9171" y="768"/>
              </a:lnTo>
              <a:lnTo>
                <a:pt x="8637" y="512"/>
              </a:lnTo>
              <a:lnTo>
                <a:pt x="8192" y="853"/>
              </a:lnTo>
              <a:lnTo>
                <a:pt x="7836" y="683"/>
              </a:lnTo>
              <a:lnTo>
                <a:pt x="7658" y="853"/>
              </a:lnTo>
              <a:lnTo>
                <a:pt x="7213" y="853"/>
              </a:lnTo>
              <a:lnTo>
                <a:pt x="6678" y="1536"/>
              </a:lnTo>
              <a:lnTo>
                <a:pt x="5877" y="1792"/>
              </a:lnTo>
              <a:lnTo>
                <a:pt x="5521" y="1707"/>
              </a:lnTo>
              <a:lnTo>
                <a:pt x="5254" y="1877"/>
              </a:lnTo>
              <a:lnTo>
                <a:pt x="5165" y="2304"/>
              </a:lnTo>
              <a:lnTo>
                <a:pt x="5254" y="2560"/>
              </a:lnTo>
              <a:lnTo>
                <a:pt x="5432" y="2901"/>
              </a:lnTo>
              <a:lnTo>
                <a:pt x="5521" y="3243"/>
              </a:lnTo>
              <a:lnTo>
                <a:pt x="5877" y="3584"/>
              </a:lnTo>
              <a:lnTo>
                <a:pt x="5877" y="4096"/>
              </a:lnTo>
              <a:lnTo>
                <a:pt x="5966" y="4352"/>
              </a:lnTo>
              <a:lnTo>
                <a:pt x="6144" y="4608"/>
              </a:lnTo>
              <a:lnTo>
                <a:pt x="6500" y="4608"/>
              </a:lnTo>
              <a:lnTo>
                <a:pt x="6589" y="5035"/>
              </a:lnTo>
              <a:lnTo>
                <a:pt x="6678" y="5376"/>
              </a:lnTo>
              <a:lnTo>
                <a:pt x="6856" y="5547"/>
              </a:lnTo>
              <a:lnTo>
                <a:pt x="7213" y="5632"/>
              </a:lnTo>
              <a:lnTo>
                <a:pt x="7480" y="5803"/>
              </a:lnTo>
              <a:lnTo>
                <a:pt x="7569" y="6229"/>
              </a:lnTo>
              <a:lnTo>
                <a:pt x="7569" y="6571"/>
              </a:lnTo>
              <a:lnTo>
                <a:pt x="7569" y="6827"/>
              </a:lnTo>
              <a:lnTo>
                <a:pt x="7302" y="7083"/>
              </a:lnTo>
              <a:lnTo>
                <a:pt x="7302" y="7595"/>
              </a:lnTo>
              <a:lnTo>
                <a:pt x="7123" y="7936"/>
              </a:lnTo>
              <a:lnTo>
                <a:pt x="6856" y="7936"/>
              </a:lnTo>
              <a:lnTo>
                <a:pt x="6767" y="7765"/>
              </a:lnTo>
              <a:lnTo>
                <a:pt x="6233" y="8021"/>
              </a:lnTo>
              <a:lnTo>
                <a:pt x="5877" y="7851"/>
              </a:lnTo>
              <a:lnTo>
                <a:pt x="5343" y="7851"/>
              </a:lnTo>
              <a:lnTo>
                <a:pt x="4897" y="8021"/>
              </a:lnTo>
              <a:lnTo>
                <a:pt x="4452" y="7851"/>
              </a:lnTo>
              <a:lnTo>
                <a:pt x="4007" y="7936"/>
              </a:lnTo>
              <a:lnTo>
                <a:pt x="3740" y="8107"/>
              </a:lnTo>
              <a:lnTo>
                <a:pt x="3473" y="7936"/>
              </a:lnTo>
              <a:lnTo>
                <a:pt x="3117" y="8192"/>
              </a:lnTo>
              <a:lnTo>
                <a:pt x="2582" y="8192"/>
              </a:lnTo>
              <a:lnTo>
                <a:pt x="2048" y="7851"/>
              </a:lnTo>
              <a:lnTo>
                <a:pt x="1603" y="8192"/>
              </a:lnTo>
              <a:lnTo>
                <a:pt x="1336" y="8192"/>
              </a:lnTo>
              <a:lnTo>
                <a:pt x="1158" y="8448"/>
              </a:lnTo>
              <a:lnTo>
                <a:pt x="1158" y="8704"/>
              </a:lnTo>
              <a:lnTo>
                <a:pt x="534" y="8960"/>
              </a:lnTo>
              <a:lnTo>
                <a:pt x="89" y="9131"/>
              </a:lnTo>
              <a:lnTo>
                <a:pt x="0" y="9387"/>
              </a:lnTo>
              <a:lnTo>
                <a:pt x="356" y="9643"/>
              </a:lnTo>
              <a:lnTo>
                <a:pt x="267" y="9984"/>
              </a:lnTo>
              <a:lnTo>
                <a:pt x="356" y="10411"/>
              </a:lnTo>
              <a:lnTo>
                <a:pt x="356" y="10667"/>
              </a:lnTo>
              <a:lnTo>
                <a:pt x="979" y="10581"/>
              </a:lnTo>
              <a:lnTo>
                <a:pt x="1336" y="10240"/>
              </a:lnTo>
              <a:lnTo>
                <a:pt x="1603" y="9899"/>
              </a:lnTo>
              <a:lnTo>
                <a:pt x="1870" y="9728"/>
              </a:lnTo>
              <a:lnTo>
                <a:pt x="2493" y="9813"/>
              </a:lnTo>
              <a:lnTo>
                <a:pt x="2849" y="9643"/>
              </a:lnTo>
              <a:lnTo>
                <a:pt x="3206" y="9813"/>
              </a:lnTo>
              <a:lnTo>
                <a:pt x="3562" y="9899"/>
              </a:lnTo>
              <a:lnTo>
                <a:pt x="3740" y="10069"/>
              </a:lnTo>
              <a:lnTo>
                <a:pt x="4007" y="9984"/>
              </a:lnTo>
              <a:lnTo>
                <a:pt x="4274" y="10240"/>
              </a:lnTo>
              <a:lnTo>
                <a:pt x="5343" y="10240"/>
              </a:lnTo>
              <a:lnTo>
                <a:pt x="5521" y="10496"/>
              </a:lnTo>
              <a:lnTo>
                <a:pt x="6589" y="10667"/>
              </a:lnTo>
              <a:lnTo>
                <a:pt x="6767" y="10923"/>
              </a:lnTo>
              <a:lnTo>
                <a:pt x="6945" y="10923"/>
              </a:lnTo>
              <a:lnTo>
                <a:pt x="7302" y="11264"/>
              </a:lnTo>
              <a:lnTo>
                <a:pt x="8103" y="11349"/>
              </a:lnTo>
              <a:lnTo>
                <a:pt x="8014" y="11947"/>
              </a:lnTo>
              <a:lnTo>
                <a:pt x="8281" y="12288"/>
              </a:lnTo>
              <a:lnTo>
                <a:pt x="8548" y="12544"/>
              </a:lnTo>
              <a:lnTo>
                <a:pt x="9082" y="12715"/>
              </a:lnTo>
              <a:lnTo>
                <a:pt x="9350" y="12885"/>
              </a:lnTo>
              <a:lnTo>
                <a:pt x="10151" y="12459"/>
              </a:lnTo>
              <a:lnTo>
                <a:pt x="10151" y="12117"/>
              </a:lnTo>
              <a:lnTo>
                <a:pt x="10507" y="12203"/>
              </a:lnTo>
              <a:lnTo>
                <a:pt x="10774" y="12032"/>
              </a:lnTo>
              <a:lnTo>
                <a:pt x="10952" y="12203"/>
              </a:lnTo>
              <a:lnTo>
                <a:pt x="10863" y="12459"/>
              </a:lnTo>
              <a:lnTo>
                <a:pt x="11219" y="12715"/>
              </a:lnTo>
              <a:lnTo>
                <a:pt x="11665" y="12885"/>
              </a:lnTo>
              <a:lnTo>
                <a:pt x="12110" y="13397"/>
              </a:lnTo>
              <a:lnTo>
                <a:pt x="12466" y="13483"/>
              </a:lnTo>
              <a:lnTo>
                <a:pt x="12644" y="13739"/>
              </a:lnTo>
              <a:lnTo>
                <a:pt x="12822" y="13909"/>
              </a:lnTo>
              <a:lnTo>
                <a:pt x="12822" y="14421"/>
              </a:lnTo>
              <a:lnTo>
                <a:pt x="12822" y="14848"/>
              </a:lnTo>
              <a:lnTo>
                <a:pt x="12911" y="15275"/>
              </a:lnTo>
              <a:lnTo>
                <a:pt x="13267" y="15531"/>
              </a:lnTo>
              <a:lnTo>
                <a:pt x="13446" y="16213"/>
              </a:lnTo>
              <a:close/>
            </a:path>
          </a:pathLst>
        </a:custGeom>
        <a:solidFill>
          <a:srgbClr val="FF0000"/>
        </a:solidFill>
        <a:ln w="9525" cap="flat">
          <a:solidFill>
            <a:srgbClr val="000000"/>
          </a:solidFill>
          <a:prstDash val="solid"/>
          <a:round/>
          <a:headEnd/>
          <a:tailEnd/>
        </a:ln>
      </xdr:spPr>
    </xdr:sp>
    <xdr:clientData/>
  </xdr:twoCellAnchor>
  <xdr:twoCellAnchor editAs="oneCell">
    <xdr:from>
      <xdr:col>10</xdr:col>
      <xdr:colOff>285750</xdr:colOff>
      <xdr:row>15</xdr:row>
      <xdr:rowOff>9525</xdr:rowOff>
    </xdr:from>
    <xdr:to>
      <xdr:col>11</xdr:col>
      <xdr:colOff>257175</xdr:colOff>
      <xdr:row>23</xdr:row>
      <xdr:rowOff>123825</xdr:rowOff>
    </xdr:to>
    <xdr:sp macro="" textlink="">
      <xdr:nvSpPr>
        <xdr:cNvPr id="37" name="d14213">
          <a:extLst>
            <a:ext uri="{FF2B5EF4-FFF2-40B4-BE49-F238E27FC236}">
              <a16:creationId xmlns:a16="http://schemas.microsoft.com/office/drawing/2014/main" id="{00000000-0008-0000-0000-000025000000}"/>
            </a:ext>
          </a:extLst>
        </xdr:cNvPr>
        <xdr:cNvSpPr>
          <a:spLocks/>
        </xdr:cNvSpPr>
      </xdr:nvSpPr>
      <xdr:spPr bwMode="auto">
        <a:xfrm>
          <a:off x="6381750" y="3362325"/>
          <a:ext cx="581025" cy="1333500"/>
        </a:xfrm>
        <a:custGeom>
          <a:avLst/>
          <a:gdLst/>
          <a:ahLst/>
          <a:cxnLst>
            <a:cxn ang="0">
              <a:pos x="26" y="134"/>
            </a:cxn>
            <a:cxn ang="0">
              <a:pos x="35" y="137"/>
            </a:cxn>
            <a:cxn ang="0">
              <a:pos x="41" y="126"/>
            </a:cxn>
            <a:cxn ang="0">
              <a:pos x="44" y="137"/>
            </a:cxn>
            <a:cxn ang="0">
              <a:pos x="53" y="130"/>
            </a:cxn>
            <a:cxn ang="0">
              <a:pos x="57" y="114"/>
            </a:cxn>
            <a:cxn ang="0">
              <a:pos x="58" y="96"/>
            </a:cxn>
            <a:cxn ang="0">
              <a:pos x="52" y="81"/>
            </a:cxn>
            <a:cxn ang="0">
              <a:pos x="54" y="72"/>
            </a:cxn>
            <a:cxn ang="0">
              <a:pos x="50" y="60"/>
            </a:cxn>
            <a:cxn ang="0">
              <a:pos x="49" y="50"/>
            </a:cxn>
            <a:cxn ang="0">
              <a:pos x="47" y="36"/>
            </a:cxn>
            <a:cxn ang="0">
              <a:pos x="42" y="32"/>
            </a:cxn>
            <a:cxn ang="0">
              <a:pos x="47" y="26"/>
            </a:cxn>
            <a:cxn ang="0">
              <a:pos x="48" y="18"/>
            </a:cxn>
            <a:cxn ang="0">
              <a:pos x="44" y="11"/>
            </a:cxn>
            <a:cxn ang="0">
              <a:pos x="44" y="5"/>
            </a:cxn>
            <a:cxn ang="0">
              <a:pos x="38" y="0"/>
            </a:cxn>
            <a:cxn ang="0">
              <a:pos x="33" y="0"/>
            </a:cxn>
            <a:cxn ang="0">
              <a:pos x="23" y="5"/>
            </a:cxn>
            <a:cxn ang="0">
              <a:pos x="17" y="12"/>
            </a:cxn>
            <a:cxn ang="0">
              <a:pos x="6" y="16"/>
            </a:cxn>
            <a:cxn ang="0">
              <a:pos x="0" y="18"/>
            </a:cxn>
            <a:cxn ang="0">
              <a:pos x="3" y="31"/>
            </a:cxn>
            <a:cxn ang="0">
              <a:pos x="11" y="56"/>
            </a:cxn>
            <a:cxn ang="0">
              <a:pos x="8" y="66"/>
            </a:cxn>
            <a:cxn ang="0">
              <a:pos x="9" y="76"/>
            </a:cxn>
            <a:cxn ang="0">
              <a:pos x="27" y="86"/>
            </a:cxn>
            <a:cxn ang="0">
              <a:pos x="32" y="94"/>
            </a:cxn>
            <a:cxn ang="0">
              <a:pos x="28" y="102"/>
            </a:cxn>
            <a:cxn ang="0">
              <a:pos x="24" y="109"/>
            </a:cxn>
            <a:cxn ang="0">
              <a:pos x="26" y="124"/>
            </a:cxn>
          </a:cxnLst>
          <a:rect l="0" t="0" r="r" b="b"/>
          <a:pathLst>
            <a:path w="61" h="140">
              <a:moveTo>
                <a:pt x="23" y="131"/>
              </a:moveTo>
              <a:lnTo>
                <a:pt x="26" y="134"/>
              </a:lnTo>
              <a:lnTo>
                <a:pt x="30" y="136"/>
              </a:lnTo>
              <a:lnTo>
                <a:pt x="35" y="137"/>
              </a:lnTo>
              <a:lnTo>
                <a:pt x="39" y="138"/>
              </a:lnTo>
              <a:lnTo>
                <a:pt x="41" y="126"/>
              </a:lnTo>
              <a:lnTo>
                <a:pt x="45" y="128"/>
              </a:lnTo>
              <a:lnTo>
                <a:pt x="44" y="137"/>
              </a:lnTo>
              <a:lnTo>
                <a:pt x="51" y="140"/>
              </a:lnTo>
              <a:lnTo>
                <a:pt x="53" y="130"/>
              </a:lnTo>
              <a:lnTo>
                <a:pt x="52" y="125"/>
              </a:lnTo>
              <a:lnTo>
                <a:pt x="57" y="114"/>
              </a:lnTo>
              <a:lnTo>
                <a:pt x="61" y="105"/>
              </a:lnTo>
              <a:lnTo>
                <a:pt x="58" y="96"/>
              </a:lnTo>
              <a:lnTo>
                <a:pt x="54" y="88"/>
              </a:lnTo>
              <a:lnTo>
                <a:pt x="52" y="81"/>
              </a:lnTo>
              <a:lnTo>
                <a:pt x="54" y="77"/>
              </a:lnTo>
              <a:lnTo>
                <a:pt x="54" y="72"/>
              </a:lnTo>
              <a:lnTo>
                <a:pt x="50" y="64"/>
              </a:lnTo>
              <a:lnTo>
                <a:pt x="50" y="60"/>
              </a:lnTo>
              <a:lnTo>
                <a:pt x="50" y="55"/>
              </a:lnTo>
              <a:lnTo>
                <a:pt x="49" y="50"/>
              </a:lnTo>
              <a:lnTo>
                <a:pt x="51" y="45"/>
              </a:lnTo>
              <a:lnTo>
                <a:pt x="47" y="36"/>
              </a:lnTo>
              <a:lnTo>
                <a:pt x="44" y="35"/>
              </a:lnTo>
              <a:lnTo>
                <a:pt x="42" y="32"/>
              </a:lnTo>
              <a:lnTo>
                <a:pt x="44" y="30"/>
              </a:lnTo>
              <a:lnTo>
                <a:pt x="47" y="26"/>
              </a:lnTo>
              <a:lnTo>
                <a:pt x="48" y="22"/>
              </a:lnTo>
              <a:lnTo>
                <a:pt x="48" y="18"/>
              </a:lnTo>
              <a:lnTo>
                <a:pt x="46" y="16"/>
              </a:lnTo>
              <a:lnTo>
                <a:pt x="44" y="11"/>
              </a:lnTo>
              <a:lnTo>
                <a:pt x="44" y="8"/>
              </a:lnTo>
              <a:lnTo>
                <a:pt x="44" y="5"/>
              </a:lnTo>
              <a:lnTo>
                <a:pt x="42" y="2"/>
              </a:lnTo>
              <a:lnTo>
                <a:pt x="38" y="0"/>
              </a:lnTo>
              <a:lnTo>
                <a:pt x="34" y="1"/>
              </a:lnTo>
              <a:lnTo>
                <a:pt x="33" y="0"/>
              </a:lnTo>
              <a:lnTo>
                <a:pt x="27" y="3"/>
              </a:lnTo>
              <a:lnTo>
                <a:pt x="23" y="5"/>
              </a:lnTo>
              <a:lnTo>
                <a:pt x="20" y="7"/>
              </a:lnTo>
              <a:lnTo>
                <a:pt x="17" y="12"/>
              </a:lnTo>
              <a:lnTo>
                <a:pt x="11" y="15"/>
              </a:lnTo>
              <a:lnTo>
                <a:pt x="6" y="16"/>
              </a:lnTo>
              <a:lnTo>
                <a:pt x="2" y="16"/>
              </a:lnTo>
              <a:lnTo>
                <a:pt x="0" y="18"/>
              </a:lnTo>
              <a:lnTo>
                <a:pt x="1" y="23"/>
              </a:lnTo>
              <a:lnTo>
                <a:pt x="3" y="31"/>
              </a:lnTo>
              <a:lnTo>
                <a:pt x="9" y="49"/>
              </a:lnTo>
              <a:lnTo>
                <a:pt x="11" y="56"/>
              </a:lnTo>
              <a:lnTo>
                <a:pt x="5" y="61"/>
              </a:lnTo>
              <a:lnTo>
                <a:pt x="8" y="66"/>
              </a:lnTo>
              <a:lnTo>
                <a:pt x="9" y="71"/>
              </a:lnTo>
              <a:lnTo>
                <a:pt x="9" y="76"/>
              </a:lnTo>
              <a:lnTo>
                <a:pt x="27" y="75"/>
              </a:lnTo>
              <a:lnTo>
                <a:pt x="27" y="86"/>
              </a:lnTo>
              <a:lnTo>
                <a:pt x="30" y="89"/>
              </a:lnTo>
              <a:lnTo>
                <a:pt x="32" y="94"/>
              </a:lnTo>
              <a:lnTo>
                <a:pt x="31" y="100"/>
              </a:lnTo>
              <a:lnTo>
                <a:pt x="28" y="102"/>
              </a:lnTo>
              <a:lnTo>
                <a:pt x="25" y="108"/>
              </a:lnTo>
              <a:lnTo>
                <a:pt x="24" y="109"/>
              </a:lnTo>
              <a:lnTo>
                <a:pt x="25" y="117"/>
              </a:lnTo>
              <a:lnTo>
                <a:pt x="26" y="124"/>
              </a:lnTo>
              <a:lnTo>
                <a:pt x="23" y="131"/>
              </a:lnTo>
              <a:close/>
            </a:path>
          </a:pathLst>
        </a:custGeom>
        <a:solidFill>
          <a:srgbClr val="FF0000"/>
        </a:solidFill>
        <a:ln w="9525" cap="flat">
          <a:solidFill>
            <a:srgbClr val="000000"/>
          </a:solidFill>
          <a:prstDash val="solid"/>
          <a:round/>
          <a:headEnd/>
          <a:tailEnd/>
        </a:ln>
      </xdr:spPr>
    </xdr:sp>
    <xdr:clientData/>
  </xdr:twoCellAnchor>
  <xdr:twoCellAnchor editAs="oneCell">
    <xdr:from>
      <xdr:col>6</xdr:col>
      <xdr:colOff>447675</xdr:colOff>
      <xdr:row>21</xdr:row>
      <xdr:rowOff>66675</xdr:rowOff>
    </xdr:from>
    <xdr:to>
      <xdr:col>9</xdr:col>
      <xdr:colOff>76200</xdr:colOff>
      <xdr:row>28</xdr:row>
      <xdr:rowOff>66675</xdr:rowOff>
    </xdr:to>
    <xdr:sp macro="" textlink="">
      <xdr:nvSpPr>
        <xdr:cNvPr id="38" name="d14214">
          <a:extLst>
            <a:ext uri="{FF2B5EF4-FFF2-40B4-BE49-F238E27FC236}">
              <a16:creationId xmlns:a16="http://schemas.microsoft.com/office/drawing/2014/main" id="{00000000-0008-0000-0000-000026000000}"/>
            </a:ext>
          </a:extLst>
        </xdr:cNvPr>
        <xdr:cNvSpPr>
          <a:spLocks/>
        </xdr:cNvSpPr>
      </xdr:nvSpPr>
      <xdr:spPr bwMode="auto">
        <a:xfrm>
          <a:off x="4105275" y="4333875"/>
          <a:ext cx="1457325" cy="1066800"/>
        </a:xfrm>
        <a:custGeom>
          <a:avLst/>
          <a:gdLst/>
          <a:ahLst/>
          <a:cxnLst>
            <a:cxn ang="0">
              <a:pos x="8246" y="14043"/>
            </a:cxn>
            <a:cxn ang="0">
              <a:pos x="9102" y="13897"/>
            </a:cxn>
            <a:cxn ang="0">
              <a:pos x="9316" y="12727"/>
            </a:cxn>
            <a:cxn ang="0">
              <a:pos x="10280" y="14043"/>
            </a:cxn>
            <a:cxn ang="0">
              <a:pos x="10923" y="15067"/>
            </a:cxn>
            <a:cxn ang="0">
              <a:pos x="11565" y="16384"/>
            </a:cxn>
            <a:cxn ang="0">
              <a:pos x="11458" y="14629"/>
            </a:cxn>
            <a:cxn ang="0">
              <a:pos x="11779" y="14336"/>
            </a:cxn>
            <a:cxn ang="0">
              <a:pos x="12315" y="14482"/>
            </a:cxn>
            <a:cxn ang="0">
              <a:pos x="13171" y="14336"/>
            </a:cxn>
            <a:cxn ang="0">
              <a:pos x="14135" y="14482"/>
            </a:cxn>
            <a:cxn ang="0">
              <a:pos x="14885" y="12727"/>
            </a:cxn>
            <a:cxn ang="0">
              <a:pos x="15206" y="13751"/>
            </a:cxn>
            <a:cxn ang="0">
              <a:pos x="16170" y="13605"/>
            </a:cxn>
            <a:cxn ang="0">
              <a:pos x="16063" y="11703"/>
            </a:cxn>
            <a:cxn ang="0">
              <a:pos x="15634" y="10094"/>
            </a:cxn>
            <a:cxn ang="0">
              <a:pos x="15099" y="8923"/>
            </a:cxn>
            <a:cxn ang="0">
              <a:pos x="15099" y="7314"/>
            </a:cxn>
            <a:cxn ang="0">
              <a:pos x="14671" y="6583"/>
            </a:cxn>
            <a:cxn ang="0">
              <a:pos x="13707" y="5559"/>
            </a:cxn>
            <a:cxn ang="0">
              <a:pos x="12743" y="4827"/>
            </a:cxn>
            <a:cxn ang="0">
              <a:pos x="12636" y="4096"/>
            </a:cxn>
            <a:cxn ang="0">
              <a:pos x="11886" y="4242"/>
            </a:cxn>
            <a:cxn ang="0">
              <a:pos x="10923" y="5559"/>
            </a:cxn>
            <a:cxn ang="0">
              <a:pos x="9959" y="4974"/>
            </a:cxn>
            <a:cxn ang="0">
              <a:pos x="9316" y="3950"/>
            </a:cxn>
            <a:cxn ang="0">
              <a:pos x="8460" y="2779"/>
            </a:cxn>
            <a:cxn ang="0">
              <a:pos x="7817" y="2194"/>
            </a:cxn>
            <a:cxn ang="0">
              <a:pos x="6318" y="1463"/>
            </a:cxn>
            <a:cxn ang="0">
              <a:pos x="4819" y="1024"/>
            </a:cxn>
            <a:cxn ang="0">
              <a:pos x="4176" y="731"/>
            </a:cxn>
            <a:cxn ang="0">
              <a:pos x="3534" y="293"/>
            </a:cxn>
            <a:cxn ang="0">
              <a:pos x="2677" y="293"/>
            </a:cxn>
            <a:cxn ang="0">
              <a:pos x="1606" y="439"/>
            </a:cxn>
            <a:cxn ang="0">
              <a:pos x="857" y="1609"/>
            </a:cxn>
            <a:cxn ang="0">
              <a:pos x="0" y="2633"/>
            </a:cxn>
            <a:cxn ang="0">
              <a:pos x="857" y="5266"/>
            </a:cxn>
            <a:cxn ang="0">
              <a:pos x="2356" y="7753"/>
            </a:cxn>
            <a:cxn ang="0">
              <a:pos x="3105" y="9216"/>
            </a:cxn>
            <a:cxn ang="0">
              <a:pos x="3320" y="10679"/>
            </a:cxn>
            <a:cxn ang="0">
              <a:pos x="3105" y="11264"/>
            </a:cxn>
            <a:cxn ang="0">
              <a:pos x="2891" y="13751"/>
            </a:cxn>
            <a:cxn ang="0">
              <a:pos x="4283" y="13312"/>
            </a:cxn>
            <a:cxn ang="0">
              <a:pos x="6211" y="13019"/>
            </a:cxn>
            <a:cxn ang="0">
              <a:pos x="7817" y="14336"/>
            </a:cxn>
          </a:cxnLst>
          <a:rect l="0" t="0" r="r" b="b"/>
          <a:pathLst>
            <a:path w="16384" h="16384">
              <a:moveTo>
                <a:pt x="7817" y="14336"/>
              </a:moveTo>
              <a:lnTo>
                <a:pt x="8246" y="14043"/>
              </a:lnTo>
              <a:lnTo>
                <a:pt x="9102" y="14336"/>
              </a:lnTo>
              <a:lnTo>
                <a:pt x="9102" y="13897"/>
              </a:lnTo>
              <a:lnTo>
                <a:pt x="9102" y="13312"/>
              </a:lnTo>
              <a:lnTo>
                <a:pt x="9316" y="12727"/>
              </a:lnTo>
              <a:lnTo>
                <a:pt x="9638" y="14043"/>
              </a:lnTo>
              <a:lnTo>
                <a:pt x="10280" y="14043"/>
              </a:lnTo>
              <a:lnTo>
                <a:pt x="10601" y="14336"/>
              </a:lnTo>
              <a:lnTo>
                <a:pt x="10923" y="15067"/>
              </a:lnTo>
              <a:lnTo>
                <a:pt x="10923" y="16091"/>
              </a:lnTo>
              <a:lnTo>
                <a:pt x="11565" y="16384"/>
              </a:lnTo>
              <a:lnTo>
                <a:pt x="11565" y="15360"/>
              </a:lnTo>
              <a:lnTo>
                <a:pt x="11458" y="14629"/>
              </a:lnTo>
              <a:lnTo>
                <a:pt x="11565" y="13751"/>
              </a:lnTo>
              <a:lnTo>
                <a:pt x="11779" y="14336"/>
              </a:lnTo>
              <a:lnTo>
                <a:pt x="12208" y="14775"/>
              </a:lnTo>
              <a:lnTo>
                <a:pt x="12315" y="14482"/>
              </a:lnTo>
              <a:lnTo>
                <a:pt x="12636" y="14190"/>
              </a:lnTo>
              <a:lnTo>
                <a:pt x="13171" y="14336"/>
              </a:lnTo>
              <a:lnTo>
                <a:pt x="13600" y="13751"/>
              </a:lnTo>
              <a:lnTo>
                <a:pt x="14135" y="14482"/>
              </a:lnTo>
              <a:lnTo>
                <a:pt x="14564" y="14482"/>
              </a:lnTo>
              <a:lnTo>
                <a:pt x="14885" y="12727"/>
              </a:lnTo>
              <a:lnTo>
                <a:pt x="15206" y="12873"/>
              </a:lnTo>
              <a:lnTo>
                <a:pt x="15206" y="13751"/>
              </a:lnTo>
              <a:lnTo>
                <a:pt x="14992" y="14921"/>
              </a:lnTo>
              <a:lnTo>
                <a:pt x="16170" y="13605"/>
              </a:lnTo>
              <a:lnTo>
                <a:pt x="16384" y="12288"/>
              </a:lnTo>
              <a:lnTo>
                <a:pt x="16063" y="11703"/>
              </a:lnTo>
              <a:lnTo>
                <a:pt x="15849" y="11264"/>
              </a:lnTo>
              <a:lnTo>
                <a:pt x="15634" y="10094"/>
              </a:lnTo>
              <a:lnTo>
                <a:pt x="15206" y="9655"/>
              </a:lnTo>
              <a:lnTo>
                <a:pt x="15099" y="8923"/>
              </a:lnTo>
              <a:lnTo>
                <a:pt x="15099" y="8192"/>
              </a:lnTo>
              <a:lnTo>
                <a:pt x="15099" y="7314"/>
              </a:lnTo>
              <a:lnTo>
                <a:pt x="14885" y="7022"/>
              </a:lnTo>
              <a:lnTo>
                <a:pt x="14671" y="6583"/>
              </a:lnTo>
              <a:lnTo>
                <a:pt x="14242" y="6437"/>
              </a:lnTo>
              <a:lnTo>
                <a:pt x="13707" y="5559"/>
              </a:lnTo>
              <a:lnTo>
                <a:pt x="13171" y="5266"/>
              </a:lnTo>
              <a:lnTo>
                <a:pt x="12743" y="4827"/>
              </a:lnTo>
              <a:lnTo>
                <a:pt x="12850" y="4389"/>
              </a:lnTo>
              <a:lnTo>
                <a:pt x="12636" y="4096"/>
              </a:lnTo>
              <a:lnTo>
                <a:pt x="12315" y="4389"/>
              </a:lnTo>
              <a:lnTo>
                <a:pt x="11886" y="4242"/>
              </a:lnTo>
              <a:lnTo>
                <a:pt x="11886" y="4827"/>
              </a:lnTo>
              <a:lnTo>
                <a:pt x="10923" y="5559"/>
              </a:lnTo>
              <a:lnTo>
                <a:pt x="10601" y="5266"/>
              </a:lnTo>
              <a:lnTo>
                <a:pt x="9959" y="4974"/>
              </a:lnTo>
              <a:lnTo>
                <a:pt x="9638" y="4535"/>
              </a:lnTo>
              <a:lnTo>
                <a:pt x="9316" y="3950"/>
              </a:lnTo>
              <a:lnTo>
                <a:pt x="9423" y="2926"/>
              </a:lnTo>
              <a:lnTo>
                <a:pt x="8460" y="2779"/>
              </a:lnTo>
              <a:lnTo>
                <a:pt x="8031" y="2194"/>
              </a:lnTo>
              <a:lnTo>
                <a:pt x="7817" y="2194"/>
              </a:lnTo>
              <a:lnTo>
                <a:pt x="7603" y="1755"/>
              </a:lnTo>
              <a:lnTo>
                <a:pt x="6318" y="1463"/>
              </a:lnTo>
              <a:lnTo>
                <a:pt x="6104" y="1024"/>
              </a:lnTo>
              <a:lnTo>
                <a:pt x="4819" y="1024"/>
              </a:lnTo>
              <a:lnTo>
                <a:pt x="4498" y="585"/>
              </a:lnTo>
              <a:lnTo>
                <a:pt x="4176" y="731"/>
              </a:lnTo>
              <a:lnTo>
                <a:pt x="3962" y="439"/>
              </a:lnTo>
              <a:lnTo>
                <a:pt x="3534" y="293"/>
              </a:lnTo>
              <a:lnTo>
                <a:pt x="3105" y="0"/>
              </a:lnTo>
              <a:lnTo>
                <a:pt x="2677" y="293"/>
              </a:lnTo>
              <a:lnTo>
                <a:pt x="1928" y="146"/>
              </a:lnTo>
              <a:lnTo>
                <a:pt x="1606" y="439"/>
              </a:lnTo>
              <a:lnTo>
                <a:pt x="1285" y="1024"/>
              </a:lnTo>
              <a:lnTo>
                <a:pt x="857" y="1609"/>
              </a:lnTo>
              <a:lnTo>
                <a:pt x="107" y="1755"/>
              </a:lnTo>
              <a:lnTo>
                <a:pt x="0" y="2633"/>
              </a:lnTo>
              <a:lnTo>
                <a:pt x="321" y="3218"/>
              </a:lnTo>
              <a:lnTo>
                <a:pt x="857" y="5266"/>
              </a:lnTo>
              <a:lnTo>
                <a:pt x="1713" y="7461"/>
              </a:lnTo>
              <a:lnTo>
                <a:pt x="2356" y="7753"/>
              </a:lnTo>
              <a:lnTo>
                <a:pt x="2677" y="8777"/>
              </a:lnTo>
              <a:lnTo>
                <a:pt x="3105" y="9216"/>
              </a:lnTo>
              <a:lnTo>
                <a:pt x="3105" y="10094"/>
              </a:lnTo>
              <a:lnTo>
                <a:pt x="3320" y="10679"/>
              </a:lnTo>
              <a:lnTo>
                <a:pt x="3427" y="11118"/>
              </a:lnTo>
              <a:lnTo>
                <a:pt x="3105" y="11264"/>
              </a:lnTo>
              <a:lnTo>
                <a:pt x="2677" y="11995"/>
              </a:lnTo>
              <a:lnTo>
                <a:pt x="2891" y="13751"/>
              </a:lnTo>
              <a:lnTo>
                <a:pt x="3320" y="14043"/>
              </a:lnTo>
              <a:lnTo>
                <a:pt x="4283" y="13312"/>
              </a:lnTo>
              <a:lnTo>
                <a:pt x="5033" y="13458"/>
              </a:lnTo>
              <a:lnTo>
                <a:pt x="6211" y="13019"/>
              </a:lnTo>
              <a:lnTo>
                <a:pt x="6853" y="13897"/>
              </a:lnTo>
              <a:lnTo>
                <a:pt x="7817" y="14336"/>
              </a:lnTo>
              <a:close/>
            </a:path>
          </a:pathLst>
        </a:custGeom>
        <a:solidFill>
          <a:srgbClr val="FF0000"/>
        </a:solidFill>
        <a:ln w="9525" cap="flat">
          <a:solidFill>
            <a:srgbClr val="000000"/>
          </a:solidFill>
          <a:prstDash val="solid"/>
          <a:round/>
          <a:headEnd/>
          <a:tailEnd/>
        </a:ln>
      </xdr:spPr>
    </xdr:sp>
    <xdr:clientData/>
  </xdr:twoCellAnchor>
  <xdr:twoCellAnchor editAs="oneCell">
    <xdr:from>
      <xdr:col>2</xdr:col>
      <xdr:colOff>285750</xdr:colOff>
      <xdr:row>30</xdr:row>
      <xdr:rowOff>9525</xdr:rowOff>
    </xdr:from>
    <xdr:to>
      <xdr:col>4</xdr:col>
      <xdr:colOff>552450</xdr:colOff>
      <xdr:row>37</xdr:row>
      <xdr:rowOff>47625</xdr:rowOff>
    </xdr:to>
    <xdr:sp macro="" textlink="">
      <xdr:nvSpPr>
        <xdr:cNvPr id="39" name="d14217">
          <a:extLst>
            <a:ext uri="{FF2B5EF4-FFF2-40B4-BE49-F238E27FC236}">
              <a16:creationId xmlns:a16="http://schemas.microsoft.com/office/drawing/2014/main" id="{00000000-0008-0000-0000-000027000000}"/>
            </a:ext>
          </a:extLst>
        </xdr:cNvPr>
        <xdr:cNvSpPr>
          <a:spLocks/>
        </xdr:cNvSpPr>
      </xdr:nvSpPr>
      <xdr:spPr bwMode="auto">
        <a:xfrm>
          <a:off x="1504950" y="5648325"/>
          <a:ext cx="1485900" cy="1104900"/>
        </a:xfrm>
        <a:custGeom>
          <a:avLst/>
          <a:gdLst/>
          <a:ahLst/>
          <a:cxnLst>
            <a:cxn ang="0">
              <a:pos x="7877" y="16102"/>
            </a:cxn>
            <a:cxn ang="0">
              <a:pos x="9137" y="16102"/>
            </a:cxn>
            <a:cxn ang="0">
              <a:pos x="10713" y="15537"/>
            </a:cxn>
            <a:cxn ang="0">
              <a:pos x="13023" y="14830"/>
            </a:cxn>
            <a:cxn ang="0">
              <a:pos x="14073" y="14689"/>
            </a:cxn>
            <a:cxn ang="0">
              <a:pos x="14599" y="13842"/>
            </a:cxn>
            <a:cxn ang="0">
              <a:pos x="14914" y="13277"/>
            </a:cxn>
            <a:cxn ang="0">
              <a:pos x="15859" y="13135"/>
            </a:cxn>
            <a:cxn ang="0">
              <a:pos x="16174" y="12288"/>
            </a:cxn>
            <a:cxn ang="0">
              <a:pos x="16384" y="11723"/>
            </a:cxn>
            <a:cxn ang="0">
              <a:pos x="16174" y="10169"/>
            </a:cxn>
            <a:cxn ang="0">
              <a:pos x="16069" y="9039"/>
            </a:cxn>
            <a:cxn ang="0">
              <a:pos x="16384" y="8333"/>
            </a:cxn>
            <a:cxn ang="0">
              <a:pos x="16069" y="7486"/>
            </a:cxn>
            <a:cxn ang="0">
              <a:pos x="15649" y="6921"/>
            </a:cxn>
            <a:cxn ang="0">
              <a:pos x="14914" y="6497"/>
            </a:cxn>
            <a:cxn ang="0">
              <a:pos x="14599" y="5226"/>
            </a:cxn>
            <a:cxn ang="0">
              <a:pos x="14178" y="3390"/>
            </a:cxn>
            <a:cxn ang="0">
              <a:pos x="13653" y="2401"/>
            </a:cxn>
            <a:cxn ang="0">
              <a:pos x="13023" y="1271"/>
            </a:cxn>
            <a:cxn ang="0">
              <a:pos x="13548" y="424"/>
            </a:cxn>
            <a:cxn ang="0">
              <a:pos x="12813" y="141"/>
            </a:cxn>
            <a:cxn ang="0">
              <a:pos x="11763" y="989"/>
            </a:cxn>
            <a:cxn ang="0">
              <a:pos x="10818" y="424"/>
            </a:cxn>
            <a:cxn ang="0">
              <a:pos x="9767" y="282"/>
            </a:cxn>
            <a:cxn ang="0">
              <a:pos x="8717" y="1130"/>
            </a:cxn>
            <a:cxn ang="0">
              <a:pos x="7352" y="424"/>
            </a:cxn>
            <a:cxn ang="0">
              <a:pos x="6512" y="141"/>
            </a:cxn>
            <a:cxn ang="0">
              <a:pos x="5776" y="989"/>
            </a:cxn>
            <a:cxn ang="0">
              <a:pos x="4831" y="1130"/>
            </a:cxn>
            <a:cxn ang="0">
              <a:pos x="4096" y="2260"/>
            </a:cxn>
            <a:cxn ang="0">
              <a:pos x="3361" y="3107"/>
            </a:cxn>
            <a:cxn ang="0">
              <a:pos x="3046" y="4096"/>
            </a:cxn>
            <a:cxn ang="0">
              <a:pos x="2101" y="3955"/>
            </a:cxn>
            <a:cxn ang="0">
              <a:pos x="1785" y="5085"/>
            </a:cxn>
            <a:cxn ang="0">
              <a:pos x="1260" y="6497"/>
            </a:cxn>
            <a:cxn ang="0">
              <a:pos x="735" y="7768"/>
            </a:cxn>
            <a:cxn ang="0">
              <a:pos x="630" y="8898"/>
            </a:cxn>
            <a:cxn ang="0">
              <a:pos x="420" y="10028"/>
            </a:cxn>
            <a:cxn ang="0">
              <a:pos x="210" y="11441"/>
            </a:cxn>
            <a:cxn ang="0">
              <a:pos x="0" y="12570"/>
            </a:cxn>
            <a:cxn ang="0">
              <a:pos x="840" y="13559"/>
            </a:cxn>
            <a:cxn ang="0">
              <a:pos x="1050" y="14124"/>
            </a:cxn>
            <a:cxn ang="0">
              <a:pos x="1470" y="14548"/>
            </a:cxn>
            <a:cxn ang="0">
              <a:pos x="1890" y="14689"/>
            </a:cxn>
            <a:cxn ang="0">
              <a:pos x="2836" y="14972"/>
            </a:cxn>
            <a:cxn ang="0">
              <a:pos x="3256" y="15537"/>
            </a:cxn>
            <a:cxn ang="0">
              <a:pos x="4096" y="15254"/>
            </a:cxn>
            <a:cxn ang="0">
              <a:pos x="4726" y="14830"/>
            </a:cxn>
            <a:cxn ang="0">
              <a:pos x="5461" y="14124"/>
            </a:cxn>
            <a:cxn ang="0">
              <a:pos x="5881" y="14830"/>
            </a:cxn>
          </a:cxnLst>
          <a:rect l="0" t="0" r="r" b="b"/>
          <a:pathLst>
            <a:path w="16384" h="16384">
              <a:moveTo>
                <a:pt x="7142" y="16384"/>
              </a:moveTo>
              <a:lnTo>
                <a:pt x="7877" y="16102"/>
              </a:lnTo>
              <a:lnTo>
                <a:pt x="8717" y="16102"/>
              </a:lnTo>
              <a:lnTo>
                <a:pt x="9137" y="16102"/>
              </a:lnTo>
              <a:lnTo>
                <a:pt x="9872" y="15678"/>
              </a:lnTo>
              <a:lnTo>
                <a:pt x="10713" y="15537"/>
              </a:lnTo>
              <a:lnTo>
                <a:pt x="10923" y="15113"/>
              </a:lnTo>
              <a:lnTo>
                <a:pt x="13023" y="14830"/>
              </a:lnTo>
              <a:lnTo>
                <a:pt x="13758" y="14689"/>
              </a:lnTo>
              <a:lnTo>
                <a:pt x="14073" y="14689"/>
              </a:lnTo>
              <a:lnTo>
                <a:pt x="14704" y="14548"/>
              </a:lnTo>
              <a:lnTo>
                <a:pt x="14599" y="13842"/>
              </a:lnTo>
              <a:lnTo>
                <a:pt x="14599" y="13418"/>
              </a:lnTo>
              <a:lnTo>
                <a:pt x="14914" y="13277"/>
              </a:lnTo>
              <a:lnTo>
                <a:pt x="15439" y="13418"/>
              </a:lnTo>
              <a:lnTo>
                <a:pt x="15859" y="13135"/>
              </a:lnTo>
              <a:lnTo>
                <a:pt x="16069" y="12712"/>
              </a:lnTo>
              <a:lnTo>
                <a:pt x="16174" y="12288"/>
              </a:lnTo>
              <a:lnTo>
                <a:pt x="16069" y="11864"/>
              </a:lnTo>
              <a:lnTo>
                <a:pt x="16384" y="11723"/>
              </a:lnTo>
              <a:lnTo>
                <a:pt x="16174" y="10452"/>
              </a:lnTo>
              <a:lnTo>
                <a:pt x="16174" y="10169"/>
              </a:lnTo>
              <a:lnTo>
                <a:pt x="16069" y="9604"/>
              </a:lnTo>
              <a:lnTo>
                <a:pt x="16069" y="9039"/>
              </a:lnTo>
              <a:lnTo>
                <a:pt x="16174" y="8757"/>
              </a:lnTo>
              <a:lnTo>
                <a:pt x="16384" y="8333"/>
              </a:lnTo>
              <a:lnTo>
                <a:pt x="16279" y="7910"/>
              </a:lnTo>
              <a:lnTo>
                <a:pt x="16069" y="7486"/>
              </a:lnTo>
              <a:lnTo>
                <a:pt x="15754" y="7345"/>
              </a:lnTo>
              <a:lnTo>
                <a:pt x="15649" y="6921"/>
              </a:lnTo>
              <a:lnTo>
                <a:pt x="15334" y="6780"/>
              </a:lnTo>
              <a:lnTo>
                <a:pt x="14914" y="6497"/>
              </a:lnTo>
              <a:lnTo>
                <a:pt x="14809" y="6356"/>
              </a:lnTo>
              <a:lnTo>
                <a:pt x="14599" y="5226"/>
              </a:lnTo>
              <a:lnTo>
                <a:pt x="14283" y="4237"/>
              </a:lnTo>
              <a:lnTo>
                <a:pt x="14178" y="3390"/>
              </a:lnTo>
              <a:lnTo>
                <a:pt x="14073" y="2825"/>
              </a:lnTo>
              <a:lnTo>
                <a:pt x="13653" y="2401"/>
              </a:lnTo>
              <a:lnTo>
                <a:pt x="13338" y="2119"/>
              </a:lnTo>
              <a:lnTo>
                <a:pt x="13023" y="1271"/>
              </a:lnTo>
              <a:lnTo>
                <a:pt x="13338" y="847"/>
              </a:lnTo>
              <a:lnTo>
                <a:pt x="13548" y="424"/>
              </a:lnTo>
              <a:lnTo>
                <a:pt x="13548" y="0"/>
              </a:lnTo>
              <a:lnTo>
                <a:pt x="12813" y="141"/>
              </a:lnTo>
              <a:lnTo>
                <a:pt x="12393" y="424"/>
              </a:lnTo>
              <a:lnTo>
                <a:pt x="11763" y="989"/>
              </a:lnTo>
              <a:lnTo>
                <a:pt x="11238" y="565"/>
              </a:lnTo>
              <a:lnTo>
                <a:pt x="10818" y="424"/>
              </a:lnTo>
              <a:lnTo>
                <a:pt x="10293" y="565"/>
              </a:lnTo>
              <a:lnTo>
                <a:pt x="9767" y="282"/>
              </a:lnTo>
              <a:lnTo>
                <a:pt x="9347" y="847"/>
              </a:lnTo>
              <a:lnTo>
                <a:pt x="8717" y="1130"/>
              </a:lnTo>
              <a:lnTo>
                <a:pt x="7877" y="847"/>
              </a:lnTo>
              <a:lnTo>
                <a:pt x="7352" y="424"/>
              </a:lnTo>
              <a:lnTo>
                <a:pt x="7142" y="141"/>
              </a:lnTo>
              <a:lnTo>
                <a:pt x="6512" y="141"/>
              </a:lnTo>
              <a:lnTo>
                <a:pt x="6091" y="282"/>
              </a:lnTo>
              <a:lnTo>
                <a:pt x="5776" y="989"/>
              </a:lnTo>
              <a:lnTo>
                <a:pt x="5566" y="1130"/>
              </a:lnTo>
              <a:lnTo>
                <a:pt x="4831" y="1130"/>
              </a:lnTo>
              <a:lnTo>
                <a:pt x="4411" y="1554"/>
              </a:lnTo>
              <a:lnTo>
                <a:pt x="4096" y="2260"/>
              </a:lnTo>
              <a:lnTo>
                <a:pt x="3571" y="2542"/>
              </a:lnTo>
              <a:lnTo>
                <a:pt x="3361" y="3107"/>
              </a:lnTo>
              <a:lnTo>
                <a:pt x="3466" y="3814"/>
              </a:lnTo>
              <a:lnTo>
                <a:pt x="3046" y="4096"/>
              </a:lnTo>
              <a:lnTo>
                <a:pt x="2626" y="4096"/>
              </a:lnTo>
              <a:lnTo>
                <a:pt x="2101" y="3955"/>
              </a:lnTo>
              <a:lnTo>
                <a:pt x="1785" y="4378"/>
              </a:lnTo>
              <a:lnTo>
                <a:pt x="1785" y="5085"/>
              </a:lnTo>
              <a:lnTo>
                <a:pt x="1575" y="5932"/>
              </a:lnTo>
              <a:lnTo>
                <a:pt x="1260" y="6497"/>
              </a:lnTo>
              <a:lnTo>
                <a:pt x="1050" y="7203"/>
              </a:lnTo>
              <a:lnTo>
                <a:pt x="735" y="7768"/>
              </a:lnTo>
              <a:lnTo>
                <a:pt x="840" y="8333"/>
              </a:lnTo>
              <a:lnTo>
                <a:pt x="630" y="8898"/>
              </a:lnTo>
              <a:lnTo>
                <a:pt x="525" y="9463"/>
              </a:lnTo>
              <a:lnTo>
                <a:pt x="420" y="10028"/>
              </a:lnTo>
              <a:lnTo>
                <a:pt x="210" y="10593"/>
              </a:lnTo>
              <a:lnTo>
                <a:pt x="210" y="11441"/>
              </a:lnTo>
              <a:lnTo>
                <a:pt x="0" y="12288"/>
              </a:lnTo>
              <a:lnTo>
                <a:pt x="0" y="12570"/>
              </a:lnTo>
              <a:lnTo>
                <a:pt x="525" y="13135"/>
              </a:lnTo>
              <a:lnTo>
                <a:pt x="840" y="13559"/>
              </a:lnTo>
              <a:lnTo>
                <a:pt x="840" y="13983"/>
              </a:lnTo>
              <a:lnTo>
                <a:pt x="1050" y="14124"/>
              </a:lnTo>
              <a:lnTo>
                <a:pt x="1470" y="14124"/>
              </a:lnTo>
              <a:lnTo>
                <a:pt x="1470" y="14548"/>
              </a:lnTo>
              <a:lnTo>
                <a:pt x="1575" y="14830"/>
              </a:lnTo>
              <a:lnTo>
                <a:pt x="1890" y="14689"/>
              </a:lnTo>
              <a:lnTo>
                <a:pt x="2311" y="14689"/>
              </a:lnTo>
              <a:lnTo>
                <a:pt x="2836" y="14972"/>
              </a:lnTo>
              <a:lnTo>
                <a:pt x="3046" y="15254"/>
              </a:lnTo>
              <a:lnTo>
                <a:pt x="3256" y="15537"/>
              </a:lnTo>
              <a:lnTo>
                <a:pt x="3676" y="15537"/>
              </a:lnTo>
              <a:lnTo>
                <a:pt x="4096" y="15254"/>
              </a:lnTo>
              <a:lnTo>
                <a:pt x="4306" y="14830"/>
              </a:lnTo>
              <a:lnTo>
                <a:pt x="4726" y="14830"/>
              </a:lnTo>
              <a:lnTo>
                <a:pt x="4936" y="14548"/>
              </a:lnTo>
              <a:lnTo>
                <a:pt x="5461" y="14124"/>
              </a:lnTo>
              <a:lnTo>
                <a:pt x="5881" y="14407"/>
              </a:lnTo>
              <a:lnTo>
                <a:pt x="5881" y="14830"/>
              </a:lnTo>
              <a:lnTo>
                <a:pt x="7142" y="16384"/>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13</xdr:col>
      <xdr:colOff>28575</xdr:colOff>
      <xdr:row>35</xdr:row>
      <xdr:rowOff>104775</xdr:rowOff>
    </xdr:from>
    <xdr:to>
      <xdr:col>14</xdr:col>
      <xdr:colOff>276225</xdr:colOff>
      <xdr:row>39</xdr:row>
      <xdr:rowOff>28576</xdr:rowOff>
    </xdr:to>
    <xdr:sp macro="" textlink="">
      <xdr:nvSpPr>
        <xdr:cNvPr id="40" name="d14301">
          <a:extLst>
            <a:ext uri="{FF2B5EF4-FFF2-40B4-BE49-F238E27FC236}">
              <a16:creationId xmlns:a16="http://schemas.microsoft.com/office/drawing/2014/main" id="{00000000-0008-0000-0000-000028000000}"/>
            </a:ext>
          </a:extLst>
        </xdr:cNvPr>
        <xdr:cNvSpPr>
          <a:spLocks/>
        </xdr:cNvSpPr>
      </xdr:nvSpPr>
      <xdr:spPr bwMode="auto">
        <a:xfrm>
          <a:off x="7953375" y="6505575"/>
          <a:ext cx="857250" cy="533401"/>
        </a:xfrm>
        <a:custGeom>
          <a:avLst/>
          <a:gdLst/>
          <a:ahLst/>
          <a:cxnLst>
            <a:cxn ang="0">
              <a:pos x="12561" y="5851"/>
            </a:cxn>
            <a:cxn ang="0">
              <a:pos x="11287" y="6729"/>
            </a:cxn>
            <a:cxn ang="0">
              <a:pos x="9830" y="5851"/>
            </a:cxn>
            <a:cxn ang="0">
              <a:pos x="8192" y="6437"/>
            </a:cxn>
            <a:cxn ang="0">
              <a:pos x="6736" y="6144"/>
            </a:cxn>
            <a:cxn ang="0">
              <a:pos x="6372" y="4389"/>
            </a:cxn>
            <a:cxn ang="0">
              <a:pos x="7828" y="3803"/>
            </a:cxn>
            <a:cxn ang="0">
              <a:pos x="9466" y="2633"/>
            </a:cxn>
            <a:cxn ang="0">
              <a:pos x="9102" y="585"/>
            </a:cxn>
            <a:cxn ang="0">
              <a:pos x="8010" y="293"/>
            </a:cxn>
            <a:cxn ang="0">
              <a:pos x="6372" y="0"/>
            </a:cxn>
            <a:cxn ang="0">
              <a:pos x="4915" y="0"/>
            </a:cxn>
            <a:cxn ang="0">
              <a:pos x="3459" y="2048"/>
            </a:cxn>
            <a:cxn ang="0">
              <a:pos x="2367" y="3218"/>
            </a:cxn>
            <a:cxn ang="0">
              <a:pos x="728" y="2341"/>
            </a:cxn>
            <a:cxn ang="0">
              <a:pos x="182" y="3803"/>
            </a:cxn>
            <a:cxn ang="0">
              <a:pos x="728" y="6729"/>
            </a:cxn>
            <a:cxn ang="0">
              <a:pos x="546" y="8777"/>
            </a:cxn>
            <a:cxn ang="0">
              <a:pos x="0" y="10533"/>
            </a:cxn>
            <a:cxn ang="0">
              <a:pos x="1456" y="11410"/>
            </a:cxn>
            <a:cxn ang="0">
              <a:pos x="2002" y="13751"/>
            </a:cxn>
            <a:cxn ang="0">
              <a:pos x="1820" y="16091"/>
            </a:cxn>
            <a:cxn ang="0">
              <a:pos x="3095" y="15506"/>
            </a:cxn>
            <a:cxn ang="0">
              <a:pos x="7100" y="14921"/>
            </a:cxn>
            <a:cxn ang="0">
              <a:pos x="7646" y="14043"/>
            </a:cxn>
            <a:cxn ang="0">
              <a:pos x="8920" y="14043"/>
            </a:cxn>
            <a:cxn ang="0">
              <a:pos x="10012" y="14043"/>
            </a:cxn>
            <a:cxn ang="0">
              <a:pos x="11105" y="12288"/>
            </a:cxn>
            <a:cxn ang="0">
              <a:pos x="11651" y="13458"/>
            </a:cxn>
            <a:cxn ang="0">
              <a:pos x="12561" y="15214"/>
            </a:cxn>
            <a:cxn ang="0">
              <a:pos x="13289" y="14336"/>
            </a:cxn>
            <a:cxn ang="0">
              <a:pos x="14382" y="13458"/>
            </a:cxn>
            <a:cxn ang="0">
              <a:pos x="16020" y="12873"/>
            </a:cxn>
            <a:cxn ang="0">
              <a:pos x="15656" y="10240"/>
            </a:cxn>
            <a:cxn ang="0">
              <a:pos x="16384" y="8192"/>
            </a:cxn>
            <a:cxn ang="0">
              <a:pos x="15474" y="7899"/>
            </a:cxn>
            <a:cxn ang="0">
              <a:pos x="13835" y="6437"/>
            </a:cxn>
            <a:cxn ang="0">
              <a:pos x="12379" y="5266"/>
            </a:cxn>
          </a:cxnLst>
          <a:rect l="0" t="0" r="r" b="b"/>
          <a:pathLst>
            <a:path w="16384" h="16384">
              <a:moveTo>
                <a:pt x="12379" y="5266"/>
              </a:moveTo>
              <a:lnTo>
                <a:pt x="12561" y="5851"/>
              </a:lnTo>
              <a:lnTo>
                <a:pt x="12197" y="6729"/>
              </a:lnTo>
              <a:lnTo>
                <a:pt x="11287" y="6729"/>
              </a:lnTo>
              <a:lnTo>
                <a:pt x="10559" y="5851"/>
              </a:lnTo>
              <a:lnTo>
                <a:pt x="9830" y="5851"/>
              </a:lnTo>
              <a:lnTo>
                <a:pt x="8920" y="6144"/>
              </a:lnTo>
              <a:lnTo>
                <a:pt x="8192" y="6437"/>
              </a:lnTo>
              <a:lnTo>
                <a:pt x="7464" y="5851"/>
              </a:lnTo>
              <a:lnTo>
                <a:pt x="6736" y="6144"/>
              </a:lnTo>
              <a:lnTo>
                <a:pt x="6372" y="4974"/>
              </a:lnTo>
              <a:lnTo>
                <a:pt x="6372" y="4389"/>
              </a:lnTo>
              <a:lnTo>
                <a:pt x="6918" y="4389"/>
              </a:lnTo>
              <a:lnTo>
                <a:pt x="7828" y="3803"/>
              </a:lnTo>
              <a:lnTo>
                <a:pt x="8374" y="3803"/>
              </a:lnTo>
              <a:lnTo>
                <a:pt x="9466" y="2633"/>
              </a:lnTo>
              <a:lnTo>
                <a:pt x="9648" y="1170"/>
              </a:lnTo>
              <a:lnTo>
                <a:pt x="9102" y="585"/>
              </a:lnTo>
              <a:lnTo>
                <a:pt x="8192" y="585"/>
              </a:lnTo>
              <a:lnTo>
                <a:pt x="8010" y="293"/>
              </a:lnTo>
              <a:lnTo>
                <a:pt x="6554" y="293"/>
              </a:lnTo>
              <a:lnTo>
                <a:pt x="6372" y="0"/>
              </a:lnTo>
              <a:lnTo>
                <a:pt x="5279" y="293"/>
              </a:lnTo>
              <a:lnTo>
                <a:pt x="4915" y="0"/>
              </a:lnTo>
              <a:lnTo>
                <a:pt x="4187" y="1463"/>
              </a:lnTo>
              <a:lnTo>
                <a:pt x="3459" y="2048"/>
              </a:lnTo>
              <a:lnTo>
                <a:pt x="2913" y="2048"/>
              </a:lnTo>
              <a:lnTo>
                <a:pt x="2367" y="3218"/>
              </a:lnTo>
              <a:lnTo>
                <a:pt x="1456" y="3803"/>
              </a:lnTo>
              <a:lnTo>
                <a:pt x="728" y="2341"/>
              </a:lnTo>
              <a:lnTo>
                <a:pt x="182" y="2633"/>
              </a:lnTo>
              <a:lnTo>
                <a:pt x="182" y="3803"/>
              </a:lnTo>
              <a:lnTo>
                <a:pt x="546" y="4974"/>
              </a:lnTo>
              <a:lnTo>
                <a:pt x="728" y="6729"/>
              </a:lnTo>
              <a:lnTo>
                <a:pt x="364" y="7899"/>
              </a:lnTo>
              <a:lnTo>
                <a:pt x="546" y="8777"/>
              </a:lnTo>
              <a:lnTo>
                <a:pt x="364" y="9655"/>
              </a:lnTo>
              <a:lnTo>
                <a:pt x="0" y="10533"/>
              </a:lnTo>
              <a:lnTo>
                <a:pt x="910" y="11118"/>
              </a:lnTo>
              <a:lnTo>
                <a:pt x="1456" y="11410"/>
              </a:lnTo>
              <a:lnTo>
                <a:pt x="1456" y="12581"/>
              </a:lnTo>
              <a:lnTo>
                <a:pt x="2002" y="13751"/>
              </a:lnTo>
              <a:lnTo>
                <a:pt x="2549" y="14629"/>
              </a:lnTo>
              <a:lnTo>
                <a:pt x="1820" y="16091"/>
              </a:lnTo>
              <a:lnTo>
                <a:pt x="2731" y="16384"/>
              </a:lnTo>
              <a:lnTo>
                <a:pt x="3095" y="15506"/>
              </a:lnTo>
              <a:lnTo>
                <a:pt x="6007" y="15214"/>
              </a:lnTo>
              <a:lnTo>
                <a:pt x="7100" y="14921"/>
              </a:lnTo>
              <a:lnTo>
                <a:pt x="7282" y="14921"/>
              </a:lnTo>
              <a:lnTo>
                <a:pt x="7646" y="14043"/>
              </a:lnTo>
              <a:lnTo>
                <a:pt x="8192" y="14043"/>
              </a:lnTo>
              <a:lnTo>
                <a:pt x="8920" y="14043"/>
              </a:lnTo>
              <a:lnTo>
                <a:pt x="9466" y="14043"/>
              </a:lnTo>
              <a:lnTo>
                <a:pt x="10012" y="14043"/>
              </a:lnTo>
              <a:lnTo>
                <a:pt x="10559" y="13458"/>
              </a:lnTo>
              <a:lnTo>
                <a:pt x="11105" y="12288"/>
              </a:lnTo>
              <a:lnTo>
                <a:pt x="11469" y="12581"/>
              </a:lnTo>
              <a:lnTo>
                <a:pt x="11651" y="13458"/>
              </a:lnTo>
              <a:lnTo>
                <a:pt x="12015" y="14336"/>
              </a:lnTo>
              <a:lnTo>
                <a:pt x="12561" y="15214"/>
              </a:lnTo>
              <a:lnTo>
                <a:pt x="13107" y="15214"/>
              </a:lnTo>
              <a:lnTo>
                <a:pt x="13289" y="14336"/>
              </a:lnTo>
              <a:lnTo>
                <a:pt x="13653" y="13751"/>
              </a:lnTo>
              <a:lnTo>
                <a:pt x="14382" y="13458"/>
              </a:lnTo>
              <a:lnTo>
                <a:pt x="15110" y="12873"/>
              </a:lnTo>
              <a:lnTo>
                <a:pt x="16020" y="12873"/>
              </a:lnTo>
              <a:lnTo>
                <a:pt x="16020" y="11995"/>
              </a:lnTo>
              <a:lnTo>
                <a:pt x="15656" y="10240"/>
              </a:lnTo>
              <a:lnTo>
                <a:pt x="15656" y="8777"/>
              </a:lnTo>
              <a:lnTo>
                <a:pt x="16384" y="8192"/>
              </a:lnTo>
              <a:lnTo>
                <a:pt x="16202" y="7899"/>
              </a:lnTo>
              <a:lnTo>
                <a:pt x="15474" y="7899"/>
              </a:lnTo>
              <a:lnTo>
                <a:pt x="14928" y="7607"/>
              </a:lnTo>
              <a:lnTo>
                <a:pt x="13835" y="6437"/>
              </a:lnTo>
              <a:lnTo>
                <a:pt x="12925" y="5266"/>
              </a:lnTo>
              <a:lnTo>
                <a:pt x="12379" y="5266"/>
              </a:lnTo>
              <a:close/>
            </a:path>
          </a:pathLst>
        </a:custGeom>
        <a:solidFill>
          <a:srgbClr val="FF6600"/>
        </a:solidFill>
        <a:ln w="9525" cap="flat">
          <a:solidFill>
            <a:srgbClr val="000000"/>
          </a:solidFill>
          <a:prstDash val="solid"/>
          <a:round/>
          <a:headEnd/>
          <a:tailEnd/>
        </a:ln>
      </xdr:spPr>
    </xdr:sp>
    <xdr:clientData/>
  </xdr:twoCellAnchor>
  <xdr:twoCellAnchor editAs="oneCell">
    <xdr:from>
      <xdr:col>9</xdr:col>
      <xdr:colOff>200025</xdr:colOff>
      <xdr:row>25</xdr:row>
      <xdr:rowOff>114300</xdr:rowOff>
    </xdr:from>
    <xdr:to>
      <xdr:col>10</xdr:col>
      <xdr:colOff>0</xdr:colOff>
      <xdr:row>30</xdr:row>
      <xdr:rowOff>57149</xdr:rowOff>
    </xdr:to>
    <xdr:sp macro="" textlink="">
      <xdr:nvSpPr>
        <xdr:cNvPr id="41" name="d14321">
          <a:extLst>
            <a:ext uri="{FF2B5EF4-FFF2-40B4-BE49-F238E27FC236}">
              <a16:creationId xmlns:a16="http://schemas.microsoft.com/office/drawing/2014/main" id="{00000000-0008-0000-0000-000029000000}"/>
            </a:ext>
          </a:extLst>
        </xdr:cNvPr>
        <xdr:cNvSpPr>
          <a:spLocks/>
        </xdr:cNvSpPr>
      </xdr:nvSpPr>
      <xdr:spPr bwMode="auto">
        <a:xfrm>
          <a:off x="5686425" y="4991100"/>
          <a:ext cx="409575" cy="704849"/>
        </a:xfrm>
        <a:custGeom>
          <a:avLst/>
          <a:gdLst/>
          <a:ahLst/>
          <a:cxnLst>
            <a:cxn ang="0">
              <a:pos x="2286" y="2214"/>
            </a:cxn>
            <a:cxn ang="0">
              <a:pos x="3048" y="3321"/>
            </a:cxn>
            <a:cxn ang="0">
              <a:pos x="3048" y="4428"/>
            </a:cxn>
            <a:cxn ang="0">
              <a:pos x="2667" y="5978"/>
            </a:cxn>
            <a:cxn ang="0">
              <a:pos x="1524" y="7528"/>
            </a:cxn>
            <a:cxn ang="0">
              <a:pos x="1524" y="9299"/>
            </a:cxn>
            <a:cxn ang="0">
              <a:pos x="381" y="11070"/>
            </a:cxn>
            <a:cxn ang="0">
              <a:pos x="0" y="11956"/>
            </a:cxn>
            <a:cxn ang="0">
              <a:pos x="1524" y="13284"/>
            </a:cxn>
            <a:cxn ang="0">
              <a:pos x="1905" y="14391"/>
            </a:cxn>
            <a:cxn ang="0">
              <a:pos x="762" y="14834"/>
            </a:cxn>
            <a:cxn ang="0">
              <a:pos x="381" y="16384"/>
            </a:cxn>
            <a:cxn ang="0">
              <a:pos x="3048" y="16384"/>
            </a:cxn>
            <a:cxn ang="0">
              <a:pos x="6477" y="15941"/>
            </a:cxn>
            <a:cxn ang="0">
              <a:pos x="11431" y="15720"/>
            </a:cxn>
            <a:cxn ang="0">
              <a:pos x="12574" y="14391"/>
            </a:cxn>
            <a:cxn ang="0">
              <a:pos x="12574" y="13506"/>
            </a:cxn>
            <a:cxn ang="0">
              <a:pos x="11431" y="12842"/>
            </a:cxn>
            <a:cxn ang="0">
              <a:pos x="11812" y="11956"/>
            </a:cxn>
            <a:cxn ang="0">
              <a:pos x="13717" y="11070"/>
            </a:cxn>
            <a:cxn ang="0">
              <a:pos x="15241" y="10185"/>
            </a:cxn>
            <a:cxn ang="0">
              <a:pos x="16003" y="8635"/>
            </a:cxn>
            <a:cxn ang="0">
              <a:pos x="16384" y="7528"/>
            </a:cxn>
            <a:cxn ang="0">
              <a:pos x="15622" y="6864"/>
            </a:cxn>
            <a:cxn ang="0">
              <a:pos x="14098" y="5314"/>
            </a:cxn>
            <a:cxn ang="0">
              <a:pos x="14479" y="3321"/>
            </a:cxn>
            <a:cxn ang="0">
              <a:pos x="12193" y="3321"/>
            </a:cxn>
            <a:cxn ang="0">
              <a:pos x="12955" y="1328"/>
            </a:cxn>
            <a:cxn ang="0">
              <a:pos x="11431" y="1107"/>
            </a:cxn>
            <a:cxn ang="0">
              <a:pos x="12193" y="0"/>
            </a:cxn>
            <a:cxn ang="0">
              <a:pos x="9907" y="221"/>
            </a:cxn>
            <a:cxn ang="0">
              <a:pos x="7620" y="443"/>
            </a:cxn>
            <a:cxn ang="0">
              <a:pos x="6477" y="0"/>
            </a:cxn>
            <a:cxn ang="0">
              <a:pos x="3048" y="221"/>
            </a:cxn>
            <a:cxn ang="0">
              <a:pos x="1143" y="221"/>
            </a:cxn>
            <a:cxn ang="0">
              <a:pos x="1905" y="886"/>
            </a:cxn>
            <a:cxn ang="0">
              <a:pos x="2286" y="2214"/>
            </a:cxn>
          </a:cxnLst>
          <a:rect l="0" t="0" r="r" b="b"/>
          <a:pathLst>
            <a:path w="16384" h="16384">
              <a:moveTo>
                <a:pt x="2286" y="2214"/>
              </a:moveTo>
              <a:lnTo>
                <a:pt x="3048" y="3321"/>
              </a:lnTo>
              <a:lnTo>
                <a:pt x="3048" y="4428"/>
              </a:lnTo>
              <a:lnTo>
                <a:pt x="2667" y="5978"/>
              </a:lnTo>
              <a:lnTo>
                <a:pt x="1524" y="7528"/>
              </a:lnTo>
              <a:lnTo>
                <a:pt x="1524" y="9299"/>
              </a:lnTo>
              <a:lnTo>
                <a:pt x="381" y="11070"/>
              </a:lnTo>
              <a:lnTo>
                <a:pt x="0" y="11956"/>
              </a:lnTo>
              <a:lnTo>
                <a:pt x="1524" y="13284"/>
              </a:lnTo>
              <a:lnTo>
                <a:pt x="1905" y="14391"/>
              </a:lnTo>
              <a:lnTo>
                <a:pt x="762" y="14834"/>
              </a:lnTo>
              <a:lnTo>
                <a:pt x="381" y="16384"/>
              </a:lnTo>
              <a:lnTo>
                <a:pt x="3048" y="16384"/>
              </a:lnTo>
              <a:lnTo>
                <a:pt x="6477" y="15941"/>
              </a:lnTo>
              <a:lnTo>
                <a:pt x="11431" y="15720"/>
              </a:lnTo>
              <a:lnTo>
                <a:pt x="12574" y="14391"/>
              </a:lnTo>
              <a:lnTo>
                <a:pt x="12574" y="13506"/>
              </a:lnTo>
              <a:lnTo>
                <a:pt x="11431" y="12842"/>
              </a:lnTo>
              <a:lnTo>
                <a:pt x="11812" y="11956"/>
              </a:lnTo>
              <a:lnTo>
                <a:pt x="13717" y="11070"/>
              </a:lnTo>
              <a:lnTo>
                <a:pt x="15241" y="10185"/>
              </a:lnTo>
              <a:lnTo>
                <a:pt x="16003" y="8635"/>
              </a:lnTo>
              <a:lnTo>
                <a:pt x="16384" y="7528"/>
              </a:lnTo>
              <a:lnTo>
                <a:pt x="15622" y="6864"/>
              </a:lnTo>
              <a:lnTo>
                <a:pt x="14098" y="5314"/>
              </a:lnTo>
              <a:lnTo>
                <a:pt x="14479" y="3321"/>
              </a:lnTo>
              <a:lnTo>
                <a:pt x="12193" y="3321"/>
              </a:lnTo>
              <a:lnTo>
                <a:pt x="12955" y="1328"/>
              </a:lnTo>
              <a:lnTo>
                <a:pt x="11431" y="1107"/>
              </a:lnTo>
              <a:lnTo>
                <a:pt x="12193" y="0"/>
              </a:lnTo>
              <a:lnTo>
                <a:pt x="9907" y="221"/>
              </a:lnTo>
              <a:lnTo>
                <a:pt x="7620" y="443"/>
              </a:lnTo>
              <a:lnTo>
                <a:pt x="6477" y="0"/>
              </a:lnTo>
              <a:lnTo>
                <a:pt x="3048" y="221"/>
              </a:lnTo>
              <a:lnTo>
                <a:pt x="1143" y="221"/>
              </a:lnTo>
              <a:lnTo>
                <a:pt x="1905" y="886"/>
              </a:lnTo>
              <a:lnTo>
                <a:pt x="2286" y="2214"/>
              </a:lnTo>
              <a:close/>
            </a:path>
          </a:pathLst>
        </a:custGeom>
        <a:solidFill>
          <a:srgbClr val="FF0000"/>
        </a:solidFill>
        <a:ln w="9525" cap="flat">
          <a:solidFill>
            <a:srgbClr val="000000"/>
          </a:solidFill>
          <a:prstDash val="solid"/>
          <a:round/>
          <a:headEnd/>
          <a:tailEnd/>
        </a:ln>
      </xdr:spPr>
    </xdr:sp>
    <xdr:clientData/>
  </xdr:twoCellAnchor>
  <xdr:twoCellAnchor editAs="oneCell">
    <xdr:from>
      <xdr:col>7</xdr:col>
      <xdr:colOff>66675</xdr:colOff>
      <xdr:row>31</xdr:row>
      <xdr:rowOff>114300</xdr:rowOff>
    </xdr:from>
    <xdr:to>
      <xdr:col>8</xdr:col>
      <xdr:colOff>419100</xdr:colOff>
      <xdr:row>35</xdr:row>
      <xdr:rowOff>9524</xdr:rowOff>
    </xdr:to>
    <xdr:sp macro="" textlink="">
      <xdr:nvSpPr>
        <xdr:cNvPr id="42" name="d14341">
          <a:extLst>
            <a:ext uri="{FF2B5EF4-FFF2-40B4-BE49-F238E27FC236}">
              <a16:creationId xmlns:a16="http://schemas.microsoft.com/office/drawing/2014/main" id="{00000000-0008-0000-0000-00002A000000}"/>
            </a:ext>
          </a:extLst>
        </xdr:cNvPr>
        <xdr:cNvSpPr>
          <a:spLocks/>
        </xdr:cNvSpPr>
      </xdr:nvSpPr>
      <xdr:spPr bwMode="auto">
        <a:xfrm>
          <a:off x="4333875" y="5905500"/>
          <a:ext cx="962025" cy="504824"/>
        </a:xfrm>
        <a:custGeom>
          <a:avLst/>
          <a:gdLst/>
          <a:ahLst/>
          <a:cxnLst>
            <a:cxn ang="0">
              <a:pos x="15573" y="9892"/>
            </a:cxn>
            <a:cxn ang="0">
              <a:pos x="14762" y="8656"/>
            </a:cxn>
            <a:cxn ang="0">
              <a:pos x="15086" y="6492"/>
            </a:cxn>
            <a:cxn ang="0">
              <a:pos x="15573" y="6183"/>
            </a:cxn>
            <a:cxn ang="0">
              <a:pos x="16384" y="5255"/>
            </a:cxn>
            <a:cxn ang="0">
              <a:pos x="15897" y="4019"/>
            </a:cxn>
            <a:cxn ang="0">
              <a:pos x="14762" y="4019"/>
            </a:cxn>
            <a:cxn ang="0">
              <a:pos x="14437" y="2473"/>
            </a:cxn>
            <a:cxn ang="0">
              <a:pos x="14113" y="4019"/>
            </a:cxn>
            <a:cxn ang="0">
              <a:pos x="12815" y="4946"/>
            </a:cxn>
            <a:cxn ang="0">
              <a:pos x="11842" y="6492"/>
            </a:cxn>
            <a:cxn ang="0">
              <a:pos x="10544" y="6801"/>
            </a:cxn>
            <a:cxn ang="0">
              <a:pos x="10382" y="5874"/>
            </a:cxn>
            <a:cxn ang="0">
              <a:pos x="9409" y="5255"/>
            </a:cxn>
            <a:cxn ang="0">
              <a:pos x="8922" y="4019"/>
            </a:cxn>
            <a:cxn ang="0">
              <a:pos x="8435" y="4019"/>
            </a:cxn>
            <a:cxn ang="0">
              <a:pos x="8922" y="2164"/>
            </a:cxn>
            <a:cxn ang="0">
              <a:pos x="8435" y="1546"/>
            </a:cxn>
            <a:cxn ang="0">
              <a:pos x="6489" y="1546"/>
            </a:cxn>
            <a:cxn ang="0">
              <a:pos x="6002" y="618"/>
            </a:cxn>
            <a:cxn ang="0">
              <a:pos x="5029" y="618"/>
            </a:cxn>
            <a:cxn ang="0">
              <a:pos x="4380" y="0"/>
            </a:cxn>
            <a:cxn ang="0">
              <a:pos x="3082" y="309"/>
            </a:cxn>
            <a:cxn ang="0">
              <a:pos x="2109" y="0"/>
            </a:cxn>
            <a:cxn ang="0">
              <a:pos x="1298" y="1855"/>
            </a:cxn>
            <a:cxn ang="0">
              <a:pos x="0" y="2164"/>
            </a:cxn>
            <a:cxn ang="0">
              <a:pos x="811" y="5874"/>
            </a:cxn>
            <a:cxn ang="0">
              <a:pos x="1298" y="8656"/>
            </a:cxn>
            <a:cxn ang="0">
              <a:pos x="2433" y="8656"/>
            </a:cxn>
            <a:cxn ang="0">
              <a:pos x="2758" y="10820"/>
            </a:cxn>
            <a:cxn ang="0">
              <a:pos x="2758" y="12674"/>
            </a:cxn>
            <a:cxn ang="0">
              <a:pos x="3244" y="14529"/>
            </a:cxn>
            <a:cxn ang="0">
              <a:pos x="3407" y="16384"/>
            </a:cxn>
            <a:cxn ang="0">
              <a:pos x="9895" y="13911"/>
            </a:cxn>
            <a:cxn ang="0">
              <a:pos x="12815" y="12674"/>
            </a:cxn>
            <a:cxn ang="0">
              <a:pos x="13140" y="11438"/>
            </a:cxn>
            <a:cxn ang="0">
              <a:pos x="15573" y="9892"/>
            </a:cxn>
          </a:cxnLst>
          <a:rect l="0" t="0" r="r" b="b"/>
          <a:pathLst>
            <a:path w="16384" h="16384">
              <a:moveTo>
                <a:pt x="15573" y="9892"/>
              </a:moveTo>
              <a:lnTo>
                <a:pt x="14762" y="8656"/>
              </a:lnTo>
              <a:lnTo>
                <a:pt x="15086" y="6492"/>
              </a:lnTo>
              <a:lnTo>
                <a:pt x="15573" y="6183"/>
              </a:lnTo>
              <a:lnTo>
                <a:pt x="16384" y="5255"/>
              </a:lnTo>
              <a:lnTo>
                <a:pt x="15897" y="4019"/>
              </a:lnTo>
              <a:lnTo>
                <a:pt x="14762" y="4019"/>
              </a:lnTo>
              <a:lnTo>
                <a:pt x="14437" y="2473"/>
              </a:lnTo>
              <a:lnTo>
                <a:pt x="14113" y="4019"/>
              </a:lnTo>
              <a:lnTo>
                <a:pt x="12815" y="4946"/>
              </a:lnTo>
              <a:lnTo>
                <a:pt x="11842" y="6492"/>
              </a:lnTo>
              <a:lnTo>
                <a:pt x="10544" y="6801"/>
              </a:lnTo>
              <a:lnTo>
                <a:pt x="10382" y="5874"/>
              </a:lnTo>
              <a:lnTo>
                <a:pt x="9409" y="5255"/>
              </a:lnTo>
              <a:lnTo>
                <a:pt x="8922" y="4019"/>
              </a:lnTo>
              <a:lnTo>
                <a:pt x="8435" y="4019"/>
              </a:lnTo>
              <a:lnTo>
                <a:pt x="8922" y="2164"/>
              </a:lnTo>
              <a:lnTo>
                <a:pt x="8435" y="1546"/>
              </a:lnTo>
              <a:lnTo>
                <a:pt x="6489" y="1546"/>
              </a:lnTo>
              <a:lnTo>
                <a:pt x="6002" y="618"/>
              </a:lnTo>
              <a:lnTo>
                <a:pt x="5029" y="618"/>
              </a:lnTo>
              <a:lnTo>
                <a:pt x="4380" y="0"/>
              </a:lnTo>
              <a:lnTo>
                <a:pt x="3082" y="309"/>
              </a:lnTo>
              <a:lnTo>
                <a:pt x="2109" y="0"/>
              </a:lnTo>
              <a:lnTo>
                <a:pt x="1298" y="1855"/>
              </a:lnTo>
              <a:lnTo>
                <a:pt x="0" y="2164"/>
              </a:lnTo>
              <a:lnTo>
                <a:pt x="811" y="5874"/>
              </a:lnTo>
              <a:lnTo>
                <a:pt x="1298" y="8656"/>
              </a:lnTo>
              <a:lnTo>
                <a:pt x="2433" y="8656"/>
              </a:lnTo>
              <a:lnTo>
                <a:pt x="2758" y="10820"/>
              </a:lnTo>
              <a:lnTo>
                <a:pt x="2758" y="12674"/>
              </a:lnTo>
              <a:lnTo>
                <a:pt x="3244" y="14529"/>
              </a:lnTo>
              <a:lnTo>
                <a:pt x="3407" y="16384"/>
              </a:lnTo>
              <a:lnTo>
                <a:pt x="9895" y="13911"/>
              </a:lnTo>
              <a:lnTo>
                <a:pt x="12815" y="12674"/>
              </a:lnTo>
              <a:lnTo>
                <a:pt x="13140" y="11438"/>
              </a:lnTo>
              <a:lnTo>
                <a:pt x="15573" y="9892"/>
              </a:lnTo>
              <a:close/>
            </a:path>
          </a:pathLst>
        </a:custGeom>
        <a:solidFill>
          <a:srgbClr val="FF0000"/>
        </a:solidFill>
        <a:ln w="9525" cap="flat">
          <a:solidFill>
            <a:srgbClr val="000000"/>
          </a:solidFill>
          <a:prstDash val="solid"/>
          <a:round/>
          <a:headEnd/>
          <a:tailEnd/>
        </a:ln>
      </xdr:spPr>
    </xdr:sp>
    <xdr:clientData/>
  </xdr:twoCellAnchor>
  <xdr:twoCellAnchor editAs="oneCell">
    <xdr:from>
      <xdr:col>6</xdr:col>
      <xdr:colOff>466725</xdr:colOff>
      <xdr:row>32</xdr:row>
      <xdr:rowOff>19050</xdr:rowOff>
    </xdr:from>
    <xdr:to>
      <xdr:col>7</xdr:col>
      <xdr:colOff>266700</xdr:colOff>
      <xdr:row>36</xdr:row>
      <xdr:rowOff>1</xdr:rowOff>
    </xdr:to>
    <xdr:sp macro="" textlink="">
      <xdr:nvSpPr>
        <xdr:cNvPr id="43" name="d14342">
          <a:extLst>
            <a:ext uri="{FF2B5EF4-FFF2-40B4-BE49-F238E27FC236}">
              <a16:creationId xmlns:a16="http://schemas.microsoft.com/office/drawing/2014/main" id="{00000000-0008-0000-0000-00002B000000}"/>
            </a:ext>
          </a:extLst>
        </xdr:cNvPr>
        <xdr:cNvSpPr>
          <a:spLocks/>
        </xdr:cNvSpPr>
      </xdr:nvSpPr>
      <xdr:spPr bwMode="auto">
        <a:xfrm>
          <a:off x="4124325" y="5962650"/>
          <a:ext cx="409575" cy="590551"/>
        </a:xfrm>
        <a:custGeom>
          <a:avLst/>
          <a:gdLst/>
          <a:ahLst/>
          <a:cxnLst>
            <a:cxn ang="0">
              <a:pos x="8383" y="264"/>
            </a:cxn>
            <a:cxn ang="0">
              <a:pos x="7620" y="529"/>
            </a:cxn>
            <a:cxn ang="0">
              <a:pos x="7239" y="0"/>
            </a:cxn>
            <a:cxn ang="0">
              <a:pos x="4191" y="1586"/>
            </a:cxn>
            <a:cxn ang="0">
              <a:pos x="1524" y="3700"/>
            </a:cxn>
            <a:cxn ang="0">
              <a:pos x="0" y="3700"/>
            </a:cxn>
            <a:cxn ang="0">
              <a:pos x="381" y="4492"/>
            </a:cxn>
            <a:cxn ang="0">
              <a:pos x="1143" y="5285"/>
            </a:cxn>
            <a:cxn ang="0">
              <a:pos x="2667" y="5814"/>
            </a:cxn>
            <a:cxn ang="0">
              <a:pos x="2286" y="7663"/>
            </a:cxn>
            <a:cxn ang="0">
              <a:pos x="1905" y="8456"/>
            </a:cxn>
            <a:cxn ang="0">
              <a:pos x="2286" y="9513"/>
            </a:cxn>
            <a:cxn ang="0">
              <a:pos x="2286" y="10042"/>
            </a:cxn>
            <a:cxn ang="0">
              <a:pos x="2286" y="11363"/>
            </a:cxn>
            <a:cxn ang="0">
              <a:pos x="1143" y="12420"/>
            </a:cxn>
            <a:cxn ang="0">
              <a:pos x="1905" y="12684"/>
            </a:cxn>
            <a:cxn ang="0">
              <a:pos x="1905" y="12949"/>
            </a:cxn>
            <a:cxn ang="0">
              <a:pos x="1143" y="13741"/>
            </a:cxn>
            <a:cxn ang="0">
              <a:pos x="762" y="14798"/>
            </a:cxn>
            <a:cxn ang="0">
              <a:pos x="1524" y="16384"/>
            </a:cxn>
            <a:cxn ang="0">
              <a:pos x="5334" y="15063"/>
            </a:cxn>
            <a:cxn ang="0">
              <a:pos x="9526" y="13741"/>
            </a:cxn>
            <a:cxn ang="0">
              <a:pos x="13336" y="12949"/>
            </a:cxn>
            <a:cxn ang="0">
              <a:pos x="16384" y="12420"/>
            </a:cxn>
            <a:cxn ang="0">
              <a:pos x="16003" y="10835"/>
            </a:cxn>
            <a:cxn ang="0">
              <a:pos x="14860" y="9249"/>
            </a:cxn>
            <a:cxn ang="0">
              <a:pos x="14860" y="7663"/>
            </a:cxn>
            <a:cxn ang="0">
              <a:pos x="14098" y="5814"/>
            </a:cxn>
            <a:cxn ang="0">
              <a:pos x="11431" y="5814"/>
            </a:cxn>
            <a:cxn ang="0">
              <a:pos x="10288" y="3435"/>
            </a:cxn>
            <a:cxn ang="0">
              <a:pos x="8383" y="264"/>
            </a:cxn>
          </a:cxnLst>
          <a:rect l="0" t="0" r="r" b="b"/>
          <a:pathLst>
            <a:path w="16384" h="16384">
              <a:moveTo>
                <a:pt x="8383" y="264"/>
              </a:moveTo>
              <a:lnTo>
                <a:pt x="7620" y="529"/>
              </a:lnTo>
              <a:lnTo>
                <a:pt x="7239" y="0"/>
              </a:lnTo>
              <a:lnTo>
                <a:pt x="4191" y="1586"/>
              </a:lnTo>
              <a:lnTo>
                <a:pt x="1524" y="3700"/>
              </a:lnTo>
              <a:lnTo>
                <a:pt x="0" y="3700"/>
              </a:lnTo>
              <a:lnTo>
                <a:pt x="381" y="4492"/>
              </a:lnTo>
              <a:lnTo>
                <a:pt x="1143" y="5285"/>
              </a:lnTo>
              <a:lnTo>
                <a:pt x="2667" y="5814"/>
              </a:lnTo>
              <a:lnTo>
                <a:pt x="2286" y="7663"/>
              </a:lnTo>
              <a:lnTo>
                <a:pt x="1905" y="8456"/>
              </a:lnTo>
              <a:lnTo>
                <a:pt x="2286" y="9513"/>
              </a:lnTo>
              <a:lnTo>
                <a:pt x="2286" y="10042"/>
              </a:lnTo>
              <a:lnTo>
                <a:pt x="2286" y="11363"/>
              </a:lnTo>
              <a:lnTo>
                <a:pt x="1143" y="12420"/>
              </a:lnTo>
              <a:lnTo>
                <a:pt x="1905" y="12684"/>
              </a:lnTo>
              <a:lnTo>
                <a:pt x="1905" y="12949"/>
              </a:lnTo>
              <a:lnTo>
                <a:pt x="1143" y="13741"/>
              </a:lnTo>
              <a:lnTo>
                <a:pt x="762" y="14798"/>
              </a:lnTo>
              <a:lnTo>
                <a:pt x="1524" y="16384"/>
              </a:lnTo>
              <a:lnTo>
                <a:pt x="5334" y="15063"/>
              </a:lnTo>
              <a:lnTo>
                <a:pt x="9526" y="13741"/>
              </a:lnTo>
              <a:lnTo>
                <a:pt x="13336" y="12949"/>
              </a:lnTo>
              <a:lnTo>
                <a:pt x="16384" y="12420"/>
              </a:lnTo>
              <a:lnTo>
                <a:pt x="16003" y="10835"/>
              </a:lnTo>
              <a:lnTo>
                <a:pt x="14860" y="9249"/>
              </a:lnTo>
              <a:lnTo>
                <a:pt x="14860" y="7663"/>
              </a:lnTo>
              <a:lnTo>
                <a:pt x="14098" y="5814"/>
              </a:lnTo>
              <a:lnTo>
                <a:pt x="11431" y="5814"/>
              </a:lnTo>
              <a:lnTo>
                <a:pt x="10288" y="3435"/>
              </a:lnTo>
              <a:lnTo>
                <a:pt x="8383" y="264"/>
              </a:lnTo>
              <a:close/>
            </a:path>
          </a:pathLst>
        </a:custGeom>
        <a:solidFill>
          <a:srgbClr val="FF0000"/>
        </a:solidFill>
        <a:ln w="9525" cap="flat">
          <a:solidFill>
            <a:srgbClr val="000000"/>
          </a:solidFill>
          <a:prstDash val="solid"/>
          <a:round/>
          <a:headEnd/>
          <a:tailEnd/>
        </a:ln>
      </xdr:spPr>
    </xdr:sp>
    <xdr:clientData/>
  </xdr:twoCellAnchor>
  <xdr:twoCellAnchor editAs="oneCell">
    <xdr:from>
      <xdr:col>5</xdr:col>
      <xdr:colOff>542925</xdr:colOff>
      <xdr:row>29</xdr:row>
      <xdr:rowOff>38100</xdr:rowOff>
    </xdr:from>
    <xdr:to>
      <xdr:col>7</xdr:col>
      <xdr:colOff>85725</xdr:colOff>
      <xdr:row>33</xdr:row>
      <xdr:rowOff>142876</xdr:rowOff>
    </xdr:to>
    <xdr:sp macro="" textlink="">
      <xdr:nvSpPr>
        <xdr:cNvPr id="44" name="d14361">
          <a:extLst>
            <a:ext uri="{FF2B5EF4-FFF2-40B4-BE49-F238E27FC236}">
              <a16:creationId xmlns:a16="http://schemas.microsoft.com/office/drawing/2014/main" id="{00000000-0008-0000-0000-00002C000000}"/>
            </a:ext>
          </a:extLst>
        </xdr:cNvPr>
        <xdr:cNvSpPr>
          <a:spLocks/>
        </xdr:cNvSpPr>
      </xdr:nvSpPr>
      <xdr:spPr bwMode="auto">
        <a:xfrm>
          <a:off x="3590925" y="5524500"/>
          <a:ext cx="762000" cy="714376"/>
        </a:xfrm>
        <a:custGeom>
          <a:avLst/>
          <a:gdLst/>
          <a:ahLst/>
          <a:cxnLst>
            <a:cxn ang="0">
              <a:pos x="410" y="12233"/>
            </a:cxn>
            <a:cxn ang="0">
              <a:pos x="1024" y="13107"/>
            </a:cxn>
            <a:cxn ang="0">
              <a:pos x="1843" y="13763"/>
            </a:cxn>
            <a:cxn ang="0">
              <a:pos x="3072" y="14418"/>
            </a:cxn>
            <a:cxn ang="0">
              <a:pos x="3482" y="14636"/>
            </a:cxn>
            <a:cxn ang="0">
              <a:pos x="4096" y="15292"/>
            </a:cxn>
            <a:cxn ang="0">
              <a:pos x="4301" y="16384"/>
            </a:cxn>
            <a:cxn ang="0">
              <a:pos x="5325" y="15729"/>
            </a:cxn>
            <a:cxn ang="0">
              <a:pos x="6144" y="14855"/>
            </a:cxn>
            <a:cxn ang="0">
              <a:pos x="7168" y="13763"/>
            </a:cxn>
            <a:cxn ang="0">
              <a:pos x="8806" y="14199"/>
            </a:cxn>
            <a:cxn ang="0">
              <a:pos x="10035" y="14418"/>
            </a:cxn>
            <a:cxn ang="0">
              <a:pos x="11059" y="13326"/>
            </a:cxn>
            <a:cxn ang="0">
              <a:pos x="11469" y="13107"/>
            </a:cxn>
            <a:cxn ang="0">
              <a:pos x="12288" y="13107"/>
            </a:cxn>
            <a:cxn ang="0">
              <a:pos x="13722" y="11360"/>
            </a:cxn>
            <a:cxn ang="0">
              <a:pos x="15360" y="10049"/>
            </a:cxn>
            <a:cxn ang="0">
              <a:pos x="14746" y="8738"/>
            </a:cxn>
            <a:cxn ang="0">
              <a:pos x="13312" y="7646"/>
            </a:cxn>
            <a:cxn ang="0">
              <a:pos x="13312" y="3932"/>
            </a:cxn>
            <a:cxn ang="0">
              <a:pos x="14541" y="2840"/>
            </a:cxn>
            <a:cxn ang="0">
              <a:pos x="16384" y="2403"/>
            </a:cxn>
            <a:cxn ang="0">
              <a:pos x="14336" y="2185"/>
            </a:cxn>
            <a:cxn ang="0">
              <a:pos x="12902" y="3058"/>
            </a:cxn>
            <a:cxn ang="0">
              <a:pos x="11059" y="2621"/>
            </a:cxn>
            <a:cxn ang="0">
              <a:pos x="9216" y="2403"/>
            </a:cxn>
            <a:cxn ang="0">
              <a:pos x="7987" y="2840"/>
            </a:cxn>
            <a:cxn ang="0">
              <a:pos x="6758" y="1748"/>
            </a:cxn>
            <a:cxn ang="0">
              <a:pos x="6758" y="1529"/>
            </a:cxn>
            <a:cxn ang="0">
              <a:pos x="6554" y="1092"/>
            </a:cxn>
            <a:cxn ang="0">
              <a:pos x="6554" y="655"/>
            </a:cxn>
            <a:cxn ang="0">
              <a:pos x="5734" y="437"/>
            </a:cxn>
            <a:cxn ang="0">
              <a:pos x="5530" y="0"/>
            </a:cxn>
            <a:cxn ang="0">
              <a:pos x="4915" y="0"/>
            </a:cxn>
            <a:cxn ang="0">
              <a:pos x="4506" y="655"/>
            </a:cxn>
            <a:cxn ang="0">
              <a:pos x="3686" y="655"/>
            </a:cxn>
            <a:cxn ang="0">
              <a:pos x="3277" y="1966"/>
            </a:cxn>
            <a:cxn ang="0">
              <a:pos x="1843" y="1748"/>
            </a:cxn>
            <a:cxn ang="0">
              <a:pos x="0" y="3058"/>
            </a:cxn>
            <a:cxn ang="0">
              <a:pos x="0" y="3714"/>
            </a:cxn>
            <a:cxn ang="0">
              <a:pos x="410" y="4588"/>
            </a:cxn>
            <a:cxn ang="0">
              <a:pos x="1024" y="5461"/>
            </a:cxn>
            <a:cxn ang="0">
              <a:pos x="1434" y="6335"/>
            </a:cxn>
            <a:cxn ang="0">
              <a:pos x="1229" y="7209"/>
            </a:cxn>
            <a:cxn ang="0">
              <a:pos x="614" y="8301"/>
            </a:cxn>
            <a:cxn ang="0">
              <a:pos x="819" y="8520"/>
            </a:cxn>
            <a:cxn ang="0">
              <a:pos x="1434" y="8301"/>
            </a:cxn>
            <a:cxn ang="0">
              <a:pos x="1638" y="9175"/>
            </a:cxn>
            <a:cxn ang="0">
              <a:pos x="1638" y="9830"/>
            </a:cxn>
            <a:cxn ang="0">
              <a:pos x="2048" y="10049"/>
            </a:cxn>
            <a:cxn ang="0">
              <a:pos x="1434" y="10923"/>
            </a:cxn>
            <a:cxn ang="0">
              <a:pos x="1024" y="11578"/>
            </a:cxn>
            <a:cxn ang="0">
              <a:pos x="410" y="12233"/>
            </a:cxn>
          </a:cxnLst>
          <a:rect l="0" t="0" r="r" b="b"/>
          <a:pathLst>
            <a:path w="16384" h="16384">
              <a:moveTo>
                <a:pt x="410" y="12233"/>
              </a:moveTo>
              <a:lnTo>
                <a:pt x="1024" y="13107"/>
              </a:lnTo>
              <a:lnTo>
                <a:pt x="1843" y="13763"/>
              </a:lnTo>
              <a:lnTo>
                <a:pt x="3072" y="14418"/>
              </a:lnTo>
              <a:lnTo>
                <a:pt x="3482" y="14636"/>
              </a:lnTo>
              <a:lnTo>
                <a:pt x="4096" y="15292"/>
              </a:lnTo>
              <a:lnTo>
                <a:pt x="4301" y="16384"/>
              </a:lnTo>
              <a:lnTo>
                <a:pt x="5325" y="15729"/>
              </a:lnTo>
              <a:lnTo>
                <a:pt x="6144" y="14855"/>
              </a:lnTo>
              <a:lnTo>
                <a:pt x="7168" y="13763"/>
              </a:lnTo>
              <a:lnTo>
                <a:pt x="8806" y="14199"/>
              </a:lnTo>
              <a:lnTo>
                <a:pt x="10035" y="14418"/>
              </a:lnTo>
              <a:lnTo>
                <a:pt x="11059" y="13326"/>
              </a:lnTo>
              <a:lnTo>
                <a:pt x="11469" y="13107"/>
              </a:lnTo>
              <a:lnTo>
                <a:pt x="12288" y="13107"/>
              </a:lnTo>
              <a:lnTo>
                <a:pt x="13722" y="11360"/>
              </a:lnTo>
              <a:lnTo>
                <a:pt x="15360" y="10049"/>
              </a:lnTo>
              <a:lnTo>
                <a:pt x="14746" y="8738"/>
              </a:lnTo>
              <a:lnTo>
                <a:pt x="13312" y="7646"/>
              </a:lnTo>
              <a:lnTo>
                <a:pt x="13312" y="3932"/>
              </a:lnTo>
              <a:lnTo>
                <a:pt x="14541" y="2840"/>
              </a:lnTo>
              <a:lnTo>
                <a:pt x="16384" y="2403"/>
              </a:lnTo>
              <a:lnTo>
                <a:pt x="14336" y="2185"/>
              </a:lnTo>
              <a:lnTo>
                <a:pt x="12902" y="3058"/>
              </a:lnTo>
              <a:lnTo>
                <a:pt x="11059" y="2621"/>
              </a:lnTo>
              <a:lnTo>
                <a:pt x="9216" y="2403"/>
              </a:lnTo>
              <a:lnTo>
                <a:pt x="7987" y="2840"/>
              </a:lnTo>
              <a:lnTo>
                <a:pt x="6758" y="1748"/>
              </a:lnTo>
              <a:lnTo>
                <a:pt x="6758" y="1529"/>
              </a:lnTo>
              <a:lnTo>
                <a:pt x="6554" y="1092"/>
              </a:lnTo>
              <a:lnTo>
                <a:pt x="6554" y="655"/>
              </a:lnTo>
              <a:lnTo>
                <a:pt x="5734" y="437"/>
              </a:lnTo>
              <a:lnTo>
                <a:pt x="5530" y="0"/>
              </a:lnTo>
              <a:lnTo>
                <a:pt x="4915" y="0"/>
              </a:lnTo>
              <a:lnTo>
                <a:pt x="4506" y="655"/>
              </a:lnTo>
              <a:lnTo>
                <a:pt x="3686" y="655"/>
              </a:lnTo>
              <a:lnTo>
                <a:pt x="3277" y="1966"/>
              </a:lnTo>
              <a:lnTo>
                <a:pt x="1843" y="1748"/>
              </a:lnTo>
              <a:lnTo>
                <a:pt x="0" y="3058"/>
              </a:lnTo>
              <a:lnTo>
                <a:pt x="0" y="3714"/>
              </a:lnTo>
              <a:lnTo>
                <a:pt x="410" y="4588"/>
              </a:lnTo>
              <a:lnTo>
                <a:pt x="1024" y="5461"/>
              </a:lnTo>
              <a:lnTo>
                <a:pt x="1434" y="6335"/>
              </a:lnTo>
              <a:lnTo>
                <a:pt x="1229" y="7209"/>
              </a:lnTo>
              <a:lnTo>
                <a:pt x="614" y="8301"/>
              </a:lnTo>
              <a:lnTo>
                <a:pt x="819" y="8520"/>
              </a:lnTo>
              <a:lnTo>
                <a:pt x="1434" y="8301"/>
              </a:lnTo>
              <a:lnTo>
                <a:pt x="1638" y="9175"/>
              </a:lnTo>
              <a:lnTo>
                <a:pt x="1638" y="9830"/>
              </a:lnTo>
              <a:lnTo>
                <a:pt x="2048" y="10049"/>
              </a:lnTo>
              <a:lnTo>
                <a:pt x="1434" y="10923"/>
              </a:lnTo>
              <a:lnTo>
                <a:pt x="1024" y="11578"/>
              </a:lnTo>
              <a:lnTo>
                <a:pt x="410" y="12233"/>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571500</xdr:colOff>
      <xdr:row>29</xdr:row>
      <xdr:rowOff>76200</xdr:rowOff>
    </xdr:from>
    <xdr:to>
      <xdr:col>6</xdr:col>
      <xdr:colOff>28575</xdr:colOff>
      <xdr:row>33</xdr:row>
      <xdr:rowOff>85726</xdr:rowOff>
    </xdr:to>
    <xdr:sp macro="" textlink="">
      <xdr:nvSpPr>
        <xdr:cNvPr id="45" name="d14362">
          <a:extLst>
            <a:ext uri="{FF2B5EF4-FFF2-40B4-BE49-F238E27FC236}">
              <a16:creationId xmlns:a16="http://schemas.microsoft.com/office/drawing/2014/main" id="{00000000-0008-0000-0000-00002D000000}"/>
            </a:ext>
          </a:extLst>
        </xdr:cNvPr>
        <xdr:cNvSpPr>
          <a:spLocks/>
        </xdr:cNvSpPr>
      </xdr:nvSpPr>
      <xdr:spPr bwMode="auto">
        <a:xfrm>
          <a:off x="3009900" y="5562600"/>
          <a:ext cx="676275" cy="619126"/>
        </a:xfrm>
        <a:custGeom>
          <a:avLst/>
          <a:gdLst/>
          <a:ahLst/>
          <a:cxnLst>
            <a:cxn ang="0">
              <a:pos x="2077" y="12351"/>
            </a:cxn>
            <a:cxn ang="0">
              <a:pos x="4154" y="16384"/>
            </a:cxn>
            <a:cxn ang="0">
              <a:pos x="5769" y="16384"/>
            </a:cxn>
            <a:cxn ang="0">
              <a:pos x="6923" y="15628"/>
            </a:cxn>
            <a:cxn ang="0">
              <a:pos x="8077" y="14620"/>
            </a:cxn>
            <a:cxn ang="0">
              <a:pos x="8307" y="15124"/>
            </a:cxn>
            <a:cxn ang="0">
              <a:pos x="8769" y="14368"/>
            </a:cxn>
            <a:cxn ang="0">
              <a:pos x="9230" y="13611"/>
            </a:cxn>
            <a:cxn ang="0">
              <a:pos x="9923" y="13107"/>
            </a:cxn>
            <a:cxn ang="0">
              <a:pos x="10153" y="11847"/>
            </a:cxn>
            <a:cxn ang="0">
              <a:pos x="10384" y="11343"/>
            </a:cxn>
            <a:cxn ang="0">
              <a:pos x="12230" y="11091"/>
            </a:cxn>
            <a:cxn ang="0">
              <a:pos x="12692" y="10587"/>
            </a:cxn>
            <a:cxn ang="0">
              <a:pos x="13153" y="10839"/>
            </a:cxn>
            <a:cxn ang="0">
              <a:pos x="13384" y="11343"/>
            </a:cxn>
            <a:cxn ang="0">
              <a:pos x="14538" y="13107"/>
            </a:cxn>
            <a:cxn ang="0">
              <a:pos x="15230" y="12351"/>
            </a:cxn>
            <a:cxn ang="0">
              <a:pos x="15692" y="11595"/>
            </a:cxn>
            <a:cxn ang="0">
              <a:pos x="16384" y="10587"/>
            </a:cxn>
            <a:cxn ang="0">
              <a:pos x="15922" y="10335"/>
            </a:cxn>
            <a:cxn ang="0">
              <a:pos x="15922" y="9578"/>
            </a:cxn>
            <a:cxn ang="0">
              <a:pos x="15692" y="8570"/>
            </a:cxn>
            <a:cxn ang="0">
              <a:pos x="14999" y="8822"/>
            </a:cxn>
            <a:cxn ang="0">
              <a:pos x="14769" y="8570"/>
            </a:cxn>
            <a:cxn ang="0">
              <a:pos x="15461" y="7310"/>
            </a:cxn>
            <a:cxn ang="0">
              <a:pos x="15692" y="6302"/>
            </a:cxn>
            <a:cxn ang="0">
              <a:pos x="15230" y="5293"/>
            </a:cxn>
            <a:cxn ang="0">
              <a:pos x="14538" y="4285"/>
            </a:cxn>
            <a:cxn ang="0">
              <a:pos x="14076" y="3277"/>
            </a:cxn>
            <a:cxn ang="0">
              <a:pos x="14076" y="2521"/>
            </a:cxn>
            <a:cxn ang="0">
              <a:pos x="13384" y="3277"/>
            </a:cxn>
            <a:cxn ang="0">
              <a:pos x="11769" y="4789"/>
            </a:cxn>
            <a:cxn ang="0">
              <a:pos x="10846" y="3529"/>
            </a:cxn>
            <a:cxn ang="0">
              <a:pos x="9461" y="1260"/>
            </a:cxn>
            <a:cxn ang="0">
              <a:pos x="9000" y="0"/>
            </a:cxn>
            <a:cxn ang="0">
              <a:pos x="7384" y="504"/>
            </a:cxn>
            <a:cxn ang="0">
              <a:pos x="7384" y="2016"/>
            </a:cxn>
            <a:cxn ang="0">
              <a:pos x="7384" y="3277"/>
            </a:cxn>
            <a:cxn ang="0">
              <a:pos x="6923" y="4285"/>
            </a:cxn>
            <a:cxn ang="0">
              <a:pos x="6231" y="5041"/>
            </a:cxn>
            <a:cxn ang="0">
              <a:pos x="5077" y="4789"/>
            </a:cxn>
            <a:cxn ang="0">
              <a:pos x="4384" y="5545"/>
            </a:cxn>
            <a:cxn ang="0">
              <a:pos x="3231" y="5797"/>
            </a:cxn>
            <a:cxn ang="0">
              <a:pos x="2538" y="6302"/>
            </a:cxn>
            <a:cxn ang="0">
              <a:pos x="2308" y="7562"/>
            </a:cxn>
            <a:cxn ang="0">
              <a:pos x="1385" y="7814"/>
            </a:cxn>
            <a:cxn ang="0">
              <a:pos x="0" y="7058"/>
            </a:cxn>
            <a:cxn ang="0">
              <a:pos x="0" y="8570"/>
            </a:cxn>
            <a:cxn ang="0">
              <a:pos x="231" y="9830"/>
            </a:cxn>
            <a:cxn ang="0">
              <a:pos x="1154" y="10839"/>
            </a:cxn>
            <a:cxn ang="0">
              <a:pos x="1846" y="12099"/>
            </a:cxn>
            <a:cxn ang="0">
              <a:pos x="2077" y="12351"/>
            </a:cxn>
          </a:cxnLst>
          <a:rect l="0" t="0" r="r" b="b"/>
          <a:pathLst>
            <a:path w="16384" h="16384">
              <a:moveTo>
                <a:pt x="2077" y="12351"/>
              </a:moveTo>
              <a:lnTo>
                <a:pt x="4154" y="16384"/>
              </a:lnTo>
              <a:lnTo>
                <a:pt x="5769" y="16384"/>
              </a:lnTo>
              <a:lnTo>
                <a:pt x="6923" y="15628"/>
              </a:lnTo>
              <a:lnTo>
                <a:pt x="8077" y="14620"/>
              </a:lnTo>
              <a:lnTo>
                <a:pt x="8307" y="15124"/>
              </a:lnTo>
              <a:lnTo>
                <a:pt x="8769" y="14368"/>
              </a:lnTo>
              <a:lnTo>
                <a:pt x="9230" y="13611"/>
              </a:lnTo>
              <a:lnTo>
                <a:pt x="9923" y="13107"/>
              </a:lnTo>
              <a:lnTo>
                <a:pt x="10153" y="11847"/>
              </a:lnTo>
              <a:lnTo>
                <a:pt x="10384" y="11343"/>
              </a:lnTo>
              <a:lnTo>
                <a:pt x="12230" y="11091"/>
              </a:lnTo>
              <a:lnTo>
                <a:pt x="12692" y="10587"/>
              </a:lnTo>
              <a:lnTo>
                <a:pt x="13153" y="10839"/>
              </a:lnTo>
              <a:lnTo>
                <a:pt x="13384" y="11343"/>
              </a:lnTo>
              <a:lnTo>
                <a:pt x="14538" y="13107"/>
              </a:lnTo>
              <a:lnTo>
                <a:pt x="15230" y="12351"/>
              </a:lnTo>
              <a:lnTo>
                <a:pt x="15692" y="11595"/>
              </a:lnTo>
              <a:lnTo>
                <a:pt x="16384" y="10587"/>
              </a:lnTo>
              <a:lnTo>
                <a:pt x="15922" y="10335"/>
              </a:lnTo>
              <a:lnTo>
                <a:pt x="15922" y="9578"/>
              </a:lnTo>
              <a:lnTo>
                <a:pt x="15692" y="8570"/>
              </a:lnTo>
              <a:lnTo>
                <a:pt x="14999" y="8822"/>
              </a:lnTo>
              <a:lnTo>
                <a:pt x="14769" y="8570"/>
              </a:lnTo>
              <a:lnTo>
                <a:pt x="15461" y="7310"/>
              </a:lnTo>
              <a:lnTo>
                <a:pt x="15692" y="6302"/>
              </a:lnTo>
              <a:lnTo>
                <a:pt x="15230" y="5293"/>
              </a:lnTo>
              <a:lnTo>
                <a:pt x="14538" y="4285"/>
              </a:lnTo>
              <a:lnTo>
                <a:pt x="14076" y="3277"/>
              </a:lnTo>
              <a:lnTo>
                <a:pt x="14076" y="2521"/>
              </a:lnTo>
              <a:lnTo>
                <a:pt x="13384" y="3277"/>
              </a:lnTo>
              <a:lnTo>
                <a:pt x="11769" y="4789"/>
              </a:lnTo>
              <a:lnTo>
                <a:pt x="10846" y="3529"/>
              </a:lnTo>
              <a:lnTo>
                <a:pt x="9461" y="1260"/>
              </a:lnTo>
              <a:lnTo>
                <a:pt x="9000" y="0"/>
              </a:lnTo>
              <a:lnTo>
                <a:pt x="7384" y="504"/>
              </a:lnTo>
              <a:lnTo>
                <a:pt x="7384" y="2016"/>
              </a:lnTo>
              <a:lnTo>
                <a:pt x="7384" y="3277"/>
              </a:lnTo>
              <a:lnTo>
                <a:pt x="6923" y="4285"/>
              </a:lnTo>
              <a:lnTo>
                <a:pt x="6231" y="5041"/>
              </a:lnTo>
              <a:lnTo>
                <a:pt x="5077" y="4789"/>
              </a:lnTo>
              <a:lnTo>
                <a:pt x="4384" y="5545"/>
              </a:lnTo>
              <a:lnTo>
                <a:pt x="3231" y="5797"/>
              </a:lnTo>
              <a:lnTo>
                <a:pt x="2538" y="6302"/>
              </a:lnTo>
              <a:lnTo>
                <a:pt x="2308" y="7562"/>
              </a:lnTo>
              <a:lnTo>
                <a:pt x="1385" y="7814"/>
              </a:lnTo>
              <a:lnTo>
                <a:pt x="0" y="7058"/>
              </a:lnTo>
              <a:lnTo>
                <a:pt x="0" y="8570"/>
              </a:lnTo>
              <a:lnTo>
                <a:pt x="231" y="9830"/>
              </a:lnTo>
              <a:lnTo>
                <a:pt x="1154" y="10839"/>
              </a:lnTo>
              <a:lnTo>
                <a:pt x="1846" y="12099"/>
              </a:lnTo>
              <a:lnTo>
                <a:pt x="2077" y="12351"/>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161925</xdr:colOff>
      <xdr:row>21</xdr:row>
      <xdr:rowOff>95250</xdr:rowOff>
    </xdr:from>
    <xdr:to>
      <xdr:col>5</xdr:col>
      <xdr:colOff>266700</xdr:colOff>
      <xdr:row>31</xdr:row>
      <xdr:rowOff>66676</xdr:rowOff>
    </xdr:to>
    <xdr:sp macro="" textlink="">
      <xdr:nvSpPr>
        <xdr:cNvPr id="46" name="d14363">
          <a:extLst>
            <a:ext uri="{FF2B5EF4-FFF2-40B4-BE49-F238E27FC236}">
              <a16:creationId xmlns:a16="http://schemas.microsoft.com/office/drawing/2014/main" id="{00000000-0008-0000-0000-00002E000000}"/>
            </a:ext>
          </a:extLst>
        </xdr:cNvPr>
        <xdr:cNvSpPr>
          <a:spLocks/>
        </xdr:cNvSpPr>
      </xdr:nvSpPr>
      <xdr:spPr bwMode="auto">
        <a:xfrm>
          <a:off x="2600325" y="4362450"/>
          <a:ext cx="714375" cy="1495426"/>
        </a:xfrm>
        <a:custGeom>
          <a:avLst/>
          <a:gdLst/>
          <a:ahLst/>
          <a:cxnLst>
            <a:cxn ang="0">
              <a:pos x="15292" y="12314"/>
            </a:cxn>
            <a:cxn ang="0">
              <a:pos x="12015" y="9496"/>
            </a:cxn>
            <a:cxn ang="0">
              <a:pos x="12670" y="8349"/>
            </a:cxn>
            <a:cxn ang="0">
              <a:pos x="13763" y="7827"/>
            </a:cxn>
            <a:cxn ang="0">
              <a:pos x="13107" y="6783"/>
            </a:cxn>
            <a:cxn ang="0">
              <a:pos x="12233" y="5740"/>
            </a:cxn>
            <a:cxn ang="0">
              <a:pos x="12670" y="5218"/>
            </a:cxn>
            <a:cxn ang="0">
              <a:pos x="12670" y="4174"/>
            </a:cxn>
            <a:cxn ang="0">
              <a:pos x="12670" y="3339"/>
            </a:cxn>
            <a:cxn ang="0">
              <a:pos x="12452" y="2505"/>
            </a:cxn>
            <a:cxn ang="0">
              <a:pos x="11360" y="1461"/>
            </a:cxn>
            <a:cxn ang="0">
              <a:pos x="11360" y="626"/>
            </a:cxn>
            <a:cxn ang="0">
              <a:pos x="8520" y="0"/>
            </a:cxn>
            <a:cxn ang="0">
              <a:pos x="7646" y="626"/>
            </a:cxn>
            <a:cxn ang="0">
              <a:pos x="6554" y="1148"/>
            </a:cxn>
            <a:cxn ang="0">
              <a:pos x="4588" y="1983"/>
            </a:cxn>
            <a:cxn ang="0">
              <a:pos x="3495" y="2505"/>
            </a:cxn>
            <a:cxn ang="0">
              <a:pos x="1966" y="2922"/>
            </a:cxn>
            <a:cxn ang="0">
              <a:pos x="1748" y="3548"/>
            </a:cxn>
            <a:cxn ang="0">
              <a:pos x="655" y="4487"/>
            </a:cxn>
            <a:cxn ang="0">
              <a:pos x="1748" y="5218"/>
            </a:cxn>
            <a:cxn ang="0">
              <a:pos x="1311" y="5844"/>
            </a:cxn>
            <a:cxn ang="0">
              <a:pos x="655" y="6261"/>
            </a:cxn>
            <a:cxn ang="0">
              <a:pos x="218" y="7305"/>
            </a:cxn>
            <a:cxn ang="0">
              <a:pos x="0" y="8244"/>
            </a:cxn>
            <a:cxn ang="0">
              <a:pos x="2621" y="9079"/>
            </a:cxn>
            <a:cxn ang="0">
              <a:pos x="5898" y="9810"/>
            </a:cxn>
            <a:cxn ang="0">
              <a:pos x="7646" y="10540"/>
            </a:cxn>
            <a:cxn ang="0">
              <a:pos x="6554" y="10644"/>
            </a:cxn>
            <a:cxn ang="0">
              <a:pos x="6335" y="11584"/>
            </a:cxn>
            <a:cxn ang="0">
              <a:pos x="6117" y="12627"/>
            </a:cxn>
            <a:cxn ang="0">
              <a:pos x="3714" y="13358"/>
            </a:cxn>
            <a:cxn ang="0">
              <a:pos x="3058" y="14088"/>
            </a:cxn>
            <a:cxn ang="0">
              <a:pos x="4588" y="14297"/>
            </a:cxn>
            <a:cxn ang="0">
              <a:pos x="6554" y="14923"/>
            </a:cxn>
            <a:cxn ang="0">
              <a:pos x="8738" y="15549"/>
            </a:cxn>
            <a:cxn ang="0">
              <a:pos x="10704" y="16384"/>
            </a:cxn>
            <a:cxn ang="0">
              <a:pos x="11796" y="15758"/>
            </a:cxn>
            <a:cxn ang="0">
              <a:pos x="13544" y="15445"/>
            </a:cxn>
            <a:cxn ang="0">
              <a:pos x="15292" y="15236"/>
            </a:cxn>
            <a:cxn ang="0">
              <a:pos x="16384" y="14506"/>
            </a:cxn>
            <a:cxn ang="0">
              <a:pos x="16384" y="13358"/>
            </a:cxn>
          </a:cxnLst>
          <a:rect l="0" t="0" r="r" b="b"/>
          <a:pathLst>
            <a:path w="16384" h="16384">
              <a:moveTo>
                <a:pt x="16384" y="13358"/>
              </a:moveTo>
              <a:lnTo>
                <a:pt x="15292" y="12314"/>
              </a:lnTo>
              <a:lnTo>
                <a:pt x="12015" y="10018"/>
              </a:lnTo>
              <a:lnTo>
                <a:pt x="12015" y="9496"/>
              </a:lnTo>
              <a:lnTo>
                <a:pt x="12233" y="8766"/>
              </a:lnTo>
              <a:lnTo>
                <a:pt x="12670" y="8349"/>
              </a:lnTo>
              <a:lnTo>
                <a:pt x="13544" y="8140"/>
              </a:lnTo>
              <a:lnTo>
                <a:pt x="13763" y="7827"/>
              </a:lnTo>
              <a:lnTo>
                <a:pt x="13544" y="7305"/>
              </a:lnTo>
              <a:lnTo>
                <a:pt x="13107" y="6783"/>
              </a:lnTo>
              <a:lnTo>
                <a:pt x="13326" y="6366"/>
              </a:lnTo>
              <a:lnTo>
                <a:pt x="12233" y="5740"/>
              </a:lnTo>
              <a:lnTo>
                <a:pt x="12452" y="5427"/>
              </a:lnTo>
              <a:lnTo>
                <a:pt x="12670" y="5218"/>
              </a:lnTo>
              <a:lnTo>
                <a:pt x="12889" y="4800"/>
              </a:lnTo>
              <a:lnTo>
                <a:pt x="12670" y="4174"/>
              </a:lnTo>
              <a:lnTo>
                <a:pt x="12889" y="3757"/>
              </a:lnTo>
              <a:lnTo>
                <a:pt x="12670" y="3339"/>
              </a:lnTo>
              <a:lnTo>
                <a:pt x="12452" y="3026"/>
              </a:lnTo>
              <a:lnTo>
                <a:pt x="12452" y="2505"/>
              </a:lnTo>
              <a:lnTo>
                <a:pt x="11796" y="2087"/>
              </a:lnTo>
              <a:lnTo>
                <a:pt x="11360" y="1461"/>
              </a:lnTo>
              <a:lnTo>
                <a:pt x="11578" y="939"/>
              </a:lnTo>
              <a:lnTo>
                <a:pt x="11360" y="626"/>
              </a:lnTo>
              <a:lnTo>
                <a:pt x="9393" y="313"/>
              </a:lnTo>
              <a:lnTo>
                <a:pt x="8520" y="0"/>
              </a:lnTo>
              <a:lnTo>
                <a:pt x="7646" y="209"/>
              </a:lnTo>
              <a:lnTo>
                <a:pt x="7646" y="626"/>
              </a:lnTo>
              <a:lnTo>
                <a:pt x="6991" y="939"/>
              </a:lnTo>
              <a:lnTo>
                <a:pt x="6554" y="1148"/>
              </a:lnTo>
              <a:lnTo>
                <a:pt x="5243" y="1461"/>
              </a:lnTo>
              <a:lnTo>
                <a:pt x="4588" y="1983"/>
              </a:lnTo>
              <a:lnTo>
                <a:pt x="4369" y="2296"/>
              </a:lnTo>
              <a:lnTo>
                <a:pt x="3495" y="2505"/>
              </a:lnTo>
              <a:lnTo>
                <a:pt x="2621" y="2609"/>
              </a:lnTo>
              <a:lnTo>
                <a:pt x="1966" y="2922"/>
              </a:lnTo>
              <a:lnTo>
                <a:pt x="1748" y="3235"/>
              </a:lnTo>
              <a:lnTo>
                <a:pt x="1748" y="3548"/>
              </a:lnTo>
              <a:lnTo>
                <a:pt x="874" y="4070"/>
              </a:lnTo>
              <a:lnTo>
                <a:pt x="655" y="4487"/>
              </a:lnTo>
              <a:lnTo>
                <a:pt x="1311" y="4800"/>
              </a:lnTo>
              <a:lnTo>
                <a:pt x="1748" y="5218"/>
              </a:lnTo>
              <a:lnTo>
                <a:pt x="1748" y="5531"/>
              </a:lnTo>
              <a:lnTo>
                <a:pt x="1311" y="5844"/>
              </a:lnTo>
              <a:lnTo>
                <a:pt x="655" y="5948"/>
              </a:lnTo>
              <a:lnTo>
                <a:pt x="655" y="6261"/>
              </a:lnTo>
              <a:lnTo>
                <a:pt x="437" y="6888"/>
              </a:lnTo>
              <a:lnTo>
                <a:pt x="218" y="7305"/>
              </a:lnTo>
              <a:lnTo>
                <a:pt x="218" y="7827"/>
              </a:lnTo>
              <a:lnTo>
                <a:pt x="0" y="8244"/>
              </a:lnTo>
              <a:lnTo>
                <a:pt x="1092" y="8557"/>
              </a:lnTo>
              <a:lnTo>
                <a:pt x="2621" y="9079"/>
              </a:lnTo>
              <a:lnTo>
                <a:pt x="4369" y="9496"/>
              </a:lnTo>
              <a:lnTo>
                <a:pt x="5898" y="9810"/>
              </a:lnTo>
              <a:lnTo>
                <a:pt x="6117" y="10227"/>
              </a:lnTo>
              <a:lnTo>
                <a:pt x="7646" y="10540"/>
              </a:lnTo>
              <a:lnTo>
                <a:pt x="7646" y="10749"/>
              </a:lnTo>
              <a:lnTo>
                <a:pt x="6554" y="10644"/>
              </a:lnTo>
              <a:lnTo>
                <a:pt x="6335" y="10957"/>
              </a:lnTo>
              <a:lnTo>
                <a:pt x="6335" y="11584"/>
              </a:lnTo>
              <a:lnTo>
                <a:pt x="6554" y="12001"/>
              </a:lnTo>
              <a:lnTo>
                <a:pt x="6117" y="12627"/>
              </a:lnTo>
              <a:lnTo>
                <a:pt x="5024" y="13045"/>
              </a:lnTo>
              <a:lnTo>
                <a:pt x="3714" y="13358"/>
              </a:lnTo>
              <a:lnTo>
                <a:pt x="3277" y="13671"/>
              </a:lnTo>
              <a:lnTo>
                <a:pt x="3058" y="14088"/>
              </a:lnTo>
              <a:lnTo>
                <a:pt x="3714" y="14088"/>
              </a:lnTo>
              <a:lnTo>
                <a:pt x="4588" y="14297"/>
              </a:lnTo>
              <a:lnTo>
                <a:pt x="5680" y="14714"/>
              </a:lnTo>
              <a:lnTo>
                <a:pt x="6554" y="14923"/>
              </a:lnTo>
              <a:lnTo>
                <a:pt x="7864" y="15236"/>
              </a:lnTo>
              <a:lnTo>
                <a:pt x="8738" y="15549"/>
              </a:lnTo>
              <a:lnTo>
                <a:pt x="9393" y="16071"/>
              </a:lnTo>
              <a:lnTo>
                <a:pt x="10704" y="16384"/>
              </a:lnTo>
              <a:lnTo>
                <a:pt x="11578" y="16280"/>
              </a:lnTo>
              <a:lnTo>
                <a:pt x="11796" y="15758"/>
              </a:lnTo>
              <a:lnTo>
                <a:pt x="12452" y="15549"/>
              </a:lnTo>
              <a:lnTo>
                <a:pt x="13544" y="15445"/>
              </a:lnTo>
              <a:lnTo>
                <a:pt x="14199" y="15132"/>
              </a:lnTo>
              <a:lnTo>
                <a:pt x="15292" y="15236"/>
              </a:lnTo>
              <a:lnTo>
                <a:pt x="15947" y="14923"/>
              </a:lnTo>
              <a:lnTo>
                <a:pt x="16384" y="14506"/>
              </a:lnTo>
              <a:lnTo>
                <a:pt x="16384" y="13984"/>
              </a:lnTo>
              <a:lnTo>
                <a:pt x="16384" y="13358"/>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0</xdr:col>
      <xdr:colOff>495300</xdr:colOff>
      <xdr:row>15</xdr:row>
      <xdr:rowOff>104775</xdr:rowOff>
    </xdr:from>
    <xdr:to>
      <xdr:col>5</xdr:col>
      <xdr:colOff>323850</xdr:colOff>
      <xdr:row>32</xdr:row>
      <xdr:rowOff>0</xdr:rowOff>
    </xdr:to>
    <xdr:sp macro="" textlink="">
      <xdr:nvSpPr>
        <xdr:cNvPr id="47" name="d14364">
          <a:extLst>
            <a:ext uri="{FF2B5EF4-FFF2-40B4-BE49-F238E27FC236}">
              <a16:creationId xmlns:a16="http://schemas.microsoft.com/office/drawing/2014/main" id="{00000000-0008-0000-0000-00002F000000}"/>
            </a:ext>
          </a:extLst>
        </xdr:cNvPr>
        <xdr:cNvSpPr>
          <a:spLocks/>
        </xdr:cNvSpPr>
      </xdr:nvSpPr>
      <xdr:spPr bwMode="auto">
        <a:xfrm>
          <a:off x="495300" y="3597275"/>
          <a:ext cx="2844800" cy="2593975"/>
        </a:xfrm>
        <a:custGeom>
          <a:avLst/>
          <a:gdLst/>
          <a:ahLst/>
          <a:cxnLst>
            <a:cxn ang="0">
              <a:pos x="25" y="161"/>
            </a:cxn>
            <a:cxn ang="0">
              <a:pos x="45" y="157"/>
            </a:cxn>
            <a:cxn ang="0">
              <a:pos x="62" y="158"/>
            </a:cxn>
            <a:cxn ang="0">
              <a:pos x="83" y="155"/>
            </a:cxn>
            <a:cxn ang="0">
              <a:pos x="98" y="155"/>
            </a:cxn>
            <a:cxn ang="0">
              <a:pos x="105" y="172"/>
            </a:cxn>
            <a:cxn ang="0">
              <a:pos x="105" y="191"/>
            </a:cxn>
            <a:cxn ang="0">
              <a:pos x="111" y="212"/>
            </a:cxn>
            <a:cxn ang="0">
              <a:pos x="111" y="231"/>
            </a:cxn>
            <a:cxn ang="0">
              <a:pos x="116" y="254"/>
            </a:cxn>
            <a:cxn ang="0">
              <a:pos x="131" y="259"/>
            </a:cxn>
            <a:cxn ang="0">
              <a:pos x="140" y="248"/>
            </a:cxn>
            <a:cxn ang="0">
              <a:pos x="159" y="238"/>
            </a:cxn>
            <a:cxn ang="0">
              <a:pos x="174" y="231"/>
            </a:cxn>
            <a:cxn ang="0">
              <a:pos x="195" y="236"/>
            </a:cxn>
            <a:cxn ang="0">
              <a:pos x="213" y="234"/>
            </a:cxn>
            <a:cxn ang="0">
              <a:pos x="235" y="230"/>
            </a:cxn>
            <a:cxn ang="0">
              <a:pos x="249" y="216"/>
            </a:cxn>
            <a:cxn ang="0">
              <a:pos x="251" y="197"/>
            </a:cxn>
            <a:cxn ang="0">
              <a:pos x="248" y="189"/>
            </a:cxn>
            <a:cxn ang="0">
              <a:pos x="221" y="174"/>
            </a:cxn>
            <a:cxn ang="0">
              <a:pos x="224" y="155"/>
            </a:cxn>
            <a:cxn ang="0">
              <a:pos x="229" y="145"/>
            </a:cxn>
            <a:cxn ang="0">
              <a:pos x="229" y="129"/>
            </a:cxn>
            <a:cxn ang="0">
              <a:pos x="237" y="119"/>
            </a:cxn>
            <a:cxn ang="0">
              <a:pos x="251" y="106"/>
            </a:cxn>
            <a:cxn ang="0">
              <a:pos x="260" y="95"/>
            </a:cxn>
            <a:cxn ang="0">
              <a:pos x="281" y="97"/>
            </a:cxn>
            <a:cxn ang="0">
              <a:pos x="299" y="83"/>
            </a:cxn>
            <a:cxn ang="0">
              <a:pos x="302" y="63"/>
            </a:cxn>
            <a:cxn ang="0">
              <a:pos x="296" y="50"/>
            </a:cxn>
            <a:cxn ang="0">
              <a:pos x="280" y="48"/>
            </a:cxn>
            <a:cxn ang="0">
              <a:pos x="262" y="42"/>
            </a:cxn>
            <a:cxn ang="0">
              <a:pos x="234" y="48"/>
            </a:cxn>
            <a:cxn ang="0">
              <a:pos x="220" y="35"/>
            </a:cxn>
            <a:cxn ang="0">
              <a:pos x="195" y="23"/>
            </a:cxn>
            <a:cxn ang="0">
              <a:pos x="189" y="9"/>
            </a:cxn>
            <a:cxn ang="0">
              <a:pos x="179" y="4"/>
            </a:cxn>
            <a:cxn ang="0">
              <a:pos x="162" y="0"/>
            </a:cxn>
            <a:cxn ang="0">
              <a:pos x="153" y="21"/>
            </a:cxn>
            <a:cxn ang="0">
              <a:pos x="138" y="38"/>
            </a:cxn>
            <a:cxn ang="0">
              <a:pos x="120" y="46"/>
            </a:cxn>
            <a:cxn ang="0">
              <a:pos x="95" y="54"/>
            </a:cxn>
            <a:cxn ang="0">
              <a:pos x="81" y="63"/>
            </a:cxn>
            <a:cxn ang="0">
              <a:pos x="69" y="64"/>
            </a:cxn>
            <a:cxn ang="0">
              <a:pos x="55" y="70"/>
            </a:cxn>
            <a:cxn ang="0">
              <a:pos x="35" y="86"/>
            </a:cxn>
            <a:cxn ang="0">
              <a:pos x="21" y="100"/>
            </a:cxn>
            <a:cxn ang="0">
              <a:pos x="18" y="119"/>
            </a:cxn>
            <a:cxn ang="0">
              <a:pos x="15" y="137"/>
            </a:cxn>
            <a:cxn ang="0">
              <a:pos x="4" y="158"/>
            </a:cxn>
          </a:cxnLst>
          <a:rect l="0" t="0" r="r" b="b"/>
          <a:pathLst>
            <a:path w="302" h="261">
              <a:moveTo>
                <a:pt x="4" y="158"/>
              </a:moveTo>
              <a:lnTo>
                <a:pt x="15" y="159"/>
              </a:lnTo>
              <a:lnTo>
                <a:pt x="20" y="158"/>
              </a:lnTo>
              <a:lnTo>
                <a:pt x="25" y="161"/>
              </a:lnTo>
              <a:lnTo>
                <a:pt x="30" y="161"/>
              </a:lnTo>
              <a:lnTo>
                <a:pt x="36" y="161"/>
              </a:lnTo>
              <a:lnTo>
                <a:pt x="40" y="159"/>
              </a:lnTo>
              <a:lnTo>
                <a:pt x="45" y="157"/>
              </a:lnTo>
              <a:lnTo>
                <a:pt x="51" y="158"/>
              </a:lnTo>
              <a:lnTo>
                <a:pt x="54" y="156"/>
              </a:lnTo>
              <a:lnTo>
                <a:pt x="59" y="158"/>
              </a:lnTo>
              <a:lnTo>
                <a:pt x="62" y="158"/>
              </a:lnTo>
              <a:lnTo>
                <a:pt x="68" y="153"/>
              </a:lnTo>
              <a:lnTo>
                <a:pt x="72" y="154"/>
              </a:lnTo>
              <a:lnTo>
                <a:pt x="75" y="154"/>
              </a:lnTo>
              <a:lnTo>
                <a:pt x="83" y="155"/>
              </a:lnTo>
              <a:lnTo>
                <a:pt x="85" y="158"/>
              </a:lnTo>
              <a:lnTo>
                <a:pt x="89" y="156"/>
              </a:lnTo>
              <a:lnTo>
                <a:pt x="94" y="155"/>
              </a:lnTo>
              <a:lnTo>
                <a:pt x="98" y="155"/>
              </a:lnTo>
              <a:lnTo>
                <a:pt x="102" y="157"/>
              </a:lnTo>
              <a:lnTo>
                <a:pt x="104" y="160"/>
              </a:lnTo>
              <a:lnTo>
                <a:pt x="105" y="167"/>
              </a:lnTo>
              <a:lnTo>
                <a:pt x="105" y="172"/>
              </a:lnTo>
              <a:lnTo>
                <a:pt x="101" y="180"/>
              </a:lnTo>
              <a:lnTo>
                <a:pt x="101" y="186"/>
              </a:lnTo>
              <a:lnTo>
                <a:pt x="104" y="188"/>
              </a:lnTo>
              <a:lnTo>
                <a:pt x="105" y="191"/>
              </a:lnTo>
              <a:lnTo>
                <a:pt x="108" y="195"/>
              </a:lnTo>
              <a:lnTo>
                <a:pt x="108" y="202"/>
              </a:lnTo>
              <a:lnTo>
                <a:pt x="110" y="206"/>
              </a:lnTo>
              <a:lnTo>
                <a:pt x="111" y="212"/>
              </a:lnTo>
              <a:lnTo>
                <a:pt x="112" y="218"/>
              </a:lnTo>
              <a:lnTo>
                <a:pt x="116" y="221"/>
              </a:lnTo>
              <a:lnTo>
                <a:pt x="115" y="226"/>
              </a:lnTo>
              <a:lnTo>
                <a:pt x="111" y="231"/>
              </a:lnTo>
              <a:lnTo>
                <a:pt x="113" y="238"/>
              </a:lnTo>
              <a:lnTo>
                <a:pt x="115" y="241"/>
              </a:lnTo>
              <a:lnTo>
                <a:pt x="114" y="246"/>
              </a:lnTo>
              <a:lnTo>
                <a:pt x="116" y="254"/>
              </a:lnTo>
              <a:lnTo>
                <a:pt x="121" y="257"/>
              </a:lnTo>
              <a:lnTo>
                <a:pt x="123" y="261"/>
              </a:lnTo>
              <a:lnTo>
                <a:pt x="126" y="258"/>
              </a:lnTo>
              <a:lnTo>
                <a:pt x="131" y="259"/>
              </a:lnTo>
              <a:lnTo>
                <a:pt x="135" y="259"/>
              </a:lnTo>
              <a:lnTo>
                <a:pt x="139" y="257"/>
              </a:lnTo>
              <a:lnTo>
                <a:pt x="138" y="252"/>
              </a:lnTo>
              <a:lnTo>
                <a:pt x="140" y="248"/>
              </a:lnTo>
              <a:lnTo>
                <a:pt x="145" y="246"/>
              </a:lnTo>
              <a:lnTo>
                <a:pt x="148" y="241"/>
              </a:lnTo>
              <a:lnTo>
                <a:pt x="152" y="238"/>
              </a:lnTo>
              <a:lnTo>
                <a:pt x="159" y="238"/>
              </a:lnTo>
              <a:lnTo>
                <a:pt x="161" y="237"/>
              </a:lnTo>
              <a:lnTo>
                <a:pt x="164" y="232"/>
              </a:lnTo>
              <a:lnTo>
                <a:pt x="168" y="231"/>
              </a:lnTo>
              <a:lnTo>
                <a:pt x="174" y="231"/>
              </a:lnTo>
              <a:lnTo>
                <a:pt x="176" y="233"/>
              </a:lnTo>
              <a:lnTo>
                <a:pt x="181" y="236"/>
              </a:lnTo>
              <a:lnTo>
                <a:pt x="189" y="238"/>
              </a:lnTo>
              <a:lnTo>
                <a:pt x="195" y="236"/>
              </a:lnTo>
              <a:lnTo>
                <a:pt x="199" y="232"/>
              </a:lnTo>
              <a:lnTo>
                <a:pt x="204" y="234"/>
              </a:lnTo>
              <a:lnTo>
                <a:pt x="209" y="233"/>
              </a:lnTo>
              <a:lnTo>
                <a:pt x="213" y="234"/>
              </a:lnTo>
              <a:lnTo>
                <a:pt x="218" y="237"/>
              </a:lnTo>
              <a:lnTo>
                <a:pt x="224" y="233"/>
              </a:lnTo>
              <a:lnTo>
                <a:pt x="228" y="231"/>
              </a:lnTo>
              <a:lnTo>
                <a:pt x="235" y="230"/>
              </a:lnTo>
              <a:lnTo>
                <a:pt x="236" y="226"/>
              </a:lnTo>
              <a:lnTo>
                <a:pt x="238" y="223"/>
              </a:lnTo>
              <a:lnTo>
                <a:pt x="244" y="220"/>
              </a:lnTo>
              <a:lnTo>
                <a:pt x="249" y="216"/>
              </a:lnTo>
              <a:lnTo>
                <a:pt x="251" y="210"/>
              </a:lnTo>
              <a:lnTo>
                <a:pt x="250" y="206"/>
              </a:lnTo>
              <a:lnTo>
                <a:pt x="250" y="200"/>
              </a:lnTo>
              <a:lnTo>
                <a:pt x="251" y="197"/>
              </a:lnTo>
              <a:lnTo>
                <a:pt x="256" y="198"/>
              </a:lnTo>
              <a:lnTo>
                <a:pt x="256" y="196"/>
              </a:lnTo>
              <a:lnTo>
                <a:pt x="249" y="193"/>
              </a:lnTo>
              <a:lnTo>
                <a:pt x="248" y="189"/>
              </a:lnTo>
              <a:lnTo>
                <a:pt x="241" y="186"/>
              </a:lnTo>
              <a:lnTo>
                <a:pt x="233" y="182"/>
              </a:lnTo>
              <a:lnTo>
                <a:pt x="226" y="177"/>
              </a:lnTo>
              <a:lnTo>
                <a:pt x="221" y="174"/>
              </a:lnTo>
              <a:lnTo>
                <a:pt x="222" y="170"/>
              </a:lnTo>
              <a:lnTo>
                <a:pt x="222" y="165"/>
              </a:lnTo>
              <a:lnTo>
                <a:pt x="223" y="161"/>
              </a:lnTo>
              <a:lnTo>
                <a:pt x="224" y="155"/>
              </a:lnTo>
              <a:lnTo>
                <a:pt x="224" y="152"/>
              </a:lnTo>
              <a:lnTo>
                <a:pt x="227" y="151"/>
              </a:lnTo>
              <a:lnTo>
                <a:pt x="229" y="148"/>
              </a:lnTo>
              <a:lnTo>
                <a:pt x="229" y="145"/>
              </a:lnTo>
              <a:lnTo>
                <a:pt x="227" y="141"/>
              </a:lnTo>
              <a:lnTo>
                <a:pt x="224" y="138"/>
              </a:lnTo>
              <a:lnTo>
                <a:pt x="225" y="134"/>
              </a:lnTo>
              <a:lnTo>
                <a:pt x="229" y="129"/>
              </a:lnTo>
              <a:lnTo>
                <a:pt x="229" y="126"/>
              </a:lnTo>
              <a:lnTo>
                <a:pt x="230" y="123"/>
              </a:lnTo>
              <a:lnTo>
                <a:pt x="233" y="120"/>
              </a:lnTo>
              <a:lnTo>
                <a:pt x="237" y="119"/>
              </a:lnTo>
              <a:lnTo>
                <a:pt x="241" y="117"/>
              </a:lnTo>
              <a:lnTo>
                <a:pt x="242" y="114"/>
              </a:lnTo>
              <a:lnTo>
                <a:pt x="245" y="109"/>
              </a:lnTo>
              <a:lnTo>
                <a:pt x="251" y="106"/>
              </a:lnTo>
              <a:lnTo>
                <a:pt x="253" y="104"/>
              </a:lnTo>
              <a:lnTo>
                <a:pt x="256" y="101"/>
              </a:lnTo>
              <a:lnTo>
                <a:pt x="256" y="97"/>
              </a:lnTo>
              <a:lnTo>
                <a:pt x="260" y="95"/>
              </a:lnTo>
              <a:lnTo>
                <a:pt x="264" y="98"/>
              </a:lnTo>
              <a:lnTo>
                <a:pt x="273" y="101"/>
              </a:lnTo>
              <a:lnTo>
                <a:pt x="274" y="98"/>
              </a:lnTo>
              <a:lnTo>
                <a:pt x="281" y="97"/>
              </a:lnTo>
              <a:lnTo>
                <a:pt x="288" y="96"/>
              </a:lnTo>
              <a:lnTo>
                <a:pt x="292" y="90"/>
              </a:lnTo>
              <a:lnTo>
                <a:pt x="296" y="89"/>
              </a:lnTo>
              <a:lnTo>
                <a:pt x="299" y="83"/>
              </a:lnTo>
              <a:lnTo>
                <a:pt x="301" y="79"/>
              </a:lnTo>
              <a:lnTo>
                <a:pt x="300" y="75"/>
              </a:lnTo>
              <a:lnTo>
                <a:pt x="302" y="71"/>
              </a:lnTo>
              <a:lnTo>
                <a:pt x="302" y="63"/>
              </a:lnTo>
              <a:lnTo>
                <a:pt x="300" y="61"/>
              </a:lnTo>
              <a:lnTo>
                <a:pt x="299" y="58"/>
              </a:lnTo>
              <a:lnTo>
                <a:pt x="299" y="53"/>
              </a:lnTo>
              <a:lnTo>
                <a:pt x="296" y="50"/>
              </a:lnTo>
              <a:lnTo>
                <a:pt x="292" y="49"/>
              </a:lnTo>
              <a:lnTo>
                <a:pt x="287" y="51"/>
              </a:lnTo>
              <a:lnTo>
                <a:pt x="283" y="50"/>
              </a:lnTo>
              <a:lnTo>
                <a:pt x="280" y="48"/>
              </a:lnTo>
              <a:lnTo>
                <a:pt x="279" y="41"/>
              </a:lnTo>
              <a:lnTo>
                <a:pt x="274" y="38"/>
              </a:lnTo>
              <a:lnTo>
                <a:pt x="267" y="37"/>
              </a:lnTo>
              <a:lnTo>
                <a:pt x="262" y="42"/>
              </a:lnTo>
              <a:lnTo>
                <a:pt x="256" y="47"/>
              </a:lnTo>
              <a:lnTo>
                <a:pt x="252" y="51"/>
              </a:lnTo>
              <a:lnTo>
                <a:pt x="247" y="52"/>
              </a:lnTo>
              <a:lnTo>
                <a:pt x="234" y="48"/>
              </a:lnTo>
              <a:lnTo>
                <a:pt x="227" y="47"/>
              </a:lnTo>
              <a:lnTo>
                <a:pt x="225" y="41"/>
              </a:lnTo>
              <a:lnTo>
                <a:pt x="222" y="38"/>
              </a:lnTo>
              <a:lnTo>
                <a:pt x="220" y="35"/>
              </a:lnTo>
              <a:lnTo>
                <a:pt x="215" y="34"/>
              </a:lnTo>
              <a:lnTo>
                <a:pt x="212" y="29"/>
              </a:lnTo>
              <a:lnTo>
                <a:pt x="209" y="27"/>
              </a:lnTo>
              <a:lnTo>
                <a:pt x="195" y="23"/>
              </a:lnTo>
              <a:lnTo>
                <a:pt x="193" y="21"/>
              </a:lnTo>
              <a:lnTo>
                <a:pt x="192" y="15"/>
              </a:lnTo>
              <a:lnTo>
                <a:pt x="188" y="11"/>
              </a:lnTo>
              <a:lnTo>
                <a:pt x="189" y="9"/>
              </a:lnTo>
              <a:lnTo>
                <a:pt x="189" y="5"/>
              </a:lnTo>
              <a:lnTo>
                <a:pt x="187" y="1"/>
              </a:lnTo>
              <a:lnTo>
                <a:pt x="183" y="3"/>
              </a:lnTo>
              <a:lnTo>
                <a:pt x="179" y="4"/>
              </a:lnTo>
              <a:lnTo>
                <a:pt x="174" y="5"/>
              </a:lnTo>
              <a:lnTo>
                <a:pt x="171" y="4"/>
              </a:lnTo>
              <a:lnTo>
                <a:pt x="167" y="3"/>
              </a:lnTo>
              <a:lnTo>
                <a:pt x="162" y="0"/>
              </a:lnTo>
              <a:lnTo>
                <a:pt x="158" y="7"/>
              </a:lnTo>
              <a:lnTo>
                <a:pt x="157" y="11"/>
              </a:lnTo>
              <a:lnTo>
                <a:pt x="158" y="17"/>
              </a:lnTo>
              <a:lnTo>
                <a:pt x="153" y="21"/>
              </a:lnTo>
              <a:lnTo>
                <a:pt x="150" y="28"/>
              </a:lnTo>
              <a:lnTo>
                <a:pt x="145" y="30"/>
              </a:lnTo>
              <a:lnTo>
                <a:pt x="140" y="33"/>
              </a:lnTo>
              <a:lnTo>
                <a:pt x="138" y="38"/>
              </a:lnTo>
              <a:lnTo>
                <a:pt x="135" y="45"/>
              </a:lnTo>
              <a:lnTo>
                <a:pt x="131" y="44"/>
              </a:lnTo>
              <a:lnTo>
                <a:pt x="127" y="46"/>
              </a:lnTo>
              <a:lnTo>
                <a:pt x="120" y="46"/>
              </a:lnTo>
              <a:lnTo>
                <a:pt x="116" y="50"/>
              </a:lnTo>
              <a:lnTo>
                <a:pt x="109" y="52"/>
              </a:lnTo>
              <a:lnTo>
                <a:pt x="102" y="52"/>
              </a:lnTo>
              <a:lnTo>
                <a:pt x="95" y="54"/>
              </a:lnTo>
              <a:lnTo>
                <a:pt x="92" y="53"/>
              </a:lnTo>
              <a:lnTo>
                <a:pt x="87" y="57"/>
              </a:lnTo>
              <a:lnTo>
                <a:pt x="86" y="61"/>
              </a:lnTo>
              <a:lnTo>
                <a:pt x="81" y="63"/>
              </a:lnTo>
              <a:lnTo>
                <a:pt x="79" y="67"/>
              </a:lnTo>
              <a:lnTo>
                <a:pt x="76" y="67"/>
              </a:lnTo>
              <a:lnTo>
                <a:pt x="73" y="63"/>
              </a:lnTo>
              <a:lnTo>
                <a:pt x="69" y="64"/>
              </a:lnTo>
              <a:lnTo>
                <a:pt x="67" y="68"/>
              </a:lnTo>
              <a:lnTo>
                <a:pt x="62" y="68"/>
              </a:lnTo>
              <a:lnTo>
                <a:pt x="59" y="70"/>
              </a:lnTo>
              <a:lnTo>
                <a:pt x="55" y="70"/>
              </a:lnTo>
              <a:lnTo>
                <a:pt x="49" y="73"/>
              </a:lnTo>
              <a:lnTo>
                <a:pt x="45" y="78"/>
              </a:lnTo>
              <a:lnTo>
                <a:pt x="40" y="81"/>
              </a:lnTo>
              <a:lnTo>
                <a:pt x="35" y="86"/>
              </a:lnTo>
              <a:lnTo>
                <a:pt x="30" y="89"/>
              </a:lnTo>
              <a:lnTo>
                <a:pt x="27" y="94"/>
              </a:lnTo>
              <a:lnTo>
                <a:pt x="25" y="95"/>
              </a:lnTo>
              <a:lnTo>
                <a:pt x="21" y="100"/>
              </a:lnTo>
              <a:lnTo>
                <a:pt x="17" y="104"/>
              </a:lnTo>
              <a:lnTo>
                <a:pt x="16" y="110"/>
              </a:lnTo>
              <a:lnTo>
                <a:pt x="15" y="116"/>
              </a:lnTo>
              <a:lnTo>
                <a:pt x="18" y="119"/>
              </a:lnTo>
              <a:lnTo>
                <a:pt x="19" y="124"/>
              </a:lnTo>
              <a:lnTo>
                <a:pt x="19" y="130"/>
              </a:lnTo>
              <a:lnTo>
                <a:pt x="14" y="133"/>
              </a:lnTo>
              <a:lnTo>
                <a:pt x="15" y="137"/>
              </a:lnTo>
              <a:lnTo>
                <a:pt x="11" y="140"/>
              </a:lnTo>
              <a:lnTo>
                <a:pt x="4" y="144"/>
              </a:lnTo>
              <a:lnTo>
                <a:pt x="0" y="155"/>
              </a:lnTo>
              <a:lnTo>
                <a:pt x="4" y="158"/>
              </a:lnTo>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247650</xdr:colOff>
      <xdr:row>30</xdr:row>
      <xdr:rowOff>9525</xdr:rowOff>
    </xdr:from>
    <xdr:to>
      <xdr:col>5</xdr:col>
      <xdr:colOff>47625</xdr:colOff>
      <xdr:row>33</xdr:row>
      <xdr:rowOff>57151</xdr:rowOff>
    </xdr:to>
    <xdr:sp macro="" textlink="">
      <xdr:nvSpPr>
        <xdr:cNvPr id="48" name="d14366">
          <a:extLst>
            <a:ext uri="{FF2B5EF4-FFF2-40B4-BE49-F238E27FC236}">
              <a16:creationId xmlns:a16="http://schemas.microsoft.com/office/drawing/2014/main" id="{00000000-0008-0000-0000-000030000000}"/>
            </a:ext>
          </a:extLst>
        </xdr:cNvPr>
        <xdr:cNvSpPr>
          <a:spLocks/>
        </xdr:cNvSpPr>
      </xdr:nvSpPr>
      <xdr:spPr bwMode="auto">
        <a:xfrm>
          <a:off x="2686050" y="5648325"/>
          <a:ext cx="409575" cy="504826"/>
        </a:xfrm>
        <a:custGeom>
          <a:avLst/>
          <a:gdLst/>
          <a:ahLst/>
          <a:cxnLst>
            <a:cxn ang="0">
              <a:pos x="12955" y="5874"/>
            </a:cxn>
            <a:cxn ang="0">
              <a:pos x="11812" y="4328"/>
            </a:cxn>
            <a:cxn ang="0">
              <a:pos x="10288" y="3400"/>
            </a:cxn>
            <a:cxn ang="0">
              <a:pos x="8001" y="2473"/>
            </a:cxn>
            <a:cxn ang="0">
              <a:pos x="6477" y="1855"/>
            </a:cxn>
            <a:cxn ang="0">
              <a:pos x="4572" y="618"/>
            </a:cxn>
            <a:cxn ang="0">
              <a:pos x="3048" y="0"/>
            </a:cxn>
            <a:cxn ang="0">
              <a:pos x="1905" y="0"/>
            </a:cxn>
            <a:cxn ang="0">
              <a:pos x="1905" y="927"/>
            </a:cxn>
            <a:cxn ang="0">
              <a:pos x="1143" y="1855"/>
            </a:cxn>
            <a:cxn ang="0">
              <a:pos x="0" y="2782"/>
            </a:cxn>
            <a:cxn ang="0">
              <a:pos x="1143" y="4637"/>
            </a:cxn>
            <a:cxn ang="0">
              <a:pos x="2286" y="5255"/>
            </a:cxn>
            <a:cxn ang="0">
              <a:pos x="3810" y="6183"/>
            </a:cxn>
            <a:cxn ang="0">
              <a:pos x="4191" y="7419"/>
            </a:cxn>
            <a:cxn ang="0">
              <a:pos x="4572" y="9274"/>
            </a:cxn>
            <a:cxn ang="0">
              <a:pos x="5715" y="11438"/>
            </a:cxn>
            <a:cxn ang="0">
              <a:pos x="6477" y="13911"/>
            </a:cxn>
            <a:cxn ang="0">
              <a:pos x="6858" y="14220"/>
            </a:cxn>
            <a:cxn ang="0">
              <a:pos x="8383" y="14838"/>
            </a:cxn>
            <a:cxn ang="0">
              <a:pos x="9526" y="15147"/>
            </a:cxn>
            <a:cxn ang="0">
              <a:pos x="9907" y="16075"/>
            </a:cxn>
            <a:cxn ang="0">
              <a:pos x="11050" y="16384"/>
            </a:cxn>
            <a:cxn ang="0">
              <a:pos x="11431" y="15147"/>
            </a:cxn>
            <a:cxn ang="0">
              <a:pos x="12574" y="14529"/>
            </a:cxn>
            <a:cxn ang="0">
              <a:pos x="14479" y="14220"/>
            </a:cxn>
            <a:cxn ang="0">
              <a:pos x="14860" y="12674"/>
            </a:cxn>
            <a:cxn ang="0">
              <a:pos x="16384" y="12365"/>
            </a:cxn>
            <a:cxn ang="0">
              <a:pos x="16003" y="12056"/>
            </a:cxn>
            <a:cxn ang="0">
              <a:pos x="14860" y="10510"/>
            </a:cxn>
            <a:cxn ang="0">
              <a:pos x="13336" y="9274"/>
            </a:cxn>
            <a:cxn ang="0">
              <a:pos x="12955" y="7728"/>
            </a:cxn>
            <a:cxn ang="0">
              <a:pos x="12955" y="5874"/>
            </a:cxn>
          </a:cxnLst>
          <a:rect l="0" t="0" r="r" b="b"/>
          <a:pathLst>
            <a:path w="16384" h="16384">
              <a:moveTo>
                <a:pt x="12955" y="5874"/>
              </a:moveTo>
              <a:lnTo>
                <a:pt x="11812" y="4328"/>
              </a:lnTo>
              <a:lnTo>
                <a:pt x="10288" y="3400"/>
              </a:lnTo>
              <a:lnTo>
                <a:pt x="8001" y="2473"/>
              </a:lnTo>
              <a:lnTo>
                <a:pt x="6477" y="1855"/>
              </a:lnTo>
              <a:lnTo>
                <a:pt x="4572" y="618"/>
              </a:lnTo>
              <a:lnTo>
                <a:pt x="3048" y="0"/>
              </a:lnTo>
              <a:lnTo>
                <a:pt x="1905" y="0"/>
              </a:lnTo>
              <a:lnTo>
                <a:pt x="1905" y="927"/>
              </a:lnTo>
              <a:lnTo>
                <a:pt x="1143" y="1855"/>
              </a:lnTo>
              <a:lnTo>
                <a:pt x="0" y="2782"/>
              </a:lnTo>
              <a:lnTo>
                <a:pt x="1143" y="4637"/>
              </a:lnTo>
              <a:lnTo>
                <a:pt x="2286" y="5255"/>
              </a:lnTo>
              <a:lnTo>
                <a:pt x="3810" y="6183"/>
              </a:lnTo>
              <a:lnTo>
                <a:pt x="4191" y="7419"/>
              </a:lnTo>
              <a:lnTo>
                <a:pt x="4572" y="9274"/>
              </a:lnTo>
              <a:lnTo>
                <a:pt x="5715" y="11438"/>
              </a:lnTo>
              <a:lnTo>
                <a:pt x="6477" y="13911"/>
              </a:lnTo>
              <a:lnTo>
                <a:pt x="6858" y="14220"/>
              </a:lnTo>
              <a:lnTo>
                <a:pt x="8383" y="14838"/>
              </a:lnTo>
              <a:lnTo>
                <a:pt x="9526" y="15147"/>
              </a:lnTo>
              <a:lnTo>
                <a:pt x="9907" y="16075"/>
              </a:lnTo>
              <a:lnTo>
                <a:pt x="11050" y="16384"/>
              </a:lnTo>
              <a:lnTo>
                <a:pt x="11431" y="15147"/>
              </a:lnTo>
              <a:lnTo>
                <a:pt x="12574" y="14529"/>
              </a:lnTo>
              <a:lnTo>
                <a:pt x="14479" y="14220"/>
              </a:lnTo>
              <a:lnTo>
                <a:pt x="14860" y="12674"/>
              </a:lnTo>
              <a:lnTo>
                <a:pt x="16384" y="12365"/>
              </a:lnTo>
              <a:lnTo>
                <a:pt x="16003" y="12056"/>
              </a:lnTo>
              <a:lnTo>
                <a:pt x="14860" y="10510"/>
              </a:lnTo>
              <a:lnTo>
                <a:pt x="13336" y="9274"/>
              </a:lnTo>
              <a:lnTo>
                <a:pt x="12955" y="7728"/>
              </a:lnTo>
              <a:lnTo>
                <a:pt x="12955" y="5874"/>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1</xdr:col>
      <xdr:colOff>533400</xdr:colOff>
      <xdr:row>35</xdr:row>
      <xdr:rowOff>95250</xdr:rowOff>
    </xdr:from>
    <xdr:to>
      <xdr:col>4</xdr:col>
      <xdr:colOff>400050</xdr:colOff>
      <xdr:row>45</xdr:row>
      <xdr:rowOff>142876</xdr:rowOff>
    </xdr:to>
    <xdr:sp macro="" textlink="">
      <xdr:nvSpPr>
        <xdr:cNvPr id="49" name="d14382">
          <a:extLst>
            <a:ext uri="{FF2B5EF4-FFF2-40B4-BE49-F238E27FC236}">
              <a16:creationId xmlns:a16="http://schemas.microsoft.com/office/drawing/2014/main" id="{00000000-0008-0000-0000-000031000000}"/>
            </a:ext>
          </a:extLst>
        </xdr:cNvPr>
        <xdr:cNvSpPr>
          <a:spLocks/>
        </xdr:cNvSpPr>
      </xdr:nvSpPr>
      <xdr:spPr bwMode="auto">
        <a:xfrm>
          <a:off x="1143000" y="6496050"/>
          <a:ext cx="1695450" cy="1571626"/>
        </a:xfrm>
        <a:custGeom>
          <a:avLst/>
          <a:gdLst/>
          <a:ahLst/>
          <a:cxnLst>
            <a:cxn ang="0">
              <a:pos x="69" y="163"/>
            </a:cxn>
            <a:cxn ang="0">
              <a:pos x="80" y="164"/>
            </a:cxn>
            <a:cxn ang="0">
              <a:pos x="85" y="159"/>
            </a:cxn>
            <a:cxn ang="0">
              <a:pos x="87" y="153"/>
            </a:cxn>
            <a:cxn ang="0">
              <a:pos x="100" y="145"/>
            </a:cxn>
            <a:cxn ang="0">
              <a:pos x="111" y="136"/>
            </a:cxn>
            <a:cxn ang="0">
              <a:pos x="118" y="132"/>
            </a:cxn>
            <a:cxn ang="0">
              <a:pos x="126" y="129"/>
            </a:cxn>
            <a:cxn ang="0">
              <a:pos x="131" y="121"/>
            </a:cxn>
            <a:cxn ang="0">
              <a:pos x="135" y="113"/>
            </a:cxn>
            <a:cxn ang="0">
              <a:pos x="137" y="106"/>
            </a:cxn>
            <a:cxn ang="0">
              <a:pos x="143" y="101"/>
            </a:cxn>
            <a:cxn ang="0">
              <a:pos x="152" y="95"/>
            </a:cxn>
            <a:cxn ang="0">
              <a:pos x="158" y="92"/>
            </a:cxn>
            <a:cxn ang="0">
              <a:pos x="168" y="92"/>
            </a:cxn>
            <a:cxn ang="0">
              <a:pos x="172" y="87"/>
            </a:cxn>
            <a:cxn ang="0">
              <a:pos x="173" y="81"/>
            </a:cxn>
            <a:cxn ang="0">
              <a:pos x="178" y="73"/>
            </a:cxn>
            <a:cxn ang="0">
              <a:pos x="168" y="74"/>
            </a:cxn>
            <a:cxn ang="0">
              <a:pos x="160" y="73"/>
            </a:cxn>
            <a:cxn ang="0">
              <a:pos x="154" y="72"/>
            </a:cxn>
            <a:cxn ang="0">
              <a:pos x="149" y="68"/>
            </a:cxn>
            <a:cxn ang="0">
              <a:pos x="143" y="68"/>
            </a:cxn>
            <a:cxn ang="0">
              <a:pos x="142" y="74"/>
            </a:cxn>
            <a:cxn ang="0">
              <a:pos x="132" y="78"/>
            </a:cxn>
            <a:cxn ang="0">
              <a:pos x="124" y="72"/>
            </a:cxn>
            <a:cxn ang="0">
              <a:pos x="119" y="68"/>
            </a:cxn>
            <a:cxn ang="0">
              <a:pos x="113" y="70"/>
            </a:cxn>
            <a:cxn ang="0">
              <a:pos x="107" y="64"/>
            </a:cxn>
            <a:cxn ang="0">
              <a:pos x="106" y="58"/>
            </a:cxn>
            <a:cxn ang="0">
              <a:pos x="114" y="53"/>
            </a:cxn>
            <a:cxn ang="0">
              <a:pos x="112" y="49"/>
            </a:cxn>
            <a:cxn ang="0">
              <a:pos x="110" y="41"/>
            </a:cxn>
            <a:cxn ang="0">
              <a:pos x="107" y="32"/>
            </a:cxn>
            <a:cxn ang="0">
              <a:pos x="106" y="27"/>
            </a:cxn>
            <a:cxn ang="0">
              <a:pos x="94" y="13"/>
            </a:cxn>
            <a:cxn ang="0">
              <a:pos x="85" y="14"/>
            </a:cxn>
            <a:cxn ang="0">
              <a:pos x="79" y="16"/>
            </a:cxn>
            <a:cxn ang="0">
              <a:pos x="73" y="21"/>
            </a:cxn>
            <a:cxn ang="0">
              <a:pos x="67" y="19"/>
            </a:cxn>
            <a:cxn ang="0">
              <a:pos x="60" y="15"/>
            </a:cxn>
            <a:cxn ang="0">
              <a:pos x="53" y="16"/>
            </a:cxn>
            <a:cxn ang="0">
              <a:pos x="52" y="11"/>
            </a:cxn>
            <a:cxn ang="0">
              <a:pos x="46" y="10"/>
            </a:cxn>
            <a:cxn ang="0">
              <a:pos x="43" y="4"/>
            </a:cxn>
            <a:cxn ang="0">
              <a:pos x="31" y="3"/>
            </a:cxn>
            <a:cxn ang="0">
              <a:pos x="25" y="7"/>
            </a:cxn>
            <a:cxn ang="0">
              <a:pos x="16" y="17"/>
            </a:cxn>
            <a:cxn ang="0">
              <a:pos x="10" y="28"/>
            </a:cxn>
            <a:cxn ang="0">
              <a:pos x="1" y="41"/>
            </a:cxn>
            <a:cxn ang="0">
              <a:pos x="3" y="52"/>
            </a:cxn>
            <a:cxn ang="0">
              <a:pos x="2" y="66"/>
            </a:cxn>
            <a:cxn ang="0">
              <a:pos x="6" y="72"/>
            </a:cxn>
            <a:cxn ang="0">
              <a:pos x="8" y="84"/>
            </a:cxn>
            <a:cxn ang="0">
              <a:pos x="12" y="98"/>
            </a:cxn>
            <a:cxn ang="0">
              <a:pos x="13" y="106"/>
            </a:cxn>
            <a:cxn ang="0">
              <a:pos x="17" y="117"/>
            </a:cxn>
            <a:cxn ang="0">
              <a:pos x="19" y="128"/>
            </a:cxn>
            <a:cxn ang="0">
              <a:pos x="28" y="136"/>
            </a:cxn>
            <a:cxn ang="0">
              <a:pos x="34" y="146"/>
            </a:cxn>
            <a:cxn ang="0">
              <a:pos x="42" y="152"/>
            </a:cxn>
            <a:cxn ang="0">
              <a:pos x="48" y="155"/>
            </a:cxn>
            <a:cxn ang="0">
              <a:pos x="63" y="165"/>
            </a:cxn>
          </a:cxnLst>
          <a:rect l="0" t="0" r="r" b="b"/>
          <a:pathLst>
            <a:path w="178" h="165">
              <a:moveTo>
                <a:pt x="63" y="165"/>
              </a:moveTo>
              <a:lnTo>
                <a:pt x="69" y="163"/>
              </a:lnTo>
              <a:lnTo>
                <a:pt x="74" y="165"/>
              </a:lnTo>
              <a:lnTo>
                <a:pt x="80" y="164"/>
              </a:lnTo>
              <a:lnTo>
                <a:pt x="82" y="159"/>
              </a:lnTo>
              <a:lnTo>
                <a:pt x="85" y="159"/>
              </a:lnTo>
              <a:lnTo>
                <a:pt x="87" y="156"/>
              </a:lnTo>
              <a:lnTo>
                <a:pt x="87" y="153"/>
              </a:lnTo>
              <a:lnTo>
                <a:pt x="92" y="147"/>
              </a:lnTo>
              <a:lnTo>
                <a:pt x="100" y="145"/>
              </a:lnTo>
              <a:lnTo>
                <a:pt x="107" y="142"/>
              </a:lnTo>
              <a:lnTo>
                <a:pt x="111" y="136"/>
              </a:lnTo>
              <a:lnTo>
                <a:pt x="115" y="135"/>
              </a:lnTo>
              <a:lnTo>
                <a:pt x="118" y="132"/>
              </a:lnTo>
              <a:lnTo>
                <a:pt x="122" y="128"/>
              </a:lnTo>
              <a:lnTo>
                <a:pt x="126" y="129"/>
              </a:lnTo>
              <a:lnTo>
                <a:pt x="130" y="127"/>
              </a:lnTo>
              <a:lnTo>
                <a:pt x="131" y="121"/>
              </a:lnTo>
              <a:lnTo>
                <a:pt x="134" y="117"/>
              </a:lnTo>
              <a:lnTo>
                <a:pt x="135" y="113"/>
              </a:lnTo>
              <a:lnTo>
                <a:pt x="134" y="109"/>
              </a:lnTo>
              <a:lnTo>
                <a:pt x="137" y="106"/>
              </a:lnTo>
              <a:lnTo>
                <a:pt x="140" y="105"/>
              </a:lnTo>
              <a:lnTo>
                <a:pt x="143" y="101"/>
              </a:lnTo>
              <a:lnTo>
                <a:pt x="147" y="98"/>
              </a:lnTo>
              <a:lnTo>
                <a:pt x="152" y="95"/>
              </a:lnTo>
              <a:lnTo>
                <a:pt x="156" y="94"/>
              </a:lnTo>
              <a:lnTo>
                <a:pt x="158" y="92"/>
              </a:lnTo>
              <a:lnTo>
                <a:pt x="163" y="92"/>
              </a:lnTo>
              <a:lnTo>
                <a:pt x="168" y="92"/>
              </a:lnTo>
              <a:lnTo>
                <a:pt x="172" y="90"/>
              </a:lnTo>
              <a:lnTo>
                <a:pt x="172" y="87"/>
              </a:lnTo>
              <a:lnTo>
                <a:pt x="172" y="84"/>
              </a:lnTo>
              <a:lnTo>
                <a:pt x="173" y="81"/>
              </a:lnTo>
              <a:lnTo>
                <a:pt x="177" y="78"/>
              </a:lnTo>
              <a:lnTo>
                <a:pt x="178" y="73"/>
              </a:lnTo>
              <a:lnTo>
                <a:pt x="177" y="72"/>
              </a:lnTo>
              <a:lnTo>
                <a:pt x="168" y="74"/>
              </a:lnTo>
              <a:lnTo>
                <a:pt x="164" y="74"/>
              </a:lnTo>
              <a:lnTo>
                <a:pt x="160" y="73"/>
              </a:lnTo>
              <a:lnTo>
                <a:pt x="156" y="73"/>
              </a:lnTo>
              <a:lnTo>
                <a:pt x="154" y="72"/>
              </a:lnTo>
              <a:lnTo>
                <a:pt x="151" y="69"/>
              </a:lnTo>
              <a:lnTo>
                <a:pt x="149" y="68"/>
              </a:lnTo>
              <a:lnTo>
                <a:pt x="146" y="67"/>
              </a:lnTo>
              <a:lnTo>
                <a:pt x="143" y="68"/>
              </a:lnTo>
              <a:lnTo>
                <a:pt x="142" y="73"/>
              </a:lnTo>
              <a:lnTo>
                <a:pt x="142" y="74"/>
              </a:lnTo>
              <a:lnTo>
                <a:pt x="135" y="77"/>
              </a:lnTo>
              <a:lnTo>
                <a:pt x="132" y="78"/>
              </a:lnTo>
              <a:lnTo>
                <a:pt x="127" y="76"/>
              </a:lnTo>
              <a:lnTo>
                <a:pt x="124" y="72"/>
              </a:lnTo>
              <a:lnTo>
                <a:pt x="121" y="68"/>
              </a:lnTo>
              <a:lnTo>
                <a:pt x="119" y="68"/>
              </a:lnTo>
              <a:lnTo>
                <a:pt x="116" y="70"/>
              </a:lnTo>
              <a:lnTo>
                <a:pt x="113" y="70"/>
              </a:lnTo>
              <a:lnTo>
                <a:pt x="110" y="63"/>
              </a:lnTo>
              <a:lnTo>
                <a:pt x="107" y="64"/>
              </a:lnTo>
              <a:lnTo>
                <a:pt x="106" y="62"/>
              </a:lnTo>
              <a:lnTo>
                <a:pt x="106" y="58"/>
              </a:lnTo>
              <a:lnTo>
                <a:pt x="110" y="55"/>
              </a:lnTo>
              <a:lnTo>
                <a:pt x="114" y="53"/>
              </a:lnTo>
              <a:lnTo>
                <a:pt x="115" y="49"/>
              </a:lnTo>
              <a:lnTo>
                <a:pt x="112" y="49"/>
              </a:lnTo>
              <a:lnTo>
                <a:pt x="111" y="46"/>
              </a:lnTo>
              <a:lnTo>
                <a:pt x="110" y="41"/>
              </a:lnTo>
              <a:lnTo>
                <a:pt x="110" y="36"/>
              </a:lnTo>
              <a:lnTo>
                <a:pt x="107" y="32"/>
              </a:lnTo>
              <a:lnTo>
                <a:pt x="106" y="29"/>
              </a:lnTo>
              <a:lnTo>
                <a:pt x="106" y="27"/>
              </a:lnTo>
              <a:lnTo>
                <a:pt x="94" y="16"/>
              </a:lnTo>
              <a:lnTo>
                <a:pt x="94" y="13"/>
              </a:lnTo>
              <a:lnTo>
                <a:pt x="90" y="11"/>
              </a:lnTo>
              <a:lnTo>
                <a:pt x="85" y="14"/>
              </a:lnTo>
              <a:lnTo>
                <a:pt x="83" y="16"/>
              </a:lnTo>
              <a:lnTo>
                <a:pt x="79" y="16"/>
              </a:lnTo>
              <a:lnTo>
                <a:pt x="77" y="19"/>
              </a:lnTo>
              <a:lnTo>
                <a:pt x="73" y="21"/>
              </a:lnTo>
              <a:lnTo>
                <a:pt x="69" y="21"/>
              </a:lnTo>
              <a:lnTo>
                <a:pt x="67" y="19"/>
              </a:lnTo>
              <a:lnTo>
                <a:pt x="65" y="17"/>
              </a:lnTo>
              <a:lnTo>
                <a:pt x="60" y="15"/>
              </a:lnTo>
              <a:lnTo>
                <a:pt x="56" y="15"/>
              </a:lnTo>
              <a:lnTo>
                <a:pt x="53" y="16"/>
              </a:lnTo>
              <a:lnTo>
                <a:pt x="52" y="14"/>
              </a:lnTo>
              <a:lnTo>
                <a:pt x="52" y="11"/>
              </a:lnTo>
              <a:lnTo>
                <a:pt x="48" y="11"/>
              </a:lnTo>
              <a:lnTo>
                <a:pt x="46" y="10"/>
              </a:lnTo>
              <a:lnTo>
                <a:pt x="46" y="7"/>
              </a:lnTo>
              <a:lnTo>
                <a:pt x="43" y="4"/>
              </a:lnTo>
              <a:lnTo>
                <a:pt x="38" y="0"/>
              </a:lnTo>
              <a:lnTo>
                <a:pt x="31" y="3"/>
              </a:lnTo>
              <a:lnTo>
                <a:pt x="26" y="5"/>
              </a:lnTo>
              <a:lnTo>
                <a:pt x="25" y="7"/>
              </a:lnTo>
              <a:lnTo>
                <a:pt x="22" y="11"/>
              </a:lnTo>
              <a:lnTo>
                <a:pt x="16" y="17"/>
              </a:lnTo>
              <a:lnTo>
                <a:pt x="12" y="23"/>
              </a:lnTo>
              <a:lnTo>
                <a:pt x="10" y="28"/>
              </a:lnTo>
              <a:lnTo>
                <a:pt x="5" y="34"/>
              </a:lnTo>
              <a:lnTo>
                <a:pt x="1" y="41"/>
              </a:lnTo>
              <a:lnTo>
                <a:pt x="0" y="47"/>
              </a:lnTo>
              <a:lnTo>
                <a:pt x="3" y="52"/>
              </a:lnTo>
              <a:lnTo>
                <a:pt x="1" y="57"/>
              </a:lnTo>
              <a:lnTo>
                <a:pt x="2" y="66"/>
              </a:lnTo>
              <a:lnTo>
                <a:pt x="3" y="70"/>
              </a:lnTo>
              <a:lnTo>
                <a:pt x="6" y="72"/>
              </a:lnTo>
              <a:lnTo>
                <a:pt x="5" y="79"/>
              </a:lnTo>
              <a:lnTo>
                <a:pt x="8" y="84"/>
              </a:lnTo>
              <a:lnTo>
                <a:pt x="8" y="87"/>
              </a:lnTo>
              <a:lnTo>
                <a:pt x="12" y="98"/>
              </a:lnTo>
              <a:lnTo>
                <a:pt x="11" y="103"/>
              </a:lnTo>
              <a:lnTo>
                <a:pt x="13" y="106"/>
              </a:lnTo>
              <a:lnTo>
                <a:pt x="17" y="112"/>
              </a:lnTo>
              <a:lnTo>
                <a:pt x="17" y="117"/>
              </a:lnTo>
              <a:lnTo>
                <a:pt x="18" y="124"/>
              </a:lnTo>
              <a:lnTo>
                <a:pt x="19" y="128"/>
              </a:lnTo>
              <a:lnTo>
                <a:pt x="23" y="131"/>
              </a:lnTo>
              <a:lnTo>
                <a:pt x="28" y="136"/>
              </a:lnTo>
              <a:lnTo>
                <a:pt x="31" y="138"/>
              </a:lnTo>
              <a:lnTo>
                <a:pt x="34" y="146"/>
              </a:lnTo>
              <a:lnTo>
                <a:pt x="36" y="145"/>
              </a:lnTo>
              <a:lnTo>
                <a:pt x="42" y="152"/>
              </a:lnTo>
              <a:lnTo>
                <a:pt x="46" y="156"/>
              </a:lnTo>
              <a:lnTo>
                <a:pt x="48" y="155"/>
              </a:lnTo>
              <a:lnTo>
                <a:pt x="51" y="156"/>
              </a:lnTo>
              <a:lnTo>
                <a:pt x="63" y="165"/>
              </a:lnTo>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200025</xdr:colOff>
      <xdr:row>44</xdr:row>
      <xdr:rowOff>133350</xdr:rowOff>
    </xdr:from>
    <xdr:to>
      <xdr:col>5</xdr:col>
      <xdr:colOff>228600</xdr:colOff>
      <xdr:row>49</xdr:row>
      <xdr:rowOff>28573</xdr:rowOff>
    </xdr:to>
    <xdr:sp macro="" textlink="">
      <xdr:nvSpPr>
        <xdr:cNvPr id="50" name="d14383">
          <a:extLst>
            <a:ext uri="{FF2B5EF4-FFF2-40B4-BE49-F238E27FC236}">
              <a16:creationId xmlns:a16="http://schemas.microsoft.com/office/drawing/2014/main" id="{00000000-0008-0000-0000-000032000000}"/>
            </a:ext>
          </a:extLst>
        </xdr:cNvPr>
        <xdr:cNvSpPr>
          <a:spLocks/>
        </xdr:cNvSpPr>
      </xdr:nvSpPr>
      <xdr:spPr bwMode="auto">
        <a:xfrm>
          <a:off x="2638425" y="7905750"/>
          <a:ext cx="638175" cy="657223"/>
        </a:xfrm>
        <a:custGeom>
          <a:avLst/>
          <a:gdLst/>
          <a:ahLst/>
          <a:cxnLst>
            <a:cxn ang="0">
              <a:pos x="10026" y="3562"/>
            </a:cxn>
            <a:cxn ang="0">
              <a:pos x="9292" y="4037"/>
            </a:cxn>
            <a:cxn ang="0">
              <a:pos x="5380" y="1662"/>
            </a:cxn>
            <a:cxn ang="0">
              <a:pos x="2690" y="712"/>
            </a:cxn>
            <a:cxn ang="0">
              <a:pos x="1467" y="237"/>
            </a:cxn>
            <a:cxn ang="0">
              <a:pos x="245" y="0"/>
            </a:cxn>
            <a:cxn ang="0">
              <a:pos x="0" y="1187"/>
            </a:cxn>
            <a:cxn ang="0">
              <a:pos x="1467" y="1900"/>
            </a:cxn>
            <a:cxn ang="0">
              <a:pos x="1956" y="2374"/>
            </a:cxn>
            <a:cxn ang="0">
              <a:pos x="3179" y="2849"/>
            </a:cxn>
            <a:cxn ang="0">
              <a:pos x="3668" y="4986"/>
            </a:cxn>
            <a:cxn ang="0">
              <a:pos x="6113" y="6649"/>
            </a:cxn>
            <a:cxn ang="0">
              <a:pos x="6847" y="7836"/>
            </a:cxn>
            <a:cxn ang="0">
              <a:pos x="6603" y="8548"/>
            </a:cxn>
            <a:cxn ang="0">
              <a:pos x="6358" y="9261"/>
            </a:cxn>
            <a:cxn ang="0">
              <a:pos x="6603" y="9973"/>
            </a:cxn>
            <a:cxn ang="0">
              <a:pos x="7825" y="10685"/>
            </a:cxn>
            <a:cxn ang="0">
              <a:pos x="9048" y="12110"/>
            </a:cxn>
            <a:cxn ang="0">
              <a:pos x="10026" y="13297"/>
            </a:cxn>
            <a:cxn ang="0">
              <a:pos x="9781" y="13535"/>
            </a:cxn>
            <a:cxn ang="0">
              <a:pos x="10271" y="14247"/>
            </a:cxn>
            <a:cxn ang="0">
              <a:pos x="11004" y="14484"/>
            </a:cxn>
            <a:cxn ang="0">
              <a:pos x="11982" y="14722"/>
            </a:cxn>
            <a:cxn ang="0">
              <a:pos x="12716" y="14722"/>
            </a:cxn>
            <a:cxn ang="0">
              <a:pos x="12716" y="15672"/>
            </a:cxn>
            <a:cxn ang="0">
              <a:pos x="13450" y="15909"/>
            </a:cxn>
            <a:cxn ang="0">
              <a:pos x="13694" y="16384"/>
            </a:cxn>
            <a:cxn ang="0">
              <a:pos x="14183" y="16147"/>
            </a:cxn>
            <a:cxn ang="0">
              <a:pos x="14672" y="16384"/>
            </a:cxn>
            <a:cxn ang="0">
              <a:pos x="14917" y="16147"/>
            </a:cxn>
            <a:cxn ang="0">
              <a:pos x="15406" y="15909"/>
            </a:cxn>
            <a:cxn ang="0">
              <a:pos x="15895" y="16147"/>
            </a:cxn>
            <a:cxn ang="0">
              <a:pos x="16384" y="16147"/>
            </a:cxn>
            <a:cxn ang="0">
              <a:pos x="15895" y="15434"/>
            </a:cxn>
            <a:cxn ang="0">
              <a:pos x="15895" y="14247"/>
            </a:cxn>
            <a:cxn ang="0">
              <a:pos x="15161" y="14010"/>
            </a:cxn>
            <a:cxn ang="0">
              <a:pos x="13939" y="14010"/>
            </a:cxn>
            <a:cxn ang="0">
              <a:pos x="12960" y="13535"/>
            </a:cxn>
            <a:cxn ang="0">
              <a:pos x="11982" y="12585"/>
            </a:cxn>
            <a:cxn ang="0">
              <a:pos x="11249" y="11872"/>
            </a:cxn>
            <a:cxn ang="0">
              <a:pos x="11738" y="11872"/>
            </a:cxn>
            <a:cxn ang="0">
              <a:pos x="11982" y="10923"/>
            </a:cxn>
            <a:cxn ang="0">
              <a:pos x="11493" y="10210"/>
            </a:cxn>
            <a:cxn ang="0">
              <a:pos x="11249" y="9498"/>
            </a:cxn>
            <a:cxn ang="0">
              <a:pos x="10760" y="9261"/>
            </a:cxn>
            <a:cxn ang="0">
              <a:pos x="11249" y="8311"/>
            </a:cxn>
            <a:cxn ang="0">
              <a:pos x="11493" y="7123"/>
            </a:cxn>
            <a:cxn ang="0">
              <a:pos x="12227" y="6174"/>
            </a:cxn>
            <a:cxn ang="0">
              <a:pos x="11738" y="5224"/>
            </a:cxn>
            <a:cxn ang="0">
              <a:pos x="10760" y="4512"/>
            </a:cxn>
            <a:cxn ang="0">
              <a:pos x="10271" y="4037"/>
            </a:cxn>
            <a:cxn ang="0">
              <a:pos x="10026" y="3562"/>
            </a:cxn>
          </a:cxnLst>
          <a:rect l="0" t="0" r="r" b="b"/>
          <a:pathLst>
            <a:path w="16384" h="16384">
              <a:moveTo>
                <a:pt x="10026" y="3562"/>
              </a:moveTo>
              <a:lnTo>
                <a:pt x="9292" y="4037"/>
              </a:lnTo>
              <a:lnTo>
                <a:pt x="5380" y="1662"/>
              </a:lnTo>
              <a:lnTo>
                <a:pt x="2690" y="712"/>
              </a:lnTo>
              <a:lnTo>
                <a:pt x="1467" y="237"/>
              </a:lnTo>
              <a:lnTo>
                <a:pt x="245" y="0"/>
              </a:lnTo>
              <a:lnTo>
                <a:pt x="0" y="1187"/>
              </a:lnTo>
              <a:lnTo>
                <a:pt x="1467" y="1900"/>
              </a:lnTo>
              <a:lnTo>
                <a:pt x="1956" y="2374"/>
              </a:lnTo>
              <a:lnTo>
                <a:pt x="3179" y="2849"/>
              </a:lnTo>
              <a:lnTo>
                <a:pt x="3668" y="4986"/>
              </a:lnTo>
              <a:lnTo>
                <a:pt x="6113" y="6649"/>
              </a:lnTo>
              <a:lnTo>
                <a:pt x="6847" y="7836"/>
              </a:lnTo>
              <a:lnTo>
                <a:pt x="6603" y="8548"/>
              </a:lnTo>
              <a:lnTo>
                <a:pt x="6358" y="9261"/>
              </a:lnTo>
              <a:lnTo>
                <a:pt x="6603" y="9973"/>
              </a:lnTo>
              <a:lnTo>
                <a:pt x="7825" y="10685"/>
              </a:lnTo>
              <a:lnTo>
                <a:pt x="9048" y="12110"/>
              </a:lnTo>
              <a:lnTo>
                <a:pt x="10026" y="13297"/>
              </a:lnTo>
              <a:lnTo>
                <a:pt x="9781" y="13535"/>
              </a:lnTo>
              <a:lnTo>
                <a:pt x="10271" y="14247"/>
              </a:lnTo>
              <a:lnTo>
                <a:pt x="11004" y="14484"/>
              </a:lnTo>
              <a:lnTo>
                <a:pt x="11982" y="14722"/>
              </a:lnTo>
              <a:lnTo>
                <a:pt x="12716" y="14722"/>
              </a:lnTo>
              <a:lnTo>
                <a:pt x="12716" y="15672"/>
              </a:lnTo>
              <a:lnTo>
                <a:pt x="13450" y="15909"/>
              </a:lnTo>
              <a:lnTo>
                <a:pt x="13694" y="16384"/>
              </a:lnTo>
              <a:lnTo>
                <a:pt x="14183" y="16147"/>
              </a:lnTo>
              <a:lnTo>
                <a:pt x="14672" y="16384"/>
              </a:lnTo>
              <a:lnTo>
                <a:pt x="14917" y="16147"/>
              </a:lnTo>
              <a:lnTo>
                <a:pt x="15406" y="15909"/>
              </a:lnTo>
              <a:lnTo>
                <a:pt x="15895" y="16147"/>
              </a:lnTo>
              <a:lnTo>
                <a:pt x="16384" y="16147"/>
              </a:lnTo>
              <a:lnTo>
                <a:pt x="15895" y="15434"/>
              </a:lnTo>
              <a:lnTo>
                <a:pt x="15895" y="14247"/>
              </a:lnTo>
              <a:lnTo>
                <a:pt x="15161" y="14010"/>
              </a:lnTo>
              <a:lnTo>
                <a:pt x="13939" y="14010"/>
              </a:lnTo>
              <a:lnTo>
                <a:pt x="12960" y="13535"/>
              </a:lnTo>
              <a:lnTo>
                <a:pt x="11982" y="12585"/>
              </a:lnTo>
              <a:lnTo>
                <a:pt x="11249" y="11872"/>
              </a:lnTo>
              <a:lnTo>
                <a:pt x="11738" y="11872"/>
              </a:lnTo>
              <a:lnTo>
                <a:pt x="11982" y="10923"/>
              </a:lnTo>
              <a:lnTo>
                <a:pt x="11493" y="10210"/>
              </a:lnTo>
              <a:lnTo>
                <a:pt x="11249" y="9498"/>
              </a:lnTo>
              <a:lnTo>
                <a:pt x="10760" y="9261"/>
              </a:lnTo>
              <a:lnTo>
                <a:pt x="11249" y="8311"/>
              </a:lnTo>
              <a:lnTo>
                <a:pt x="11493" y="7123"/>
              </a:lnTo>
              <a:lnTo>
                <a:pt x="12227" y="6174"/>
              </a:lnTo>
              <a:lnTo>
                <a:pt x="11738" y="5224"/>
              </a:lnTo>
              <a:lnTo>
                <a:pt x="10760" y="4512"/>
              </a:lnTo>
              <a:lnTo>
                <a:pt x="10271" y="4037"/>
              </a:lnTo>
              <a:lnTo>
                <a:pt x="10026" y="3562"/>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2</xdr:col>
      <xdr:colOff>523875</xdr:colOff>
      <xdr:row>43</xdr:row>
      <xdr:rowOff>95250</xdr:rowOff>
    </xdr:from>
    <xdr:to>
      <xdr:col>4</xdr:col>
      <xdr:colOff>590550</xdr:colOff>
      <xdr:row>49</xdr:row>
      <xdr:rowOff>28574</xdr:rowOff>
    </xdr:to>
    <xdr:sp macro="" textlink="">
      <xdr:nvSpPr>
        <xdr:cNvPr id="51" name="d14384">
          <a:extLst>
            <a:ext uri="{FF2B5EF4-FFF2-40B4-BE49-F238E27FC236}">
              <a16:creationId xmlns:a16="http://schemas.microsoft.com/office/drawing/2014/main" id="{00000000-0008-0000-0000-000033000000}"/>
            </a:ext>
          </a:extLst>
        </xdr:cNvPr>
        <xdr:cNvSpPr>
          <a:spLocks/>
        </xdr:cNvSpPr>
      </xdr:nvSpPr>
      <xdr:spPr bwMode="auto">
        <a:xfrm>
          <a:off x="1743075" y="7715250"/>
          <a:ext cx="1285875" cy="847724"/>
        </a:xfrm>
        <a:custGeom>
          <a:avLst/>
          <a:gdLst/>
          <a:ahLst/>
          <a:cxnLst>
            <a:cxn ang="0">
              <a:pos x="10801" y="3314"/>
            </a:cxn>
            <a:cxn ang="0">
              <a:pos x="9588" y="2209"/>
            </a:cxn>
            <a:cxn ang="0">
              <a:pos x="8738" y="1841"/>
            </a:cxn>
            <a:cxn ang="0">
              <a:pos x="7646" y="1105"/>
            </a:cxn>
            <a:cxn ang="0">
              <a:pos x="7160" y="0"/>
            </a:cxn>
            <a:cxn ang="0">
              <a:pos x="6311" y="1289"/>
            </a:cxn>
            <a:cxn ang="0">
              <a:pos x="5340" y="2577"/>
            </a:cxn>
            <a:cxn ang="0">
              <a:pos x="3520" y="3498"/>
            </a:cxn>
            <a:cxn ang="0">
              <a:pos x="2913" y="5155"/>
            </a:cxn>
            <a:cxn ang="0">
              <a:pos x="2306" y="5707"/>
            </a:cxn>
            <a:cxn ang="0">
              <a:pos x="1335" y="6811"/>
            </a:cxn>
            <a:cxn ang="0">
              <a:pos x="0" y="6811"/>
            </a:cxn>
            <a:cxn ang="0">
              <a:pos x="485" y="8468"/>
            </a:cxn>
            <a:cxn ang="0">
              <a:pos x="485" y="9757"/>
            </a:cxn>
            <a:cxn ang="0">
              <a:pos x="728" y="11229"/>
            </a:cxn>
            <a:cxn ang="0">
              <a:pos x="243" y="12886"/>
            </a:cxn>
            <a:cxn ang="0">
              <a:pos x="1214" y="13070"/>
            </a:cxn>
            <a:cxn ang="0">
              <a:pos x="2306" y="14175"/>
            </a:cxn>
            <a:cxn ang="0">
              <a:pos x="3884" y="14543"/>
            </a:cxn>
            <a:cxn ang="0">
              <a:pos x="5219" y="15095"/>
            </a:cxn>
            <a:cxn ang="0">
              <a:pos x="7039" y="14911"/>
            </a:cxn>
            <a:cxn ang="0">
              <a:pos x="7646" y="15832"/>
            </a:cxn>
            <a:cxn ang="0">
              <a:pos x="8253" y="16200"/>
            </a:cxn>
            <a:cxn ang="0">
              <a:pos x="9224" y="16384"/>
            </a:cxn>
            <a:cxn ang="0">
              <a:pos x="9952" y="16200"/>
            </a:cxn>
            <a:cxn ang="0">
              <a:pos x="10680" y="16384"/>
            </a:cxn>
            <a:cxn ang="0">
              <a:pos x="11651" y="16016"/>
            </a:cxn>
            <a:cxn ang="0">
              <a:pos x="12500" y="16200"/>
            </a:cxn>
            <a:cxn ang="0">
              <a:pos x="13350" y="14359"/>
            </a:cxn>
            <a:cxn ang="0">
              <a:pos x="14928" y="13807"/>
            </a:cxn>
            <a:cxn ang="0">
              <a:pos x="16020" y="13991"/>
            </a:cxn>
            <a:cxn ang="0">
              <a:pos x="16384" y="13991"/>
            </a:cxn>
            <a:cxn ang="0">
              <a:pos x="15292" y="11966"/>
            </a:cxn>
            <a:cxn ang="0">
              <a:pos x="14564" y="10861"/>
            </a:cxn>
            <a:cxn ang="0">
              <a:pos x="14806" y="9757"/>
            </a:cxn>
            <a:cxn ang="0">
              <a:pos x="13229" y="7548"/>
            </a:cxn>
            <a:cxn ang="0">
              <a:pos x="12379" y="5523"/>
            </a:cxn>
            <a:cxn ang="0">
              <a:pos x="11408" y="4602"/>
            </a:cxn>
          </a:cxnLst>
          <a:rect l="0" t="0" r="r" b="b"/>
          <a:pathLst>
            <a:path w="16384" h="16384">
              <a:moveTo>
                <a:pt x="11529" y="3682"/>
              </a:moveTo>
              <a:lnTo>
                <a:pt x="10801" y="3314"/>
              </a:lnTo>
              <a:lnTo>
                <a:pt x="10073" y="3130"/>
              </a:lnTo>
              <a:lnTo>
                <a:pt x="9588" y="2209"/>
              </a:lnTo>
              <a:lnTo>
                <a:pt x="9102" y="1841"/>
              </a:lnTo>
              <a:lnTo>
                <a:pt x="8738" y="1841"/>
              </a:lnTo>
              <a:lnTo>
                <a:pt x="8010" y="1473"/>
              </a:lnTo>
              <a:lnTo>
                <a:pt x="7646" y="1105"/>
              </a:lnTo>
              <a:lnTo>
                <a:pt x="7646" y="184"/>
              </a:lnTo>
              <a:lnTo>
                <a:pt x="7160" y="0"/>
              </a:lnTo>
              <a:lnTo>
                <a:pt x="6675" y="736"/>
              </a:lnTo>
              <a:lnTo>
                <a:pt x="6311" y="1289"/>
              </a:lnTo>
              <a:lnTo>
                <a:pt x="5825" y="1473"/>
              </a:lnTo>
              <a:lnTo>
                <a:pt x="5340" y="2577"/>
              </a:lnTo>
              <a:lnTo>
                <a:pt x="4490" y="3130"/>
              </a:lnTo>
              <a:lnTo>
                <a:pt x="3520" y="3498"/>
              </a:lnTo>
              <a:lnTo>
                <a:pt x="2913" y="4602"/>
              </a:lnTo>
              <a:lnTo>
                <a:pt x="2913" y="5155"/>
              </a:lnTo>
              <a:lnTo>
                <a:pt x="2670" y="5707"/>
              </a:lnTo>
              <a:lnTo>
                <a:pt x="2306" y="5707"/>
              </a:lnTo>
              <a:lnTo>
                <a:pt x="2063" y="6627"/>
              </a:lnTo>
              <a:lnTo>
                <a:pt x="1335" y="6811"/>
              </a:lnTo>
              <a:lnTo>
                <a:pt x="728" y="6443"/>
              </a:lnTo>
              <a:lnTo>
                <a:pt x="0" y="6811"/>
              </a:lnTo>
              <a:lnTo>
                <a:pt x="243" y="7916"/>
              </a:lnTo>
              <a:lnTo>
                <a:pt x="485" y="8468"/>
              </a:lnTo>
              <a:lnTo>
                <a:pt x="364" y="8836"/>
              </a:lnTo>
              <a:lnTo>
                <a:pt x="485" y="9757"/>
              </a:lnTo>
              <a:lnTo>
                <a:pt x="0" y="10861"/>
              </a:lnTo>
              <a:lnTo>
                <a:pt x="728" y="11229"/>
              </a:lnTo>
              <a:lnTo>
                <a:pt x="364" y="11966"/>
              </a:lnTo>
              <a:lnTo>
                <a:pt x="243" y="12886"/>
              </a:lnTo>
              <a:lnTo>
                <a:pt x="485" y="13623"/>
              </a:lnTo>
              <a:lnTo>
                <a:pt x="1214" y="13070"/>
              </a:lnTo>
              <a:lnTo>
                <a:pt x="1578" y="13254"/>
              </a:lnTo>
              <a:lnTo>
                <a:pt x="2306" y="14175"/>
              </a:lnTo>
              <a:lnTo>
                <a:pt x="3155" y="13807"/>
              </a:lnTo>
              <a:lnTo>
                <a:pt x="3884" y="14543"/>
              </a:lnTo>
              <a:lnTo>
                <a:pt x="4369" y="14543"/>
              </a:lnTo>
              <a:lnTo>
                <a:pt x="5219" y="15095"/>
              </a:lnTo>
              <a:lnTo>
                <a:pt x="6190" y="15279"/>
              </a:lnTo>
              <a:lnTo>
                <a:pt x="7039" y="14911"/>
              </a:lnTo>
              <a:lnTo>
                <a:pt x="7403" y="15279"/>
              </a:lnTo>
              <a:lnTo>
                <a:pt x="7646" y="15832"/>
              </a:lnTo>
              <a:lnTo>
                <a:pt x="7889" y="16016"/>
              </a:lnTo>
              <a:lnTo>
                <a:pt x="8253" y="16200"/>
              </a:lnTo>
              <a:lnTo>
                <a:pt x="8738" y="16200"/>
              </a:lnTo>
              <a:lnTo>
                <a:pt x="9224" y="16384"/>
              </a:lnTo>
              <a:lnTo>
                <a:pt x="9588" y="16200"/>
              </a:lnTo>
              <a:lnTo>
                <a:pt x="9952" y="16200"/>
              </a:lnTo>
              <a:lnTo>
                <a:pt x="10316" y="16384"/>
              </a:lnTo>
              <a:lnTo>
                <a:pt x="10680" y="16384"/>
              </a:lnTo>
              <a:lnTo>
                <a:pt x="11165" y="16200"/>
              </a:lnTo>
              <a:lnTo>
                <a:pt x="11651" y="16016"/>
              </a:lnTo>
              <a:lnTo>
                <a:pt x="12136" y="15832"/>
              </a:lnTo>
              <a:lnTo>
                <a:pt x="12500" y="16200"/>
              </a:lnTo>
              <a:lnTo>
                <a:pt x="12986" y="15279"/>
              </a:lnTo>
              <a:lnTo>
                <a:pt x="13350" y="14359"/>
              </a:lnTo>
              <a:lnTo>
                <a:pt x="14078" y="13807"/>
              </a:lnTo>
              <a:lnTo>
                <a:pt x="14928" y="13807"/>
              </a:lnTo>
              <a:lnTo>
                <a:pt x="15899" y="13623"/>
              </a:lnTo>
              <a:lnTo>
                <a:pt x="16020" y="13991"/>
              </a:lnTo>
              <a:lnTo>
                <a:pt x="16263" y="14175"/>
              </a:lnTo>
              <a:lnTo>
                <a:pt x="16384" y="13991"/>
              </a:lnTo>
              <a:lnTo>
                <a:pt x="15899" y="13070"/>
              </a:lnTo>
              <a:lnTo>
                <a:pt x="15292" y="11966"/>
              </a:lnTo>
              <a:lnTo>
                <a:pt x="14685" y="11414"/>
              </a:lnTo>
              <a:lnTo>
                <a:pt x="14564" y="10861"/>
              </a:lnTo>
              <a:lnTo>
                <a:pt x="14685" y="10309"/>
              </a:lnTo>
              <a:lnTo>
                <a:pt x="14806" y="9757"/>
              </a:lnTo>
              <a:lnTo>
                <a:pt x="14442" y="8836"/>
              </a:lnTo>
              <a:lnTo>
                <a:pt x="13229" y="7548"/>
              </a:lnTo>
              <a:lnTo>
                <a:pt x="12986" y="5891"/>
              </a:lnTo>
              <a:lnTo>
                <a:pt x="12379" y="5523"/>
              </a:lnTo>
              <a:lnTo>
                <a:pt x="12136" y="5155"/>
              </a:lnTo>
              <a:lnTo>
                <a:pt x="11408" y="4602"/>
              </a:lnTo>
              <a:lnTo>
                <a:pt x="11529" y="3682"/>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7</xdr:col>
      <xdr:colOff>19050</xdr:colOff>
      <xdr:row>11</xdr:row>
      <xdr:rowOff>95250</xdr:rowOff>
    </xdr:from>
    <xdr:to>
      <xdr:col>9</xdr:col>
      <xdr:colOff>66675</xdr:colOff>
      <xdr:row>17</xdr:row>
      <xdr:rowOff>1996</xdr:rowOff>
    </xdr:to>
    <xdr:sp macro="" textlink="">
      <xdr:nvSpPr>
        <xdr:cNvPr id="52" name="d14401">
          <a:extLst>
            <a:ext uri="{FF2B5EF4-FFF2-40B4-BE49-F238E27FC236}">
              <a16:creationId xmlns:a16="http://schemas.microsoft.com/office/drawing/2014/main" id="{00000000-0008-0000-0000-000034000000}"/>
            </a:ext>
          </a:extLst>
        </xdr:cNvPr>
        <xdr:cNvSpPr>
          <a:spLocks/>
        </xdr:cNvSpPr>
      </xdr:nvSpPr>
      <xdr:spPr bwMode="auto">
        <a:xfrm>
          <a:off x="4286250" y="2838450"/>
          <a:ext cx="1266825" cy="822612"/>
        </a:xfrm>
        <a:custGeom>
          <a:avLst/>
          <a:gdLst/>
          <a:ahLst/>
          <a:cxnLst>
            <a:cxn ang="0">
              <a:pos x="15398" y="7430"/>
            </a:cxn>
            <a:cxn ang="0">
              <a:pos x="13058" y="4953"/>
            </a:cxn>
            <a:cxn ang="0">
              <a:pos x="11826" y="4572"/>
            </a:cxn>
            <a:cxn ang="0">
              <a:pos x="11087" y="4953"/>
            </a:cxn>
            <a:cxn ang="0">
              <a:pos x="10225" y="4763"/>
            </a:cxn>
            <a:cxn ang="0">
              <a:pos x="9609" y="3620"/>
            </a:cxn>
            <a:cxn ang="0">
              <a:pos x="8993" y="2667"/>
            </a:cxn>
            <a:cxn ang="0">
              <a:pos x="8500" y="1524"/>
            </a:cxn>
            <a:cxn ang="0">
              <a:pos x="7638" y="572"/>
            </a:cxn>
            <a:cxn ang="0">
              <a:pos x="7022" y="381"/>
            </a:cxn>
            <a:cxn ang="0">
              <a:pos x="5913" y="381"/>
            </a:cxn>
            <a:cxn ang="0">
              <a:pos x="5420" y="1334"/>
            </a:cxn>
            <a:cxn ang="0">
              <a:pos x="5051" y="2667"/>
            </a:cxn>
            <a:cxn ang="0">
              <a:pos x="4681" y="3048"/>
            </a:cxn>
            <a:cxn ang="0">
              <a:pos x="3696" y="2477"/>
            </a:cxn>
            <a:cxn ang="0">
              <a:pos x="3203" y="2096"/>
            </a:cxn>
            <a:cxn ang="0">
              <a:pos x="2464" y="2096"/>
            </a:cxn>
            <a:cxn ang="0">
              <a:pos x="1355" y="2286"/>
            </a:cxn>
            <a:cxn ang="0">
              <a:pos x="493" y="3239"/>
            </a:cxn>
            <a:cxn ang="0">
              <a:pos x="493" y="4763"/>
            </a:cxn>
            <a:cxn ang="0">
              <a:pos x="0" y="6287"/>
            </a:cxn>
            <a:cxn ang="0">
              <a:pos x="370" y="8192"/>
            </a:cxn>
            <a:cxn ang="0">
              <a:pos x="986" y="9335"/>
            </a:cxn>
            <a:cxn ang="0">
              <a:pos x="1601" y="10288"/>
            </a:cxn>
            <a:cxn ang="0">
              <a:pos x="2710" y="12002"/>
            </a:cxn>
            <a:cxn ang="0">
              <a:pos x="3449" y="13526"/>
            </a:cxn>
            <a:cxn ang="0">
              <a:pos x="4558" y="14098"/>
            </a:cxn>
            <a:cxn ang="0">
              <a:pos x="4558" y="12574"/>
            </a:cxn>
            <a:cxn ang="0">
              <a:pos x="5420" y="12383"/>
            </a:cxn>
            <a:cxn ang="0">
              <a:pos x="7268" y="10288"/>
            </a:cxn>
            <a:cxn ang="0">
              <a:pos x="8130" y="9907"/>
            </a:cxn>
            <a:cxn ang="0">
              <a:pos x="9239" y="9526"/>
            </a:cxn>
            <a:cxn ang="0">
              <a:pos x="9855" y="11240"/>
            </a:cxn>
            <a:cxn ang="0">
              <a:pos x="10348" y="13717"/>
            </a:cxn>
            <a:cxn ang="0">
              <a:pos x="11456" y="14098"/>
            </a:cxn>
            <a:cxn ang="0">
              <a:pos x="13427" y="14669"/>
            </a:cxn>
            <a:cxn ang="0">
              <a:pos x="14536" y="16384"/>
            </a:cxn>
            <a:cxn ang="0">
              <a:pos x="15029" y="15812"/>
            </a:cxn>
            <a:cxn ang="0">
              <a:pos x="15152" y="14288"/>
            </a:cxn>
            <a:cxn ang="0">
              <a:pos x="15275" y="13717"/>
            </a:cxn>
            <a:cxn ang="0">
              <a:pos x="15398" y="13145"/>
            </a:cxn>
            <a:cxn ang="0">
              <a:pos x="15275" y="12002"/>
            </a:cxn>
            <a:cxn ang="0">
              <a:pos x="16384" y="10478"/>
            </a:cxn>
            <a:cxn ang="0">
              <a:pos x="15891" y="9335"/>
            </a:cxn>
            <a:cxn ang="0">
              <a:pos x="16261" y="8383"/>
            </a:cxn>
          </a:cxnLst>
          <a:rect l="0" t="0" r="r" b="b"/>
          <a:pathLst>
            <a:path w="16384" h="16384">
              <a:moveTo>
                <a:pt x="16261" y="8383"/>
              </a:moveTo>
              <a:lnTo>
                <a:pt x="15398" y="7430"/>
              </a:lnTo>
              <a:lnTo>
                <a:pt x="14290" y="6096"/>
              </a:lnTo>
              <a:lnTo>
                <a:pt x="13058" y="4953"/>
              </a:lnTo>
              <a:lnTo>
                <a:pt x="12072" y="4191"/>
              </a:lnTo>
              <a:lnTo>
                <a:pt x="11826" y="4572"/>
              </a:lnTo>
              <a:lnTo>
                <a:pt x="11456" y="4572"/>
              </a:lnTo>
              <a:lnTo>
                <a:pt x="11087" y="4953"/>
              </a:lnTo>
              <a:lnTo>
                <a:pt x="10594" y="5334"/>
              </a:lnTo>
              <a:lnTo>
                <a:pt x="10225" y="4763"/>
              </a:lnTo>
              <a:lnTo>
                <a:pt x="9978" y="4191"/>
              </a:lnTo>
              <a:lnTo>
                <a:pt x="9609" y="3620"/>
              </a:lnTo>
              <a:lnTo>
                <a:pt x="9362" y="3620"/>
              </a:lnTo>
              <a:lnTo>
                <a:pt x="8993" y="2667"/>
              </a:lnTo>
              <a:lnTo>
                <a:pt x="8746" y="2477"/>
              </a:lnTo>
              <a:lnTo>
                <a:pt x="8500" y="1524"/>
              </a:lnTo>
              <a:lnTo>
                <a:pt x="8130" y="1143"/>
              </a:lnTo>
              <a:lnTo>
                <a:pt x="7638" y="572"/>
              </a:lnTo>
              <a:lnTo>
                <a:pt x="7391" y="191"/>
              </a:lnTo>
              <a:lnTo>
                <a:pt x="7022" y="381"/>
              </a:lnTo>
              <a:lnTo>
                <a:pt x="6652" y="0"/>
              </a:lnTo>
              <a:lnTo>
                <a:pt x="5913" y="381"/>
              </a:lnTo>
              <a:lnTo>
                <a:pt x="5913" y="953"/>
              </a:lnTo>
              <a:lnTo>
                <a:pt x="5420" y="1334"/>
              </a:lnTo>
              <a:lnTo>
                <a:pt x="5051" y="1715"/>
              </a:lnTo>
              <a:lnTo>
                <a:pt x="5051" y="2667"/>
              </a:lnTo>
              <a:lnTo>
                <a:pt x="5051" y="3239"/>
              </a:lnTo>
              <a:lnTo>
                <a:pt x="4681" y="3048"/>
              </a:lnTo>
              <a:lnTo>
                <a:pt x="4435" y="2667"/>
              </a:lnTo>
              <a:lnTo>
                <a:pt x="3696" y="2477"/>
              </a:lnTo>
              <a:lnTo>
                <a:pt x="3572" y="2096"/>
              </a:lnTo>
              <a:lnTo>
                <a:pt x="3203" y="2096"/>
              </a:lnTo>
              <a:lnTo>
                <a:pt x="2957" y="1715"/>
              </a:lnTo>
              <a:lnTo>
                <a:pt x="2464" y="2096"/>
              </a:lnTo>
              <a:lnTo>
                <a:pt x="1848" y="2286"/>
              </a:lnTo>
              <a:lnTo>
                <a:pt x="1355" y="2286"/>
              </a:lnTo>
              <a:lnTo>
                <a:pt x="862" y="2858"/>
              </a:lnTo>
              <a:lnTo>
                <a:pt x="493" y="3239"/>
              </a:lnTo>
              <a:lnTo>
                <a:pt x="370" y="3810"/>
              </a:lnTo>
              <a:lnTo>
                <a:pt x="493" y="4763"/>
              </a:lnTo>
              <a:lnTo>
                <a:pt x="246" y="5144"/>
              </a:lnTo>
              <a:lnTo>
                <a:pt x="0" y="6287"/>
              </a:lnTo>
              <a:lnTo>
                <a:pt x="123" y="7811"/>
              </a:lnTo>
              <a:lnTo>
                <a:pt x="370" y="8192"/>
              </a:lnTo>
              <a:lnTo>
                <a:pt x="862" y="8764"/>
              </a:lnTo>
              <a:lnTo>
                <a:pt x="986" y="9335"/>
              </a:lnTo>
              <a:lnTo>
                <a:pt x="1355" y="9526"/>
              </a:lnTo>
              <a:lnTo>
                <a:pt x="1601" y="10288"/>
              </a:lnTo>
              <a:lnTo>
                <a:pt x="2341" y="10669"/>
              </a:lnTo>
              <a:lnTo>
                <a:pt x="2710" y="12002"/>
              </a:lnTo>
              <a:lnTo>
                <a:pt x="2957" y="12955"/>
              </a:lnTo>
              <a:lnTo>
                <a:pt x="3449" y="13526"/>
              </a:lnTo>
              <a:lnTo>
                <a:pt x="3819" y="14098"/>
              </a:lnTo>
              <a:lnTo>
                <a:pt x="4558" y="14098"/>
              </a:lnTo>
              <a:lnTo>
                <a:pt x="4435" y="13526"/>
              </a:lnTo>
              <a:lnTo>
                <a:pt x="4558" y="12574"/>
              </a:lnTo>
              <a:lnTo>
                <a:pt x="4928" y="12193"/>
              </a:lnTo>
              <a:lnTo>
                <a:pt x="5420" y="12383"/>
              </a:lnTo>
              <a:lnTo>
                <a:pt x="6529" y="11812"/>
              </a:lnTo>
              <a:lnTo>
                <a:pt x="7268" y="10288"/>
              </a:lnTo>
              <a:lnTo>
                <a:pt x="7884" y="10288"/>
              </a:lnTo>
              <a:lnTo>
                <a:pt x="8130" y="9907"/>
              </a:lnTo>
              <a:lnTo>
                <a:pt x="8623" y="10288"/>
              </a:lnTo>
              <a:lnTo>
                <a:pt x="9239" y="9526"/>
              </a:lnTo>
              <a:lnTo>
                <a:pt x="9978" y="10097"/>
              </a:lnTo>
              <a:lnTo>
                <a:pt x="9855" y="11240"/>
              </a:lnTo>
              <a:lnTo>
                <a:pt x="10348" y="12193"/>
              </a:lnTo>
              <a:lnTo>
                <a:pt x="10348" y="13717"/>
              </a:lnTo>
              <a:lnTo>
                <a:pt x="11087" y="13526"/>
              </a:lnTo>
              <a:lnTo>
                <a:pt x="11456" y="14098"/>
              </a:lnTo>
              <a:lnTo>
                <a:pt x="12319" y="14098"/>
              </a:lnTo>
              <a:lnTo>
                <a:pt x="13427" y="14669"/>
              </a:lnTo>
              <a:lnTo>
                <a:pt x="14043" y="15812"/>
              </a:lnTo>
              <a:lnTo>
                <a:pt x="14536" y="16384"/>
              </a:lnTo>
              <a:lnTo>
                <a:pt x="14783" y="16193"/>
              </a:lnTo>
              <a:lnTo>
                <a:pt x="15029" y="15812"/>
              </a:lnTo>
              <a:lnTo>
                <a:pt x="14906" y="14669"/>
              </a:lnTo>
              <a:lnTo>
                <a:pt x="15152" y="14288"/>
              </a:lnTo>
              <a:lnTo>
                <a:pt x="15029" y="13907"/>
              </a:lnTo>
              <a:lnTo>
                <a:pt x="15275" y="13717"/>
              </a:lnTo>
              <a:lnTo>
                <a:pt x="15152" y="13336"/>
              </a:lnTo>
              <a:lnTo>
                <a:pt x="15398" y="13145"/>
              </a:lnTo>
              <a:lnTo>
                <a:pt x="15522" y="12764"/>
              </a:lnTo>
              <a:lnTo>
                <a:pt x="15275" y="12002"/>
              </a:lnTo>
              <a:lnTo>
                <a:pt x="15152" y="11050"/>
              </a:lnTo>
              <a:lnTo>
                <a:pt x="16384" y="10478"/>
              </a:lnTo>
              <a:lnTo>
                <a:pt x="16384" y="9335"/>
              </a:lnTo>
              <a:lnTo>
                <a:pt x="15891" y="9335"/>
              </a:lnTo>
              <a:lnTo>
                <a:pt x="15891" y="8954"/>
              </a:lnTo>
              <a:lnTo>
                <a:pt x="16261" y="8383"/>
              </a:lnTo>
              <a:close/>
            </a:path>
          </a:pathLst>
        </a:custGeom>
        <a:solidFill>
          <a:srgbClr val="FF0000"/>
        </a:solidFill>
        <a:ln w="9525" cap="flat">
          <a:solidFill>
            <a:srgbClr val="000000"/>
          </a:solidFill>
          <a:prstDash val="solid"/>
          <a:round/>
          <a:headEnd/>
          <a:tailEnd/>
        </a:ln>
      </xdr:spPr>
    </xdr:sp>
    <xdr:clientData/>
  </xdr:twoCellAnchor>
  <xdr:twoCellAnchor editAs="oneCell">
    <xdr:from>
      <xdr:col>5</xdr:col>
      <xdr:colOff>295275</xdr:colOff>
      <xdr:row>12</xdr:row>
      <xdr:rowOff>133350</xdr:rowOff>
    </xdr:from>
    <xdr:to>
      <xdr:col>8</xdr:col>
      <xdr:colOff>9525</xdr:colOff>
      <xdr:row>21</xdr:row>
      <xdr:rowOff>95249</xdr:rowOff>
    </xdr:to>
    <xdr:sp macro="" textlink="">
      <xdr:nvSpPr>
        <xdr:cNvPr id="53" name="d14402">
          <a:extLst>
            <a:ext uri="{FF2B5EF4-FFF2-40B4-BE49-F238E27FC236}">
              <a16:creationId xmlns:a16="http://schemas.microsoft.com/office/drawing/2014/main" id="{00000000-0008-0000-0000-000035000000}"/>
            </a:ext>
          </a:extLst>
        </xdr:cNvPr>
        <xdr:cNvSpPr>
          <a:spLocks/>
        </xdr:cNvSpPr>
      </xdr:nvSpPr>
      <xdr:spPr bwMode="auto">
        <a:xfrm>
          <a:off x="3343275" y="3028950"/>
          <a:ext cx="1543050" cy="1333499"/>
        </a:xfrm>
        <a:custGeom>
          <a:avLst/>
          <a:gdLst/>
          <a:ahLst/>
          <a:cxnLst>
            <a:cxn ang="0">
              <a:pos x="0" y="12054"/>
            </a:cxn>
            <a:cxn ang="0">
              <a:pos x="303" y="12639"/>
            </a:cxn>
            <a:cxn ang="0">
              <a:pos x="101" y="14043"/>
            </a:cxn>
            <a:cxn ang="0">
              <a:pos x="0" y="14980"/>
            </a:cxn>
            <a:cxn ang="0">
              <a:pos x="809" y="15097"/>
            </a:cxn>
            <a:cxn ang="0">
              <a:pos x="2023" y="16267"/>
            </a:cxn>
            <a:cxn ang="0">
              <a:pos x="2528" y="15916"/>
            </a:cxn>
            <a:cxn ang="0">
              <a:pos x="3944" y="15565"/>
            </a:cxn>
            <a:cxn ang="0">
              <a:pos x="4551" y="14980"/>
            </a:cxn>
            <a:cxn ang="0">
              <a:pos x="5158" y="14043"/>
            </a:cxn>
            <a:cxn ang="0">
              <a:pos x="5664" y="14043"/>
            </a:cxn>
            <a:cxn ang="0">
              <a:pos x="6473" y="13926"/>
            </a:cxn>
            <a:cxn ang="0">
              <a:pos x="8091" y="14746"/>
            </a:cxn>
            <a:cxn ang="0">
              <a:pos x="8394" y="15097"/>
            </a:cxn>
            <a:cxn ang="0">
              <a:pos x="9102" y="14395"/>
            </a:cxn>
            <a:cxn ang="0">
              <a:pos x="9608" y="14043"/>
            </a:cxn>
            <a:cxn ang="0">
              <a:pos x="10720" y="14043"/>
            </a:cxn>
            <a:cxn ang="0">
              <a:pos x="11732" y="13692"/>
            </a:cxn>
            <a:cxn ang="0">
              <a:pos x="12339" y="13692"/>
            </a:cxn>
            <a:cxn ang="0">
              <a:pos x="13350" y="13809"/>
            </a:cxn>
            <a:cxn ang="0">
              <a:pos x="14462" y="13575"/>
            </a:cxn>
            <a:cxn ang="0">
              <a:pos x="15474" y="13458"/>
            </a:cxn>
            <a:cxn ang="0">
              <a:pos x="15878" y="13692"/>
            </a:cxn>
            <a:cxn ang="0">
              <a:pos x="16081" y="12522"/>
            </a:cxn>
            <a:cxn ang="0">
              <a:pos x="16384" y="11820"/>
            </a:cxn>
            <a:cxn ang="0">
              <a:pos x="16283" y="10767"/>
            </a:cxn>
            <a:cxn ang="0">
              <a:pos x="15575" y="10416"/>
            </a:cxn>
            <a:cxn ang="0">
              <a:pos x="15272" y="9713"/>
            </a:cxn>
            <a:cxn ang="0">
              <a:pos x="14766" y="9128"/>
            </a:cxn>
            <a:cxn ang="0">
              <a:pos x="14462" y="8426"/>
            </a:cxn>
            <a:cxn ang="0">
              <a:pos x="14058" y="7256"/>
            </a:cxn>
            <a:cxn ang="0">
              <a:pos x="13754" y="6320"/>
            </a:cxn>
            <a:cxn ang="0">
              <a:pos x="12844" y="5968"/>
            </a:cxn>
            <a:cxn ang="0">
              <a:pos x="12237" y="5032"/>
            </a:cxn>
            <a:cxn ang="0">
              <a:pos x="11327" y="3979"/>
            </a:cxn>
            <a:cxn ang="0">
              <a:pos x="10822" y="3394"/>
            </a:cxn>
            <a:cxn ang="0">
              <a:pos x="10316" y="2692"/>
            </a:cxn>
            <a:cxn ang="0">
              <a:pos x="10012" y="1521"/>
            </a:cxn>
            <a:cxn ang="0">
              <a:pos x="10417" y="585"/>
            </a:cxn>
            <a:cxn ang="0">
              <a:pos x="9507" y="585"/>
            </a:cxn>
            <a:cxn ang="0">
              <a:pos x="9203" y="1170"/>
            </a:cxn>
            <a:cxn ang="0">
              <a:pos x="8597" y="1638"/>
            </a:cxn>
            <a:cxn ang="0">
              <a:pos x="7889" y="819"/>
            </a:cxn>
            <a:cxn ang="0">
              <a:pos x="7484" y="1053"/>
            </a:cxn>
            <a:cxn ang="0">
              <a:pos x="6978" y="1755"/>
            </a:cxn>
            <a:cxn ang="0">
              <a:pos x="7282" y="2458"/>
            </a:cxn>
            <a:cxn ang="0">
              <a:pos x="6574" y="3511"/>
            </a:cxn>
            <a:cxn ang="0">
              <a:pos x="5866" y="4213"/>
            </a:cxn>
            <a:cxn ang="0">
              <a:pos x="5360" y="4798"/>
            </a:cxn>
            <a:cxn ang="0">
              <a:pos x="4551" y="5734"/>
            </a:cxn>
            <a:cxn ang="0">
              <a:pos x="3641" y="6203"/>
            </a:cxn>
            <a:cxn ang="0">
              <a:pos x="2832" y="7139"/>
            </a:cxn>
            <a:cxn ang="0">
              <a:pos x="1214" y="9362"/>
            </a:cxn>
            <a:cxn ang="0">
              <a:pos x="303" y="10533"/>
            </a:cxn>
            <a:cxn ang="0">
              <a:pos x="0" y="11469"/>
            </a:cxn>
          </a:cxnLst>
          <a:rect l="0" t="0" r="r" b="b"/>
          <a:pathLst>
            <a:path w="16384" h="16384">
              <a:moveTo>
                <a:pt x="0" y="11469"/>
              </a:moveTo>
              <a:lnTo>
                <a:pt x="0" y="12054"/>
              </a:lnTo>
              <a:lnTo>
                <a:pt x="101" y="12405"/>
              </a:lnTo>
              <a:lnTo>
                <a:pt x="303" y="12639"/>
              </a:lnTo>
              <a:lnTo>
                <a:pt x="303" y="13575"/>
              </a:lnTo>
              <a:lnTo>
                <a:pt x="101" y="14043"/>
              </a:lnTo>
              <a:lnTo>
                <a:pt x="202" y="14512"/>
              </a:lnTo>
              <a:lnTo>
                <a:pt x="0" y="14980"/>
              </a:lnTo>
              <a:lnTo>
                <a:pt x="202" y="14863"/>
              </a:lnTo>
              <a:lnTo>
                <a:pt x="809" y="15097"/>
              </a:lnTo>
              <a:lnTo>
                <a:pt x="1416" y="15331"/>
              </a:lnTo>
              <a:lnTo>
                <a:pt x="2023" y="16267"/>
              </a:lnTo>
              <a:lnTo>
                <a:pt x="2326" y="16384"/>
              </a:lnTo>
              <a:lnTo>
                <a:pt x="2528" y="15916"/>
              </a:lnTo>
              <a:lnTo>
                <a:pt x="3135" y="15799"/>
              </a:lnTo>
              <a:lnTo>
                <a:pt x="3944" y="15565"/>
              </a:lnTo>
              <a:lnTo>
                <a:pt x="4147" y="15565"/>
              </a:lnTo>
              <a:lnTo>
                <a:pt x="4551" y="14980"/>
              </a:lnTo>
              <a:lnTo>
                <a:pt x="4956" y="14863"/>
              </a:lnTo>
              <a:lnTo>
                <a:pt x="5158" y="14043"/>
              </a:lnTo>
              <a:lnTo>
                <a:pt x="5461" y="14277"/>
              </a:lnTo>
              <a:lnTo>
                <a:pt x="5664" y="14043"/>
              </a:lnTo>
              <a:lnTo>
                <a:pt x="6372" y="13809"/>
              </a:lnTo>
              <a:lnTo>
                <a:pt x="6473" y="13926"/>
              </a:lnTo>
              <a:lnTo>
                <a:pt x="7181" y="14160"/>
              </a:lnTo>
              <a:lnTo>
                <a:pt x="8091" y="14746"/>
              </a:lnTo>
              <a:lnTo>
                <a:pt x="7889" y="15331"/>
              </a:lnTo>
              <a:lnTo>
                <a:pt x="8394" y="15097"/>
              </a:lnTo>
              <a:lnTo>
                <a:pt x="9102" y="14746"/>
              </a:lnTo>
              <a:lnTo>
                <a:pt x="9102" y="14395"/>
              </a:lnTo>
              <a:lnTo>
                <a:pt x="9304" y="14043"/>
              </a:lnTo>
              <a:lnTo>
                <a:pt x="9608" y="14043"/>
              </a:lnTo>
              <a:lnTo>
                <a:pt x="10114" y="13575"/>
              </a:lnTo>
              <a:lnTo>
                <a:pt x="10720" y="14043"/>
              </a:lnTo>
              <a:lnTo>
                <a:pt x="11327" y="14043"/>
              </a:lnTo>
              <a:lnTo>
                <a:pt x="11732" y="13692"/>
              </a:lnTo>
              <a:lnTo>
                <a:pt x="12035" y="13926"/>
              </a:lnTo>
              <a:lnTo>
                <a:pt x="12339" y="13692"/>
              </a:lnTo>
              <a:lnTo>
                <a:pt x="12844" y="13575"/>
              </a:lnTo>
              <a:lnTo>
                <a:pt x="13350" y="13809"/>
              </a:lnTo>
              <a:lnTo>
                <a:pt x="13856" y="13575"/>
              </a:lnTo>
              <a:lnTo>
                <a:pt x="14462" y="13575"/>
              </a:lnTo>
              <a:lnTo>
                <a:pt x="14867" y="13809"/>
              </a:lnTo>
              <a:lnTo>
                <a:pt x="15474" y="13458"/>
              </a:lnTo>
              <a:lnTo>
                <a:pt x="15575" y="13692"/>
              </a:lnTo>
              <a:lnTo>
                <a:pt x="15878" y="13692"/>
              </a:lnTo>
              <a:lnTo>
                <a:pt x="16081" y="13224"/>
              </a:lnTo>
              <a:lnTo>
                <a:pt x="16081" y="12522"/>
              </a:lnTo>
              <a:lnTo>
                <a:pt x="16384" y="12171"/>
              </a:lnTo>
              <a:lnTo>
                <a:pt x="16384" y="11820"/>
              </a:lnTo>
              <a:lnTo>
                <a:pt x="16384" y="11352"/>
              </a:lnTo>
              <a:lnTo>
                <a:pt x="16283" y="10767"/>
              </a:lnTo>
              <a:lnTo>
                <a:pt x="15979" y="10533"/>
              </a:lnTo>
              <a:lnTo>
                <a:pt x="15575" y="10416"/>
              </a:lnTo>
              <a:lnTo>
                <a:pt x="15373" y="10181"/>
              </a:lnTo>
              <a:lnTo>
                <a:pt x="15272" y="9713"/>
              </a:lnTo>
              <a:lnTo>
                <a:pt x="15170" y="9128"/>
              </a:lnTo>
              <a:lnTo>
                <a:pt x="14766" y="9128"/>
              </a:lnTo>
              <a:lnTo>
                <a:pt x="14564" y="8777"/>
              </a:lnTo>
              <a:lnTo>
                <a:pt x="14462" y="8426"/>
              </a:lnTo>
              <a:lnTo>
                <a:pt x="14462" y="7724"/>
              </a:lnTo>
              <a:lnTo>
                <a:pt x="14058" y="7256"/>
              </a:lnTo>
              <a:lnTo>
                <a:pt x="13957" y="6788"/>
              </a:lnTo>
              <a:lnTo>
                <a:pt x="13754" y="6320"/>
              </a:lnTo>
              <a:lnTo>
                <a:pt x="13148" y="6320"/>
              </a:lnTo>
              <a:lnTo>
                <a:pt x="12844" y="5968"/>
              </a:lnTo>
              <a:lnTo>
                <a:pt x="12440" y="5617"/>
              </a:lnTo>
              <a:lnTo>
                <a:pt x="12237" y="5032"/>
              </a:lnTo>
              <a:lnTo>
                <a:pt x="11934" y="4213"/>
              </a:lnTo>
              <a:lnTo>
                <a:pt x="11327" y="3979"/>
              </a:lnTo>
              <a:lnTo>
                <a:pt x="11125" y="3511"/>
              </a:lnTo>
              <a:lnTo>
                <a:pt x="10822" y="3394"/>
              </a:lnTo>
              <a:lnTo>
                <a:pt x="10720" y="3043"/>
              </a:lnTo>
              <a:lnTo>
                <a:pt x="10316" y="2692"/>
              </a:lnTo>
              <a:lnTo>
                <a:pt x="10114" y="2458"/>
              </a:lnTo>
              <a:lnTo>
                <a:pt x="10012" y="1521"/>
              </a:lnTo>
              <a:lnTo>
                <a:pt x="10215" y="819"/>
              </a:lnTo>
              <a:lnTo>
                <a:pt x="10417" y="585"/>
              </a:lnTo>
              <a:lnTo>
                <a:pt x="10316" y="0"/>
              </a:lnTo>
              <a:lnTo>
                <a:pt x="9507" y="585"/>
              </a:lnTo>
              <a:lnTo>
                <a:pt x="9507" y="1170"/>
              </a:lnTo>
              <a:lnTo>
                <a:pt x="9203" y="1170"/>
              </a:lnTo>
              <a:lnTo>
                <a:pt x="9203" y="1638"/>
              </a:lnTo>
              <a:lnTo>
                <a:pt x="8597" y="1638"/>
              </a:lnTo>
              <a:lnTo>
                <a:pt x="8495" y="1872"/>
              </a:lnTo>
              <a:lnTo>
                <a:pt x="7889" y="819"/>
              </a:lnTo>
              <a:lnTo>
                <a:pt x="7787" y="702"/>
              </a:lnTo>
              <a:lnTo>
                <a:pt x="7484" y="1053"/>
              </a:lnTo>
              <a:lnTo>
                <a:pt x="6978" y="1521"/>
              </a:lnTo>
              <a:lnTo>
                <a:pt x="6978" y="1755"/>
              </a:lnTo>
              <a:lnTo>
                <a:pt x="7282" y="2107"/>
              </a:lnTo>
              <a:lnTo>
                <a:pt x="7282" y="2458"/>
              </a:lnTo>
              <a:lnTo>
                <a:pt x="6978" y="2575"/>
              </a:lnTo>
              <a:lnTo>
                <a:pt x="6574" y="3511"/>
              </a:lnTo>
              <a:lnTo>
                <a:pt x="6169" y="3862"/>
              </a:lnTo>
              <a:lnTo>
                <a:pt x="5866" y="4213"/>
              </a:lnTo>
              <a:lnTo>
                <a:pt x="5562" y="4681"/>
              </a:lnTo>
              <a:lnTo>
                <a:pt x="5360" y="4798"/>
              </a:lnTo>
              <a:lnTo>
                <a:pt x="4956" y="5149"/>
              </a:lnTo>
              <a:lnTo>
                <a:pt x="4551" y="5734"/>
              </a:lnTo>
              <a:lnTo>
                <a:pt x="4147" y="6085"/>
              </a:lnTo>
              <a:lnTo>
                <a:pt x="3641" y="6203"/>
              </a:lnTo>
              <a:lnTo>
                <a:pt x="3135" y="6671"/>
              </a:lnTo>
              <a:lnTo>
                <a:pt x="2832" y="7139"/>
              </a:lnTo>
              <a:lnTo>
                <a:pt x="2023" y="8192"/>
              </a:lnTo>
              <a:lnTo>
                <a:pt x="1214" y="9362"/>
              </a:lnTo>
              <a:lnTo>
                <a:pt x="607" y="10064"/>
              </a:lnTo>
              <a:lnTo>
                <a:pt x="303" y="10533"/>
              </a:lnTo>
              <a:lnTo>
                <a:pt x="202" y="11118"/>
              </a:lnTo>
              <a:lnTo>
                <a:pt x="0" y="11469"/>
              </a:lnTo>
              <a:close/>
            </a:path>
          </a:pathLst>
        </a:custGeom>
        <a:solidFill>
          <a:srgbClr val="FF0000"/>
        </a:solidFill>
        <a:ln w="9525" cap="flat">
          <a:solidFill>
            <a:srgbClr val="000000"/>
          </a:solidFill>
          <a:prstDash val="solid"/>
          <a:round/>
          <a:headEnd/>
          <a:tailEnd/>
        </a:ln>
      </xdr:spPr>
    </xdr:sp>
    <xdr:clientData/>
  </xdr:twoCellAnchor>
  <xdr:twoCellAnchor editAs="oneCell">
    <xdr:from>
      <xdr:col>15</xdr:col>
      <xdr:colOff>28575</xdr:colOff>
      <xdr:row>19</xdr:row>
      <xdr:rowOff>95250</xdr:rowOff>
    </xdr:from>
    <xdr:to>
      <xdr:col>15</xdr:col>
      <xdr:colOff>228600</xdr:colOff>
      <xdr:row>20</xdr:row>
      <xdr:rowOff>85725</xdr:rowOff>
    </xdr:to>
    <xdr:sp macro="" textlink="">
      <xdr:nvSpPr>
        <xdr:cNvPr id="54" name="d14101_1">
          <a:extLst>
            <a:ext uri="{FF2B5EF4-FFF2-40B4-BE49-F238E27FC236}">
              <a16:creationId xmlns:a16="http://schemas.microsoft.com/office/drawing/2014/main" id="{00000000-0008-0000-0000-000036000000}"/>
            </a:ext>
          </a:extLst>
        </xdr:cNvPr>
        <xdr:cNvSpPr>
          <a:spLocks/>
        </xdr:cNvSpPr>
      </xdr:nvSpPr>
      <xdr:spPr bwMode="auto">
        <a:xfrm>
          <a:off x="9172575" y="4057650"/>
          <a:ext cx="200025" cy="142875"/>
        </a:xfrm>
        <a:custGeom>
          <a:avLst/>
          <a:gdLst/>
          <a:ahLst/>
          <a:cxnLst>
            <a:cxn ang="0">
              <a:pos x="0" y="6554"/>
            </a:cxn>
            <a:cxn ang="0">
              <a:pos x="1560" y="16384"/>
            </a:cxn>
            <a:cxn ang="0">
              <a:pos x="8582" y="14199"/>
            </a:cxn>
            <a:cxn ang="0">
              <a:pos x="7802" y="12015"/>
            </a:cxn>
            <a:cxn ang="0">
              <a:pos x="16384" y="7646"/>
            </a:cxn>
            <a:cxn ang="0">
              <a:pos x="13263" y="0"/>
            </a:cxn>
            <a:cxn ang="0">
              <a:pos x="0" y="6554"/>
            </a:cxn>
          </a:cxnLst>
          <a:rect l="0" t="0" r="r" b="b"/>
          <a:pathLst>
            <a:path w="16384" h="16384">
              <a:moveTo>
                <a:pt x="0" y="6554"/>
              </a:moveTo>
              <a:lnTo>
                <a:pt x="1560" y="16384"/>
              </a:lnTo>
              <a:lnTo>
                <a:pt x="8582" y="14199"/>
              </a:lnTo>
              <a:lnTo>
                <a:pt x="7802" y="12015"/>
              </a:lnTo>
              <a:lnTo>
                <a:pt x="16384" y="7646"/>
              </a:lnTo>
              <a:lnTo>
                <a:pt x="13263" y="0"/>
              </a:lnTo>
              <a:lnTo>
                <a:pt x="0" y="6554"/>
              </a:lnTo>
              <a:close/>
            </a:path>
          </a:pathLst>
        </a:custGeom>
        <a:solidFill>
          <a:schemeClr val="accent4">
            <a:lumMod val="20000"/>
            <a:lumOff val="80000"/>
          </a:schemeClr>
        </a:solidFill>
        <a:ln w="9525" cap="flat">
          <a:solidFill>
            <a:srgbClr val="000000"/>
          </a:solidFill>
          <a:prstDash val="solid"/>
          <a:round/>
          <a:headEnd/>
          <a:tailEnd/>
        </a:ln>
      </xdr:spPr>
    </xdr:sp>
    <xdr:clientData/>
  </xdr:twoCellAnchor>
  <xdr:twoCellAnchor editAs="oneCell">
    <xdr:from>
      <xdr:col>15</xdr:col>
      <xdr:colOff>504825</xdr:colOff>
      <xdr:row>17</xdr:row>
      <xdr:rowOff>57150</xdr:rowOff>
    </xdr:from>
    <xdr:to>
      <xdr:col>16</xdr:col>
      <xdr:colOff>180975</xdr:colOff>
      <xdr:row>18</xdr:row>
      <xdr:rowOff>142875</xdr:rowOff>
    </xdr:to>
    <xdr:sp macro="" textlink="">
      <xdr:nvSpPr>
        <xdr:cNvPr id="55" name="d14131_1">
          <a:extLst>
            <a:ext uri="{FF2B5EF4-FFF2-40B4-BE49-F238E27FC236}">
              <a16:creationId xmlns:a16="http://schemas.microsoft.com/office/drawing/2014/main" id="{00000000-0008-0000-0000-000037000000}"/>
            </a:ext>
          </a:extLst>
        </xdr:cNvPr>
        <xdr:cNvSpPr>
          <a:spLocks/>
        </xdr:cNvSpPr>
      </xdr:nvSpPr>
      <xdr:spPr bwMode="auto">
        <a:xfrm>
          <a:off x="9648825" y="3714750"/>
          <a:ext cx="285750" cy="238125"/>
        </a:xfrm>
        <a:custGeom>
          <a:avLst/>
          <a:gdLst/>
          <a:ahLst/>
          <a:cxnLst>
            <a:cxn ang="0">
              <a:pos x="0" y="7864"/>
            </a:cxn>
            <a:cxn ang="0">
              <a:pos x="4369" y="16384"/>
            </a:cxn>
            <a:cxn ang="0">
              <a:pos x="16384" y="8520"/>
            </a:cxn>
            <a:cxn ang="0">
              <a:pos x="12561" y="0"/>
            </a:cxn>
            <a:cxn ang="0">
              <a:pos x="0" y="7864"/>
            </a:cxn>
          </a:cxnLst>
          <a:rect l="0" t="0" r="r" b="b"/>
          <a:pathLst>
            <a:path w="16384" h="16384">
              <a:moveTo>
                <a:pt x="0" y="7864"/>
              </a:moveTo>
              <a:lnTo>
                <a:pt x="4369" y="16384"/>
              </a:lnTo>
              <a:lnTo>
                <a:pt x="16384" y="8520"/>
              </a:lnTo>
              <a:lnTo>
                <a:pt x="12561" y="0"/>
              </a:lnTo>
              <a:lnTo>
                <a:pt x="0" y="7864"/>
              </a:lnTo>
              <a:close/>
            </a:path>
          </a:pathLst>
        </a:custGeom>
        <a:solidFill>
          <a:schemeClr val="tx2">
            <a:lumMod val="60000"/>
            <a:lumOff val="40000"/>
          </a:schemeClr>
        </a:solidFill>
        <a:ln w="9525" cap="flat">
          <a:solidFill>
            <a:srgbClr val="000000"/>
          </a:solidFill>
          <a:prstDash val="solid"/>
          <a:round/>
          <a:headEnd/>
          <a:tailEnd/>
        </a:ln>
      </xdr:spPr>
    </xdr:sp>
    <xdr:clientData/>
  </xdr:twoCellAnchor>
  <xdr:twoCellAnchor editAs="oneCell">
    <xdr:from>
      <xdr:col>11</xdr:col>
      <xdr:colOff>180975</xdr:colOff>
      <xdr:row>9</xdr:row>
      <xdr:rowOff>28575</xdr:rowOff>
    </xdr:from>
    <xdr:to>
      <xdr:col>11</xdr:col>
      <xdr:colOff>371475</xdr:colOff>
      <xdr:row>10</xdr:row>
      <xdr:rowOff>66675</xdr:rowOff>
    </xdr:to>
    <xdr:sp macro="" textlink="">
      <xdr:nvSpPr>
        <xdr:cNvPr id="56" name="d14137_1">
          <a:extLst>
            <a:ext uri="{FF2B5EF4-FFF2-40B4-BE49-F238E27FC236}">
              <a16:creationId xmlns:a16="http://schemas.microsoft.com/office/drawing/2014/main" id="{00000000-0008-0000-0000-000038000000}"/>
            </a:ext>
          </a:extLst>
        </xdr:cNvPr>
        <xdr:cNvSpPr>
          <a:spLocks/>
        </xdr:cNvSpPr>
      </xdr:nvSpPr>
      <xdr:spPr bwMode="auto">
        <a:xfrm>
          <a:off x="6886575" y="2466975"/>
          <a:ext cx="190500" cy="190500"/>
        </a:xfrm>
        <a:custGeom>
          <a:avLst/>
          <a:gdLst/>
          <a:ahLst/>
          <a:cxnLst>
            <a:cxn ang="0">
              <a:pos x="0" y="14746"/>
            </a:cxn>
            <a:cxn ang="0">
              <a:pos x="11469" y="16384"/>
            </a:cxn>
            <a:cxn ang="0">
              <a:pos x="13107" y="8192"/>
            </a:cxn>
            <a:cxn ang="0">
              <a:pos x="16384" y="2458"/>
            </a:cxn>
            <a:cxn ang="0">
              <a:pos x="13926" y="0"/>
            </a:cxn>
            <a:cxn ang="0">
              <a:pos x="5734" y="3277"/>
            </a:cxn>
            <a:cxn ang="0">
              <a:pos x="3277" y="4096"/>
            </a:cxn>
            <a:cxn ang="0">
              <a:pos x="3277" y="6554"/>
            </a:cxn>
            <a:cxn ang="0">
              <a:pos x="0" y="14746"/>
            </a:cxn>
          </a:cxnLst>
          <a:rect l="0" t="0" r="r" b="b"/>
          <a:pathLst>
            <a:path w="16384" h="16384">
              <a:moveTo>
                <a:pt x="0" y="14746"/>
              </a:moveTo>
              <a:lnTo>
                <a:pt x="11469" y="16384"/>
              </a:lnTo>
              <a:lnTo>
                <a:pt x="13107" y="8192"/>
              </a:lnTo>
              <a:lnTo>
                <a:pt x="16384" y="2458"/>
              </a:lnTo>
              <a:lnTo>
                <a:pt x="13926" y="0"/>
              </a:lnTo>
              <a:lnTo>
                <a:pt x="5734" y="3277"/>
              </a:lnTo>
              <a:lnTo>
                <a:pt x="3277" y="4096"/>
              </a:lnTo>
              <a:lnTo>
                <a:pt x="3277" y="6554"/>
              </a:lnTo>
              <a:lnTo>
                <a:pt x="0" y="14746"/>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180975</xdr:colOff>
      <xdr:row>34</xdr:row>
      <xdr:rowOff>47625</xdr:rowOff>
    </xdr:from>
    <xdr:to>
      <xdr:col>11</xdr:col>
      <xdr:colOff>333375</xdr:colOff>
      <xdr:row>34</xdr:row>
      <xdr:rowOff>123825</xdr:rowOff>
    </xdr:to>
    <xdr:sp macro="" textlink="">
      <xdr:nvSpPr>
        <xdr:cNvPr id="57" name="d14205_1">
          <a:extLst>
            <a:ext uri="{FF2B5EF4-FFF2-40B4-BE49-F238E27FC236}">
              <a16:creationId xmlns:a16="http://schemas.microsoft.com/office/drawing/2014/main" id="{00000000-0008-0000-0000-000039000000}"/>
            </a:ext>
          </a:extLst>
        </xdr:cNvPr>
        <xdr:cNvSpPr>
          <a:spLocks/>
        </xdr:cNvSpPr>
      </xdr:nvSpPr>
      <xdr:spPr bwMode="auto">
        <a:xfrm>
          <a:off x="6886575" y="6296025"/>
          <a:ext cx="152400" cy="76200"/>
        </a:xfrm>
        <a:custGeom>
          <a:avLst/>
          <a:gdLst/>
          <a:ahLst/>
          <a:cxnLst>
            <a:cxn ang="0">
              <a:pos x="16384" y="12288"/>
            </a:cxn>
            <a:cxn ang="0">
              <a:pos x="12288" y="10240"/>
            </a:cxn>
            <a:cxn ang="0">
              <a:pos x="11264" y="4096"/>
            </a:cxn>
            <a:cxn ang="0">
              <a:pos x="9216" y="0"/>
            </a:cxn>
            <a:cxn ang="0">
              <a:pos x="0" y="12288"/>
            </a:cxn>
            <a:cxn ang="0">
              <a:pos x="1024" y="16384"/>
            </a:cxn>
            <a:cxn ang="0">
              <a:pos x="4096" y="14336"/>
            </a:cxn>
            <a:cxn ang="0">
              <a:pos x="8192" y="16384"/>
            </a:cxn>
            <a:cxn ang="0">
              <a:pos x="16384" y="12288"/>
            </a:cxn>
          </a:cxnLst>
          <a:rect l="0" t="0" r="r" b="b"/>
          <a:pathLst>
            <a:path w="16384" h="16384">
              <a:moveTo>
                <a:pt x="16384" y="12288"/>
              </a:moveTo>
              <a:lnTo>
                <a:pt x="12288" y="10240"/>
              </a:lnTo>
              <a:lnTo>
                <a:pt x="11264" y="4096"/>
              </a:lnTo>
              <a:lnTo>
                <a:pt x="9216" y="0"/>
              </a:lnTo>
              <a:lnTo>
                <a:pt x="0" y="12288"/>
              </a:lnTo>
              <a:lnTo>
                <a:pt x="1024" y="16384"/>
              </a:lnTo>
              <a:lnTo>
                <a:pt x="4096" y="14336"/>
              </a:lnTo>
              <a:lnTo>
                <a:pt x="8192" y="16384"/>
              </a:lnTo>
              <a:lnTo>
                <a:pt x="16384" y="12288"/>
              </a:lnTo>
              <a:close/>
            </a:path>
          </a:pathLst>
        </a:custGeom>
        <a:noFill/>
        <a:ln w="9525" cap="flat">
          <a:solidFill>
            <a:srgbClr val="000000"/>
          </a:solidFill>
          <a:prstDash val="solid"/>
          <a:round/>
          <a:headEnd/>
          <a:tailEnd/>
        </a:ln>
      </xdr:spPr>
    </xdr:sp>
    <xdr:clientData/>
  </xdr:twoCellAnchor>
  <xdr:twoCellAnchor editAs="oneCell">
    <xdr:from>
      <xdr:col>13</xdr:col>
      <xdr:colOff>485775</xdr:colOff>
      <xdr:row>49</xdr:row>
      <xdr:rowOff>76200</xdr:rowOff>
    </xdr:from>
    <xdr:to>
      <xdr:col>14</xdr:col>
      <xdr:colOff>133350</xdr:colOff>
      <xdr:row>50</xdr:row>
      <xdr:rowOff>57151</xdr:rowOff>
    </xdr:to>
    <xdr:sp macro="" textlink="">
      <xdr:nvSpPr>
        <xdr:cNvPr id="58" name="d14210_1">
          <a:extLst>
            <a:ext uri="{FF2B5EF4-FFF2-40B4-BE49-F238E27FC236}">
              <a16:creationId xmlns:a16="http://schemas.microsoft.com/office/drawing/2014/main" id="{00000000-0008-0000-0000-00003A000000}"/>
            </a:ext>
          </a:extLst>
        </xdr:cNvPr>
        <xdr:cNvSpPr>
          <a:spLocks/>
        </xdr:cNvSpPr>
      </xdr:nvSpPr>
      <xdr:spPr bwMode="auto">
        <a:xfrm>
          <a:off x="8410575" y="8610600"/>
          <a:ext cx="257175" cy="133351"/>
        </a:xfrm>
        <a:custGeom>
          <a:avLst/>
          <a:gdLst/>
          <a:ahLst/>
          <a:cxnLst>
            <a:cxn ang="0">
              <a:pos x="13957" y="5851"/>
            </a:cxn>
            <a:cxn ang="0">
              <a:pos x="9102" y="2341"/>
            </a:cxn>
            <a:cxn ang="0">
              <a:pos x="5461" y="2341"/>
            </a:cxn>
            <a:cxn ang="0">
              <a:pos x="3641" y="2341"/>
            </a:cxn>
            <a:cxn ang="0">
              <a:pos x="1214" y="0"/>
            </a:cxn>
            <a:cxn ang="0">
              <a:pos x="1214" y="3511"/>
            </a:cxn>
            <a:cxn ang="0">
              <a:pos x="0" y="4681"/>
            </a:cxn>
            <a:cxn ang="0">
              <a:pos x="607" y="8192"/>
            </a:cxn>
            <a:cxn ang="0">
              <a:pos x="2427" y="9362"/>
            </a:cxn>
            <a:cxn ang="0">
              <a:pos x="4855" y="9362"/>
            </a:cxn>
            <a:cxn ang="0">
              <a:pos x="6675" y="11703"/>
            </a:cxn>
            <a:cxn ang="0">
              <a:pos x="9102" y="9362"/>
            </a:cxn>
            <a:cxn ang="0">
              <a:pos x="12743" y="15214"/>
            </a:cxn>
            <a:cxn ang="0">
              <a:pos x="15170" y="16384"/>
            </a:cxn>
            <a:cxn ang="0">
              <a:pos x="16384" y="14043"/>
            </a:cxn>
            <a:cxn ang="0">
              <a:pos x="13350" y="9362"/>
            </a:cxn>
            <a:cxn ang="0">
              <a:pos x="13957" y="5851"/>
            </a:cxn>
          </a:cxnLst>
          <a:rect l="0" t="0" r="r" b="b"/>
          <a:pathLst>
            <a:path w="16384" h="16384">
              <a:moveTo>
                <a:pt x="13957" y="5851"/>
              </a:moveTo>
              <a:lnTo>
                <a:pt x="9102" y="2341"/>
              </a:lnTo>
              <a:lnTo>
                <a:pt x="5461" y="2341"/>
              </a:lnTo>
              <a:lnTo>
                <a:pt x="3641" y="2341"/>
              </a:lnTo>
              <a:lnTo>
                <a:pt x="1214" y="0"/>
              </a:lnTo>
              <a:lnTo>
                <a:pt x="1214" y="3511"/>
              </a:lnTo>
              <a:lnTo>
                <a:pt x="0" y="4681"/>
              </a:lnTo>
              <a:lnTo>
                <a:pt x="607" y="8192"/>
              </a:lnTo>
              <a:lnTo>
                <a:pt x="2427" y="9362"/>
              </a:lnTo>
              <a:lnTo>
                <a:pt x="4855" y="9362"/>
              </a:lnTo>
              <a:lnTo>
                <a:pt x="6675" y="11703"/>
              </a:lnTo>
              <a:lnTo>
                <a:pt x="9102" y="9362"/>
              </a:lnTo>
              <a:lnTo>
                <a:pt x="12743" y="15214"/>
              </a:lnTo>
              <a:lnTo>
                <a:pt x="15170" y="16384"/>
              </a:lnTo>
              <a:lnTo>
                <a:pt x="16384" y="14043"/>
              </a:lnTo>
              <a:lnTo>
                <a:pt x="13350" y="9362"/>
              </a:lnTo>
              <a:lnTo>
                <a:pt x="13957" y="5851"/>
              </a:lnTo>
              <a:close/>
            </a:path>
          </a:pathLst>
        </a:custGeom>
        <a:solidFill>
          <a:srgbClr val="FF6600"/>
        </a:solidFill>
        <a:ln w="9525" cap="flat">
          <a:solidFill>
            <a:srgbClr val="000000"/>
          </a:solidFill>
          <a:prstDash val="solid"/>
          <a:round/>
          <a:headEnd/>
          <a:tailEnd/>
        </a:ln>
      </xdr:spPr>
    </xdr:sp>
    <xdr:clientData/>
  </xdr:twoCellAnchor>
  <xdr:twoCellAnchor editAs="oneCell">
    <xdr:from>
      <xdr:col>15</xdr:col>
      <xdr:colOff>352425</xdr:colOff>
      <xdr:row>18</xdr:row>
      <xdr:rowOff>19050</xdr:rowOff>
    </xdr:from>
    <xdr:to>
      <xdr:col>15</xdr:col>
      <xdr:colOff>581025</xdr:colOff>
      <xdr:row>19</xdr:row>
      <xdr:rowOff>76200</xdr:rowOff>
    </xdr:to>
    <xdr:sp macro="" textlink="">
      <xdr:nvSpPr>
        <xdr:cNvPr id="59" name="d14101_2">
          <a:extLst>
            <a:ext uri="{FF2B5EF4-FFF2-40B4-BE49-F238E27FC236}">
              <a16:creationId xmlns:a16="http://schemas.microsoft.com/office/drawing/2014/main" id="{00000000-0008-0000-0000-00003B000000}"/>
            </a:ext>
          </a:extLst>
        </xdr:cNvPr>
        <xdr:cNvSpPr>
          <a:spLocks/>
        </xdr:cNvSpPr>
      </xdr:nvSpPr>
      <xdr:spPr bwMode="auto">
        <a:xfrm>
          <a:off x="9496425" y="3829050"/>
          <a:ext cx="228600" cy="209550"/>
        </a:xfrm>
        <a:custGeom>
          <a:avLst/>
          <a:gdLst/>
          <a:ahLst/>
          <a:cxnLst>
            <a:cxn ang="0">
              <a:pos x="10923" y="0"/>
            </a:cxn>
            <a:cxn ang="0">
              <a:pos x="0" y="6703"/>
            </a:cxn>
            <a:cxn ang="0">
              <a:pos x="4779" y="16384"/>
            </a:cxn>
            <a:cxn ang="0">
              <a:pos x="16384" y="9681"/>
            </a:cxn>
            <a:cxn ang="0">
              <a:pos x="10923" y="0"/>
            </a:cxn>
          </a:cxnLst>
          <a:rect l="0" t="0" r="r" b="b"/>
          <a:pathLst>
            <a:path w="16384" h="16384">
              <a:moveTo>
                <a:pt x="10923" y="0"/>
              </a:moveTo>
              <a:lnTo>
                <a:pt x="0" y="6703"/>
              </a:lnTo>
              <a:lnTo>
                <a:pt x="4779" y="16384"/>
              </a:lnTo>
              <a:lnTo>
                <a:pt x="16384" y="9681"/>
              </a:lnTo>
              <a:lnTo>
                <a:pt x="10923" y="0"/>
              </a:lnTo>
              <a:close/>
            </a:path>
          </a:pathLst>
        </a:custGeom>
        <a:solidFill>
          <a:schemeClr val="accent4">
            <a:lumMod val="20000"/>
            <a:lumOff val="80000"/>
          </a:schemeClr>
        </a:solidFill>
        <a:ln w="9525" cap="flat">
          <a:solidFill>
            <a:srgbClr val="000000"/>
          </a:solidFill>
          <a:prstDash val="solid"/>
          <a:round/>
          <a:headEnd/>
          <a:tailEnd/>
        </a:ln>
      </xdr:spPr>
    </xdr:sp>
    <xdr:clientData/>
  </xdr:twoCellAnchor>
  <xdr:twoCellAnchor editAs="oneCell">
    <xdr:from>
      <xdr:col>16</xdr:col>
      <xdr:colOff>161925</xdr:colOff>
      <xdr:row>16</xdr:row>
      <xdr:rowOff>66675</xdr:rowOff>
    </xdr:from>
    <xdr:to>
      <xdr:col>16</xdr:col>
      <xdr:colOff>485775</xdr:colOff>
      <xdr:row>17</xdr:row>
      <xdr:rowOff>133350</xdr:rowOff>
    </xdr:to>
    <xdr:sp macro="" textlink="">
      <xdr:nvSpPr>
        <xdr:cNvPr id="60" name="d14131_2">
          <a:extLst>
            <a:ext uri="{FF2B5EF4-FFF2-40B4-BE49-F238E27FC236}">
              <a16:creationId xmlns:a16="http://schemas.microsoft.com/office/drawing/2014/main" id="{00000000-0008-0000-0000-00003C000000}"/>
            </a:ext>
          </a:extLst>
        </xdr:cNvPr>
        <xdr:cNvSpPr>
          <a:spLocks/>
        </xdr:cNvSpPr>
      </xdr:nvSpPr>
      <xdr:spPr bwMode="auto">
        <a:xfrm>
          <a:off x="9915525" y="3571875"/>
          <a:ext cx="323850" cy="219075"/>
        </a:xfrm>
        <a:custGeom>
          <a:avLst/>
          <a:gdLst/>
          <a:ahLst/>
          <a:cxnLst>
            <a:cxn ang="0">
              <a:pos x="0" y="9973"/>
            </a:cxn>
            <a:cxn ang="0">
              <a:pos x="2409" y="16384"/>
            </a:cxn>
            <a:cxn ang="0">
              <a:pos x="16384" y="4274"/>
            </a:cxn>
            <a:cxn ang="0">
              <a:pos x="15902" y="0"/>
            </a:cxn>
            <a:cxn ang="0">
              <a:pos x="13011" y="0"/>
            </a:cxn>
            <a:cxn ang="0">
              <a:pos x="0" y="9973"/>
            </a:cxn>
          </a:cxnLst>
          <a:rect l="0" t="0" r="r" b="b"/>
          <a:pathLst>
            <a:path w="16384" h="16384">
              <a:moveTo>
                <a:pt x="0" y="9973"/>
              </a:moveTo>
              <a:lnTo>
                <a:pt x="2409" y="16384"/>
              </a:lnTo>
              <a:lnTo>
                <a:pt x="16384" y="4274"/>
              </a:lnTo>
              <a:lnTo>
                <a:pt x="15902" y="0"/>
              </a:lnTo>
              <a:lnTo>
                <a:pt x="13011" y="0"/>
              </a:lnTo>
              <a:lnTo>
                <a:pt x="0" y="9973"/>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3</xdr:col>
      <xdr:colOff>447675</xdr:colOff>
      <xdr:row>1</xdr:row>
      <xdr:rowOff>19050</xdr:rowOff>
    </xdr:from>
    <xdr:to>
      <xdr:col>11</xdr:col>
      <xdr:colOff>0</xdr:colOff>
      <xdr:row>19</xdr:row>
      <xdr:rowOff>0</xdr:rowOff>
    </xdr:to>
    <xdr:sp macro="" textlink="">
      <xdr:nvSpPr>
        <xdr:cNvPr id="61" name="d14209">
          <a:extLst>
            <a:ext uri="{FF2B5EF4-FFF2-40B4-BE49-F238E27FC236}">
              <a16:creationId xmlns:a16="http://schemas.microsoft.com/office/drawing/2014/main" id="{00000000-0008-0000-0000-00003D000000}"/>
            </a:ext>
          </a:extLst>
        </xdr:cNvPr>
        <xdr:cNvSpPr>
          <a:spLocks/>
        </xdr:cNvSpPr>
      </xdr:nvSpPr>
      <xdr:spPr bwMode="auto">
        <a:xfrm>
          <a:off x="2276475" y="1238250"/>
          <a:ext cx="4429125" cy="2724150"/>
        </a:xfrm>
        <a:custGeom>
          <a:avLst/>
          <a:gdLst/>
          <a:ahLst/>
          <a:cxnLst>
            <a:cxn ang="0">
              <a:pos x="465" y="210"/>
            </a:cxn>
            <a:cxn ang="0">
              <a:pos x="431" y="176"/>
            </a:cxn>
            <a:cxn ang="0">
              <a:pos x="412" y="154"/>
            </a:cxn>
            <a:cxn ang="0">
              <a:pos x="386" y="129"/>
            </a:cxn>
            <a:cxn ang="0">
              <a:pos x="355" y="109"/>
            </a:cxn>
            <a:cxn ang="0">
              <a:pos x="317" y="99"/>
            </a:cxn>
            <a:cxn ang="0">
              <a:pos x="288" y="98"/>
            </a:cxn>
            <a:cxn ang="0">
              <a:pos x="252" y="86"/>
            </a:cxn>
            <a:cxn ang="0">
              <a:pos x="237" y="99"/>
            </a:cxn>
            <a:cxn ang="0">
              <a:pos x="216" y="99"/>
            </a:cxn>
            <a:cxn ang="0">
              <a:pos x="198" y="89"/>
            </a:cxn>
            <a:cxn ang="0">
              <a:pos x="181" y="67"/>
            </a:cxn>
            <a:cxn ang="0">
              <a:pos x="171" y="34"/>
            </a:cxn>
            <a:cxn ang="0">
              <a:pos x="138" y="39"/>
            </a:cxn>
            <a:cxn ang="0">
              <a:pos x="119" y="24"/>
            </a:cxn>
            <a:cxn ang="0">
              <a:pos x="110" y="7"/>
            </a:cxn>
            <a:cxn ang="0">
              <a:pos x="85" y="3"/>
            </a:cxn>
            <a:cxn ang="0">
              <a:pos x="69" y="9"/>
            </a:cxn>
            <a:cxn ang="0">
              <a:pos x="64" y="36"/>
            </a:cxn>
            <a:cxn ang="0">
              <a:pos x="71" y="72"/>
            </a:cxn>
            <a:cxn ang="0">
              <a:pos x="80" y="82"/>
            </a:cxn>
            <a:cxn ang="0">
              <a:pos x="71" y="114"/>
            </a:cxn>
            <a:cxn ang="0">
              <a:pos x="68" y="129"/>
            </a:cxn>
            <a:cxn ang="0">
              <a:pos x="70" y="160"/>
            </a:cxn>
            <a:cxn ang="0">
              <a:pos x="52" y="193"/>
            </a:cxn>
            <a:cxn ang="0">
              <a:pos x="44" y="202"/>
            </a:cxn>
            <a:cxn ang="0">
              <a:pos x="17" y="232"/>
            </a:cxn>
            <a:cxn ang="0">
              <a:pos x="2" y="242"/>
            </a:cxn>
            <a:cxn ang="0">
              <a:pos x="22" y="260"/>
            </a:cxn>
            <a:cxn ang="0">
              <a:pos x="38" y="274"/>
            </a:cxn>
            <a:cxn ang="0">
              <a:pos x="69" y="280"/>
            </a:cxn>
            <a:cxn ang="0">
              <a:pos x="93" y="281"/>
            </a:cxn>
            <a:cxn ang="0">
              <a:pos x="112" y="286"/>
            </a:cxn>
            <a:cxn ang="0">
              <a:pos x="122" y="270"/>
            </a:cxn>
            <a:cxn ang="0">
              <a:pos x="149" y="241"/>
            </a:cxn>
            <a:cxn ang="0">
              <a:pos x="162" y="231"/>
            </a:cxn>
            <a:cxn ang="0">
              <a:pos x="177" y="218"/>
            </a:cxn>
            <a:cxn ang="0">
              <a:pos x="181" y="201"/>
            </a:cxn>
            <a:cxn ang="0">
              <a:pos x="203" y="198"/>
            </a:cxn>
            <a:cxn ang="0">
              <a:pos x="222" y="180"/>
            </a:cxn>
            <a:cxn ang="0">
              <a:pos x="237" y="179"/>
            </a:cxn>
            <a:cxn ang="0">
              <a:pos x="252" y="185"/>
            </a:cxn>
            <a:cxn ang="0">
              <a:pos x="269" y="170"/>
            </a:cxn>
            <a:cxn ang="0">
              <a:pos x="284" y="182"/>
            </a:cxn>
            <a:cxn ang="0">
              <a:pos x="297" y="196"/>
            </a:cxn>
            <a:cxn ang="0">
              <a:pos x="327" y="200"/>
            </a:cxn>
            <a:cxn ang="0">
              <a:pos x="357" y="221"/>
            </a:cxn>
            <a:cxn ang="0">
              <a:pos x="368" y="262"/>
            </a:cxn>
            <a:cxn ang="0">
              <a:pos x="395" y="254"/>
            </a:cxn>
            <a:cxn ang="0">
              <a:pos x="421" y="230"/>
            </a:cxn>
            <a:cxn ang="0">
              <a:pos x="433" y="239"/>
            </a:cxn>
            <a:cxn ang="0">
              <a:pos x="454" y="228"/>
            </a:cxn>
          </a:cxnLst>
          <a:rect l="0" t="0" r="r" b="b"/>
          <a:pathLst>
            <a:path w="465" h="286">
              <a:moveTo>
                <a:pt x="464" y="223"/>
              </a:moveTo>
              <a:lnTo>
                <a:pt x="462" y="222"/>
              </a:lnTo>
              <a:lnTo>
                <a:pt x="462" y="218"/>
              </a:lnTo>
              <a:lnTo>
                <a:pt x="465" y="215"/>
              </a:lnTo>
              <a:lnTo>
                <a:pt x="465" y="210"/>
              </a:lnTo>
              <a:lnTo>
                <a:pt x="456" y="201"/>
              </a:lnTo>
              <a:lnTo>
                <a:pt x="452" y="194"/>
              </a:lnTo>
              <a:lnTo>
                <a:pt x="444" y="189"/>
              </a:lnTo>
              <a:lnTo>
                <a:pt x="434" y="182"/>
              </a:lnTo>
              <a:lnTo>
                <a:pt x="431" y="176"/>
              </a:lnTo>
              <a:lnTo>
                <a:pt x="426" y="173"/>
              </a:lnTo>
              <a:lnTo>
                <a:pt x="425" y="167"/>
              </a:lnTo>
              <a:lnTo>
                <a:pt x="416" y="162"/>
              </a:lnTo>
              <a:lnTo>
                <a:pt x="415" y="157"/>
              </a:lnTo>
              <a:lnTo>
                <a:pt x="412" y="154"/>
              </a:lnTo>
              <a:lnTo>
                <a:pt x="410" y="149"/>
              </a:lnTo>
              <a:lnTo>
                <a:pt x="405" y="143"/>
              </a:lnTo>
              <a:lnTo>
                <a:pt x="401" y="142"/>
              </a:lnTo>
              <a:lnTo>
                <a:pt x="396" y="132"/>
              </a:lnTo>
              <a:lnTo>
                <a:pt x="386" y="129"/>
              </a:lnTo>
              <a:lnTo>
                <a:pt x="383" y="124"/>
              </a:lnTo>
              <a:lnTo>
                <a:pt x="370" y="119"/>
              </a:lnTo>
              <a:lnTo>
                <a:pt x="369" y="115"/>
              </a:lnTo>
              <a:lnTo>
                <a:pt x="362" y="114"/>
              </a:lnTo>
              <a:lnTo>
                <a:pt x="355" y="109"/>
              </a:lnTo>
              <a:lnTo>
                <a:pt x="343" y="105"/>
              </a:lnTo>
              <a:lnTo>
                <a:pt x="338" y="104"/>
              </a:lnTo>
              <a:lnTo>
                <a:pt x="331" y="103"/>
              </a:lnTo>
              <a:lnTo>
                <a:pt x="322" y="98"/>
              </a:lnTo>
              <a:lnTo>
                <a:pt x="317" y="99"/>
              </a:lnTo>
              <a:lnTo>
                <a:pt x="311" y="99"/>
              </a:lnTo>
              <a:lnTo>
                <a:pt x="306" y="98"/>
              </a:lnTo>
              <a:lnTo>
                <a:pt x="300" y="97"/>
              </a:lnTo>
              <a:lnTo>
                <a:pt x="293" y="99"/>
              </a:lnTo>
              <a:lnTo>
                <a:pt x="288" y="98"/>
              </a:lnTo>
              <a:lnTo>
                <a:pt x="282" y="98"/>
              </a:lnTo>
              <a:lnTo>
                <a:pt x="278" y="95"/>
              </a:lnTo>
              <a:lnTo>
                <a:pt x="273" y="91"/>
              </a:lnTo>
              <a:lnTo>
                <a:pt x="260" y="86"/>
              </a:lnTo>
              <a:lnTo>
                <a:pt x="252" y="86"/>
              </a:lnTo>
              <a:lnTo>
                <a:pt x="247" y="85"/>
              </a:lnTo>
              <a:lnTo>
                <a:pt x="241" y="87"/>
              </a:lnTo>
              <a:lnTo>
                <a:pt x="239" y="93"/>
              </a:lnTo>
              <a:lnTo>
                <a:pt x="237" y="95"/>
              </a:lnTo>
              <a:lnTo>
                <a:pt x="237" y="99"/>
              </a:lnTo>
              <a:lnTo>
                <a:pt x="235" y="102"/>
              </a:lnTo>
              <a:lnTo>
                <a:pt x="228" y="101"/>
              </a:lnTo>
              <a:lnTo>
                <a:pt x="226" y="100"/>
              </a:lnTo>
              <a:lnTo>
                <a:pt x="220" y="102"/>
              </a:lnTo>
              <a:lnTo>
                <a:pt x="216" y="99"/>
              </a:lnTo>
              <a:lnTo>
                <a:pt x="211" y="99"/>
              </a:lnTo>
              <a:lnTo>
                <a:pt x="208" y="96"/>
              </a:lnTo>
              <a:lnTo>
                <a:pt x="205" y="97"/>
              </a:lnTo>
              <a:lnTo>
                <a:pt x="201" y="91"/>
              </a:lnTo>
              <a:lnTo>
                <a:pt x="198" y="89"/>
              </a:lnTo>
              <a:lnTo>
                <a:pt x="194" y="87"/>
              </a:lnTo>
              <a:lnTo>
                <a:pt x="194" y="84"/>
              </a:lnTo>
              <a:lnTo>
                <a:pt x="186" y="71"/>
              </a:lnTo>
              <a:lnTo>
                <a:pt x="182" y="70"/>
              </a:lnTo>
              <a:lnTo>
                <a:pt x="181" y="67"/>
              </a:lnTo>
              <a:lnTo>
                <a:pt x="182" y="62"/>
              </a:lnTo>
              <a:lnTo>
                <a:pt x="178" y="56"/>
              </a:lnTo>
              <a:lnTo>
                <a:pt x="176" y="50"/>
              </a:lnTo>
              <a:lnTo>
                <a:pt x="176" y="38"/>
              </a:lnTo>
              <a:lnTo>
                <a:pt x="171" y="34"/>
              </a:lnTo>
              <a:lnTo>
                <a:pt x="160" y="30"/>
              </a:lnTo>
              <a:lnTo>
                <a:pt x="153" y="30"/>
              </a:lnTo>
              <a:lnTo>
                <a:pt x="151" y="31"/>
              </a:lnTo>
              <a:lnTo>
                <a:pt x="146" y="37"/>
              </a:lnTo>
              <a:lnTo>
                <a:pt x="138" y="39"/>
              </a:lnTo>
              <a:lnTo>
                <a:pt x="132" y="39"/>
              </a:lnTo>
              <a:lnTo>
                <a:pt x="128" y="35"/>
              </a:lnTo>
              <a:lnTo>
                <a:pt x="125" y="31"/>
              </a:lnTo>
              <a:lnTo>
                <a:pt x="118" y="31"/>
              </a:lnTo>
              <a:lnTo>
                <a:pt x="119" y="24"/>
              </a:lnTo>
              <a:lnTo>
                <a:pt x="118" y="22"/>
              </a:lnTo>
              <a:lnTo>
                <a:pt x="118" y="17"/>
              </a:lnTo>
              <a:lnTo>
                <a:pt x="115" y="13"/>
              </a:lnTo>
              <a:lnTo>
                <a:pt x="114" y="10"/>
              </a:lnTo>
              <a:lnTo>
                <a:pt x="110" y="7"/>
              </a:lnTo>
              <a:lnTo>
                <a:pt x="105" y="9"/>
              </a:lnTo>
              <a:lnTo>
                <a:pt x="96" y="9"/>
              </a:lnTo>
              <a:lnTo>
                <a:pt x="92" y="7"/>
              </a:lnTo>
              <a:lnTo>
                <a:pt x="89" y="3"/>
              </a:lnTo>
              <a:lnTo>
                <a:pt x="85" y="3"/>
              </a:lnTo>
              <a:lnTo>
                <a:pt x="78" y="0"/>
              </a:lnTo>
              <a:lnTo>
                <a:pt x="75" y="1"/>
              </a:lnTo>
              <a:lnTo>
                <a:pt x="75" y="5"/>
              </a:lnTo>
              <a:lnTo>
                <a:pt x="74" y="7"/>
              </a:lnTo>
              <a:lnTo>
                <a:pt x="69" y="9"/>
              </a:lnTo>
              <a:lnTo>
                <a:pt x="66" y="14"/>
              </a:lnTo>
              <a:lnTo>
                <a:pt x="62" y="16"/>
              </a:lnTo>
              <a:lnTo>
                <a:pt x="61" y="21"/>
              </a:lnTo>
              <a:lnTo>
                <a:pt x="58" y="25"/>
              </a:lnTo>
              <a:lnTo>
                <a:pt x="64" y="36"/>
              </a:lnTo>
              <a:lnTo>
                <a:pt x="68" y="40"/>
              </a:lnTo>
              <a:lnTo>
                <a:pt x="69" y="47"/>
              </a:lnTo>
              <a:lnTo>
                <a:pt x="66" y="54"/>
              </a:lnTo>
              <a:lnTo>
                <a:pt x="66" y="63"/>
              </a:lnTo>
              <a:lnTo>
                <a:pt x="71" y="72"/>
              </a:lnTo>
              <a:lnTo>
                <a:pt x="70" y="76"/>
              </a:lnTo>
              <a:lnTo>
                <a:pt x="72" y="78"/>
              </a:lnTo>
              <a:lnTo>
                <a:pt x="76" y="80"/>
              </a:lnTo>
              <a:lnTo>
                <a:pt x="79" y="81"/>
              </a:lnTo>
              <a:lnTo>
                <a:pt x="80" y="82"/>
              </a:lnTo>
              <a:lnTo>
                <a:pt x="72" y="84"/>
              </a:lnTo>
              <a:lnTo>
                <a:pt x="72" y="86"/>
              </a:lnTo>
              <a:lnTo>
                <a:pt x="76" y="92"/>
              </a:lnTo>
              <a:lnTo>
                <a:pt x="77" y="97"/>
              </a:lnTo>
              <a:lnTo>
                <a:pt x="71" y="114"/>
              </a:lnTo>
              <a:lnTo>
                <a:pt x="67" y="115"/>
              </a:lnTo>
              <a:lnTo>
                <a:pt x="66" y="119"/>
              </a:lnTo>
              <a:lnTo>
                <a:pt x="63" y="125"/>
              </a:lnTo>
              <a:lnTo>
                <a:pt x="63" y="129"/>
              </a:lnTo>
              <a:lnTo>
                <a:pt x="68" y="129"/>
              </a:lnTo>
              <a:lnTo>
                <a:pt x="70" y="132"/>
              </a:lnTo>
              <a:lnTo>
                <a:pt x="71" y="135"/>
              </a:lnTo>
              <a:lnTo>
                <a:pt x="71" y="144"/>
              </a:lnTo>
              <a:lnTo>
                <a:pt x="73" y="155"/>
              </a:lnTo>
              <a:lnTo>
                <a:pt x="70" y="160"/>
              </a:lnTo>
              <a:lnTo>
                <a:pt x="62" y="169"/>
              </a:lnTo>
              <a:lnTo>
                <a:pt x="56" y="172"/>
              </a:lnTo>
              <a:lnTo>
                <a:pt x="54" y="178"/>
              </a:lnTo>
              <a:lnTo>
                <a:pt x="52" y="186"/>
              </a:lnTo>
              <a:lnTo>
                <a:pt x="52" y="193"/>
              </a:lnTo>
              <a:lnTo>
                <a:pt x="52" y="195"/>
              </a:lnTo>
              <a:lnTo>
                <a:pt x="51" y="198"/>
              </a:lnTo>
              <a:lnTo>
                <a:pt x="48" y="200"/>
              </a:lnTo>
              <a:lnTo>
                <a:pt x="48" y="202"/>
              </a:lnTo>
              <a:lnTo>
                <a:pt x="44" y="202"/>
              </a:lnTo>
              <a:lnTo>
                <a:pt x="41" y="210"/>
              </a:lnTo>
              <a:lnTo>
                <a:pt x="35" y="214"/>
              </a:lnTo>
              <a:lnTo>
                <a:pt x="31" y="216"/>
              </a:lnTo>
              <a:lnTo>
                <a:pt x="24" y="225"/>
              </a:lnTo>
              <a:lnTo>
                <a:pt x="17" y="232"/>
              </a:lnTo>
              <a:lnTo>
                <a:pt x="13" y="232"/>
              </a:lnTo>
              <a:lnTo>
                <a:pt x="8" y="234"/>
              </a:lnTo>
              <a:lnTo>
                <a:pt x="0" y="234"/>
              </a:lnTo>
              <a:lnTo>
                <a:pt x="2" y="238"/>
              </a:lnTo>
              <a:lnTo>
                <a:pt x="2" y="242"/>
              </a:lnTo>
              <a:lnTo>
                <a:pt x="1" y="244"/>
              </a:lnTo>
              <a:lnTo>
                <a:pt x="5" y="248"/>
              </a:lnTo>
              <a:lnTo>
                <a:pt x="6" y="254"/>
              </a:lnTo>
              <a:lnTo>
                <a:pt x="8" y="256"/>
              </a:lnTo>
              <a:lnTo>
                <a:pt x="22" y="260"/>
              </a:lnTo>
              <a:lnTo>
                <a:pt x="25" y="262"/>
              </a:lnTo>
              <a:lnTo>
                <a:pt x="28" y="267"/>
              </a:lnTo>
              <a:lnTo>
                <a:pt x="33" y="268"/>
              </a:lnTo>
              <a:lnTo>
                <a:pt x="35" y="271"/>
              </a:lnTo>
              <a:lnTo>
                <a:pt x="38" y="274"/>
              </a:lnTo>
              <a:lnTo>
                <a:pt x="40" y="280"/>
              </a:lnTo>
              <a:lnTo>
                <a:pt x="47" y="281"/>
              </a:lnTo>
              <a:lnTo>
                <a:pt x="60" y="285"/>
              </a:lnTo>
              <a:lnTo>
                <a:pt x="65" y="284"/>
              </a:lnTo>
              <a:lnTo>
                <a:pt x="69" y="280"/>
              </a:lnTo>
              <a:lnTo>
                <a:pt x="74" y="276"/>
              </a:lnTo>
              <a:lnTo>
                <a:pt x="80" y="270"/>
              </a:lnTo>
              <a:lnTo>
                <a:pt x="87" y="271"/>
              </a:lnTo>
              <a:lnTo>
                <a:pt x="92" y="274"/>
              </a:lnTo>
              <a:lnTo>
                <a:pt x="93" y="281"/>
              </a:lnTo>
              <a:lnTo>
                <a:pt x="98" y="284"/>
              </a:lnTo>
              <a:lnTo>
                <a:pt x="100" y="284"/>
              </a:lnTo>
              <a:lnTo>
                <a:pt x="105" y="282"/>
              </a:lnTo>
              <a:lnTo>
                <a:pt x="109" y="283"/>
              </a:lnTo>
              <a:lnTo>
                <a:pt x="112" y="286"/>
              </a:lnTo>
              <a:lnTo>
                <a:pt x="114" y="284"/>
              </a:lnTo>
              <a:lnTo>
                <a:pt x="114" y="282"/>
              </a:lnTo>
              <a:lnTo>
                <a:pt x="115" y="278"/>
              </a:lnTo>
              <a:lnTo>
                <a:pt x="119" y="273"/>
              </a:lnTo>
              <a:lnTo>
                <a:pt x="122" y="270"/>
              </a:lnTo>
              <a:lnTo>
                <a:pt x="131" y="259"/>
              </a:lnTo>
              <a:lnTo>
                <a:pt x="139" y="250"/>
              </a:lnTo>
              <a:lnTo>
                <a:pt x="143" y="245"/>
              </a:lnTo>
              <a:lnTo>
                <a:pt x="148" y="241"/>
              </a:lnTo>
              <a:lnTo>
                <a:pt x="149" y="241"/>
              </a:lnTo>
              <a:lnTo>
                <a:pt x="153" y="240"/>
              </a:lnTo>
              <a:lnTo>
                <a:pt x="154" y="239"/>
              </a:lnTo>
              <a:lnTo>
                <a:pt x="157" y="237"/>
              </a:lnTo>
              <a:lnTo>
                <a:pt x="159" y="234"/>
              </a:lnTo>
              <a:lnTo>
                <a:pt x="162" y="231"/>
              </a:lnTo>
              <a:lnTo>
                <a:pt x="165" y="229"/>
              </a:lnTo>
              <a:lnTo>
                <a:pt x="167" y="228"/>
              </a:lnTo>
              <a:lnTo>
                <a:pt x="171" y="223"/>
              </a:lnTo>
              <a:lnTo>
                <a:pt x="173" y="221"/>
              </a:lnTo>
              <a:lnTo>
                <a:pt x="177" y="218"/>
              </a:lnTo>
              <a:lnTo>
                <a:pt x="181" y="210"/>
              </a:lnTo>
              <a:lnTo>
                <a:pt x="184" y="209"/>
              </a:lnTo>
              <a:lnTo>
                <a:pt x="184" y="206"/>
              </a:lnTo>
              <a:lnTo>
                <a:pt x="181" y="203"/>
              </a:lnTo>
              <a:lnTo>
                <a:pt x="181" y="201"/>
              </a:lnTo>
              <a:lnTo>
                <a:pt x="189" y="194"/>
              </a:lnTo>
              <a:lnTo>
                <a:pt x="196" y="204"/>
              </a:lnTo>
              <a:lnTo>
                <a:pt x="197" y="202"/>
              </a:lnTo>
              <a:lnTo>
                <a:pt x="203" y="202"/>
              </a:lnTo>
              <a:lnTo>
                <a:pt x="203" y="198"/>
              </a:lnTo>
              <a:lnTo>
                <a:pt x="206" y="198"/>
              </a:lnTo>
              <a:lnTo>
                <a:pt x="206" y="193"/>
              </a:lnTo>
              <a:lnTo>
                <a:pt x="214" y="188"/>
              </a:lnTo>
              <a:lnTo>
                <a:pt x="215" y="185"/>
              </a:lnTo>
              <a:lnTo>
                <a:pt x="222" y="180"/>
              </a:lnTo>
              <a:lnTo>
                <a:pt x="223" y="180"/>
              </a:lnTo>
              <a:lnTo>
                <a:pt x="227" y="180"/>
              </a:lnTo>
              <a:lnTo>
                <a:pt x="231" y="179"/>
              </a:lnTo>
              <a:lnTo>
                <a:pt x="235" y="177"/>
              </a:lnTo>
              <a:lnTo>
                <a:pt x="237" y="179"/>
              </a:lnTo>
              <a:lnTo>
                <a:pt x="241" y="179"/>
              </a:lnTo>
              <a:lnTo>
                <a:pt x="241" y="181"/>
              </a:lnTo>
              <a:lnTo>
                <a:pt x="247" y="182"/>
              </a:lnTo>
              <a:lnTo>
                <a:pt x="249" y="184"/>
              </a:lnTo>
              <a:lnTo>
                <a:pt x="252" y="185"/>
              </a:lnTo>
              <a:lnTo>
                <a:pt x="252" y="177"/>
              </a:lnTo>
              <a:lnTo>
                <a:pt x="259" y="173"/>
              </a:lnTo>
              <a:lnTo>
                <a:pt x="259" y="170"/>
              </a:lnTo>
              <a:lnTo>
                <a:pt x="265" y="168"/>
              </a:lnTo>
              <a:lnTo>
                <a:pt x="269" y="170"/>
              </a:lnTo>
              <a:lnTo>
                <a:pt x="272" y="169"/>
              </a:lnTo>
              <a:lnTo>
                <a:pt x="273" y="171"/>
              </a:lnTo>
              <a:lnTo>
                <a:pt x="280" y="176"/>
              </a:lnTo>
              <a:lnTo>
                <a:pt x="282" y="181"/>
              </a:lnTo>
              <a:lnTo>
                <a:pt x="284" y="182"/>
              </a:lnTo>
              <a:lnTo>
                <a:pt x="287" y="187"/>
              </a:lnTo>
              <a:lnTo>
                <a:pt x="289" y="187"/>
              </a:lnTo>
              <a:lnTo>
                <a:pt x="292" y="190"/>
              </a:lnTo>
              <a:lnTo>
                <a:pt x="294" y="193"/>
              </a:lnTo>
              <a:lnTo>
                <a:pt x="297" y="196"/>
              </a:lnTo>
              <a:lnTo>
                <a:pt x="305" y="192"/>
              </a:lnTo>
              <a:lnTo>
                <a:pt x="307" y="192"/>
              </a:lnTo>
              <a:lnTo>
                <a:pt x="309" y="190"/>
              </a:lnTo>
              <a:lnTo>
                <a:pt x="317" y="194"/>
              </a:lnTo>
              <a:lnTo>
                <a:pt x="327" y="200"/>
              </a:lnTo>
              <a:lnTo>
                <a:pt x="336" y="207"/>
              </a:lnTo>
              <a:lnTo>
                <a:pt x="343" y="212"/>
              </a:lnTo>
              <a:lnTo>
                <a:pt x="346" y="215"/>
              </a:lnTo>
              <a:lnTo>
                <a:pt x="350" y="220"/>
              </a:lnTo>
              <a:lnTo>
                <a:pt x="357" y="221"/>
              </a:lnTo>
              <a:lnTo>
                <a:pt x="368" y="228"/>
              </a:lnTo>
              <a:lnTo>
                <a:pt x="369" y="235"/>
              </a:lnTo>
              <a:lnTo>
                <a:pt x="368" y="253"/>
              </a:lnTo>
              <a:lnTo>
                <a:pt x="366" y="262"/>
              </a:lnTo>
              <a:lnTo>
                <a:pt x="368" y="262"/>
              </a:lnTo>
              <a:lnTo>
                <a:pt x="374" y="263"/>
              </a:lnTo>
              <a:lnTo>
                <a:pt x="381" y="264"/>
              </a:lnTo>
              <a:lnTo>
                <a:pt x="386" y="260"/>
              </a:lnTo>
              <a:lnTo>
                <a:pt x="389" y="255"/>
              </a:lnTo>
              <a:lnTo>
                <a:pt x="395" y="254"/>
              </a:lnTo>
              <a:lnTo>
                <a:pt x="402" y="253"/>
              </a:lnTo>
              <a:lnTo>
                <a:pt x="406" y="247"/>
              </a:lnTo>
              <a:lnTo>
                <a:pt x="411" y="240"/>
              </a:lnTo>
              <a:lnTo>
                <a:pt x="417" y="234"/>
              </a:lnTo>
              <a:lnTo>
                <a:pt x="421" y="230"/>
              </a:lnTo>
              <a:lnTo>
                <a:pt x="426" y="232"/>
              </a:lnTo>
              <a:lnTo>
                <a:pt x="430" y="235"/>
              </a:lnTo>
              <a:lnTo>
                <a:pt x="430" y="239"/>
              </a:lnTo>
              <a:lnTo>
                <a:pt x="431" y="241"/>
              </a:lnTo>
              <a:lnTo>
                <a:pt x="433" y="239"/>
              </a:lnTo>
              <a:lnTo>
                <a:pt x="437" y="239"/>
              </a:lnTo>
              <a:lnTo>
                <a:pt x="442" y="238"/>
              </a:lnTo>
              <a:lnTo>
                <a:pt x="448" y="235"/>
              </a:lnTo>
              <a:lnTo>
                <a:pt x="451" y="230"/>
              </a:lnTo>
              <a:lnTo>
                <a:pt x="454" y="228"/>
              </a:lnTo>
              <a:lnTo>
                <a:pt x="458" y="226"/>
              </a:lnTo>
              <a:lnTo>
                <a:pt x="464" y="223"/>
              </a:lnTo>
              <a:close/>
            </a:path>
          </a:pathLst>
        </a:custGeom>
        <a:solidFill>
          <a:schemeClr val="accent3">
            <a:lumMod val="75000"/>
          </a:schemeClr>
        </a:solidFill>
        <a:ln w="9525" cap="flat" cmpd="sng">
          <a:solidFill>
            <a:srgbClr val="000000"/>
          </a:solidFill>
          <a:prstDash val="solid"/>
          <a:round/>
          <a:headEnd/>
          <a:tailEnd/>
        </a:ln>
      </xdr:spPr>
    </xdr:sp>
    <xdr:clientData/>
  </xdr:twoCellAnchor>
  <xdr:twoCellAnchor>
    <xdr:from>
      <xdr:col>9</xdr:col>
      <xdr:colOff>266700</xdr:colOff>
      <xdr:row>15</xdr:row>
      <xdr:rowOff>76200</xdr:rowOff>
    </xdr:from>
    <xdr:to>
      <xdr:col>10</xdr:col>
      <xdr:colOff>390525</xdr:colOff>
      <xdr:row>19</xdr:row>
      <xdr:rowOff>95250</xdr:rowOff>
    </xdr:to>
    <xdr:sp macro="" textlink="">
      <xdr:nvSpPr>
        <xdr:cNvPr id="62" name="d14216">
          <a:extLst>
            <a:ext uri="{FF2B5EF4-FFF2-40B4-BE49-F238E27FC236}">
              <a16:creationId xmlns:a16="http://schemas.microsoft.com/office/drawing/2014/main" id="{00000000-0008-0000-0000-00003E000000}"/>
            </a:ext>
          </a:extLst>
        </xdr:cNvPr>
        <xdr:cNvSpPr>
          <a:spLocks/>
        </xdr:cNvSpPr>
      </xdr:nvSpPr>
      <xdr:spPr bwMode="auto">
        <a:xfrm>
          <a:off x="5753100" y="3429000"/>
          <a:ext cx="733425" cy="628650"/>
        </a:xfrm>
        <a:custGeom>
          <a:avLst/>
          <a:gdLst/>
          <a:ahLst/>
          <a:cxnLst>
            <a:cxn ang="0">
              <a:pos x="66" y="11"/>
            </a:cxn>
            <a:cxn ang="0">
              <a:pos x="65" y="9"/>
            </a:cxn>
            <a:cxn ang="0">
              <a:pos x="65" y="5"/>
            </a:cxn>
            <a:cxn ang="0">
              <a:pos x="61" y="2"/>
            </a:cxn>
            <a:cxn ang="0">
              <a:pos x="56" y="0"/>
            </a:cxn>
            <a:cxn ang="0">
              <a:pos x="52" y="4"/>
            </a:cxn>
            <a:cxn ang="0">
              <a:pos x="46" y="10"/>
            </a:cxn>
            <a:cxn ang="0">
              <a:pos x="41" y="17"/>
            </a:cxn>
            <a:cxn ang="0">
              <a:pos x="37" y="23"/>
            </a:cxn>
            <a:cxn ang="0">
              <a:pos x="30" y="24"/>
            </a:cxn>
            <a:cxn ang="0">
              <a:pos x="24" y="25"/>
            </a:cxn>
            <a:cxn ang="0">
              <a:pos x="21" y="30"/>
            </a:cxn>
            <a:cxn ang="0">
              <a:pos x="16" y="34"/>
            </a:cxn>
            <a:cxn ang="0">
              <a:pos x="9" y="33"/>
            </a:cxn>
            <a:cxn ang="0">
              <a:pos x="3" y="32"/>
            </a:cxn>
            <a:cxn ang="0">
              <a:pos x="1" y="32"/>
            </a:cxn>
            <a:cxn ang="0">
              <a:pos x="0" y="38"/>
            </a:cxn>
            <a:cxn ang="0">
              <a:pos x="1" y="42"/>
            </a:cxn>
            <a:cxn ang="0">
              <a:pos x="1" y="46"/>
            </a:cxn>
            <a:cxn ang="0">
              <a:pos x="3" y="50"/>
            </a:cxn>
            <a:cxn ang="0">
              <a:pos x="6" y="55"/>
            </a:cxn>
            <a:cxn ang="0">
              <a:pos x="7" y="62"/>
            </a:cxn>
            <a:cxn ang="0">
              <a:pos x="8" y="65"/>
            </a:cxn>
            <a:cxn ang="0">
              <a:pos x="16" y="64"/>
            </a:cxn>
            <a:cxn ang="0">
              <a:pos x="21" y="63"/>
            </a:cxn>
            <a:cxn ang="0">
              <a:pos x="24" y="63"/>
            </a:cxn>
            <a:cxn ang="0">
              <a:pos x="28" y="59"/>
            </a:cxn>
            <a:cxn ang="0">
              <a:pos x="35" y="60"/>
            </a:cxn>
            <a:cxn ang="0">
              <a:pos x="40" y="61"/>
            </a:cxn>
            <a:cxn ang="0">
              <a:pos x="45" y="62"/>
            </a:cxn>
            <a:cxn ang="0">
              <a:pos x="47" y="65"/>
            </a:cxn>
            <a:cxn ang="0">
              <a:pos x="51" y="66"/>
            </a:cxn>
            <a:cxn ang="0">
              <a:pos x="54" y="65"/>
            </a:cxn>
            <a:cxn ang="0">
              <a:pos x="56" y="66"/>
            </a:cxn>
            <a:cxn ang="0">
              <a:pos x="65" y="58"/>
            </a:cxn>
            <a:cxn ang="0">
              <a:pos x="71" y="54"/>
            </a:cxn>
            <a:cxn ang="0">
              <a:pos x="73" y="53"/>
            </a:cxn>
            <a:cxn ang="0">
              <a:pos x="77" y="49"/>
            </a:cxn>
            <a:cxn ang="0">
              <a:pos x="75" y="42"/>
            </a:cxn>
            <a:cxn ang="0">
              <a:pos x="69" y="24"/>
            </a:cxn>
            <a:cxn ang="0">
              <a:pos x="67" y="16"/>
            </a:cxn>
            <a:cxn ang="0">
              <a:pos x="66" y="11"/>
            </a:cxn>
          </a:cxnLst>
          <a:rect l="0" t="0" r="r" b="b"/>
          <a:pathLst>
            <a:path w="77" h="66">
              <a:moveTo>
                <a:pt x="66" y="11"/>
              </a:moveTo>
              <a:lnTo>
                <a:pt x="65" y="9"/>
              </a:lnTo>
              <a:lnTo>
                <a:pt x="65" y="5"/>
              </a:lnTo>
              <a:lnTo>
                <a:pt x="61" y="2"/>
              </a:lnTo>
              <a:lnTo>
                <a:pt x="56" y="0"/>
              </a:lnTo>
              <a:lnTo>
                <a:pt x="52" y="4"/>
              </a:lnTo>
              <a:lnTo>
                <a:pt x="46" y="10"/>
              </a:lnTo>
              <a:lnTo>
                <a:pt x="41" y="17"/>
              </a:lnTo>
              <a:lnTo>
                <a:pt x="37" y="23"/>
              </a:lnTo>
              <a:lnTo>
                <a:pt x="30" y="24"/>
              </a:lnTo>
              <a:lnTo>
                <a:pt x="24" y="25"/>
              </a:lnTo>
              <a:lnTo>
                <a:pt x="21" y="30"/>
              </a:lnTo>
              <a:lnTo>
                <a:pt x="16" y="34"/>
              </a:lnTo>
              <a:lnTo>
                <a:pt x="9" y="33"/>
              </a:lnTo>
              <a:lnTo>
                <a:pt x="3" y="32"/>
              </a:lnTo>
              <a:lnTo>
                <a:pt x="1" y="32"/>
              </a:lnTo>
              <a:lnTo>
                <a:pt x="0" y="38"/>
              </a:lnTo>
              <a:lnTo>
                <a:pt x="1" y="42"/>
              </a:lnTo>
              <a:lnTo>
                <a:pt x="1" y="46"/>
              </a:lnTo>
              <a:lnTo>
                <a:pt x="3" y="50"/>
              </a:lnTo>
              <a:lnTo>
                <a:pt x="6" y="55"/>
              </a:lnTo>
              <a:lnTo>
                <a:pt x="7" y="62"/>
              </a:lnTo>
              <a:lnTo>
                <a:pt x="8" y="65"/>
              </a:lnTo>
              <a:lnTo>
                <a:pt x="16" y="64"/>
              </a:lnTo>
              <a:lnTo>
                <a:pt x="21" y="63"/>
              </a:lnTo>
              <a:lnTo>
                <a:pt x="24" y="63"/>
              </a:lnTo>
              <a:lnTo>
                <a:pt x="28" y="59"/>
              </a:lnTo>
              <a:lnTo>
                <a:pt x="35" y="60"/>
              </a:lnTo>
              <a:lnTo>
                <a:pt x="40" y="61"/>
              </a:lnTo>
              <a:lnTo>
                <a:pt x="45" y="62"/>
              </a:lnTo>
              <a:lnTo>
                <a:pt x="47" y="65"/>
              </a:lnTo>
              <a:lnTo>
                <a:pt x="51" y="66"/>
              </a:lnTo>
              <a:lnTo>
                <a:pt x="54" y="65"/>
              </a:lnTo>
              <a:lnTo>
                <a:pt x="56" y="66"/>
              </a:lnTo>
              <a:lnTo>
                <a:pt x="65" y="58"/>
              </a:lnTo>
              <a:lnTo>
                <a:pt x="71" y="54"/>
              </a:lnTo>
              <a:lnTo>
                <a:pt x="73" y="53"/>
              </a:lnTo>
              <a:lnTo>
                <a:pt x="77" y="49"/>
              </a:lnTo>
              <a:lnTo>
                <a:pt x="75" y="42"/>
              </a:lnTo>
              <a:lnTo>
                <a:pt x="69" y="24"/>
              </a:lnTo>
              <a:lnTo>
                <a:pt x="67" y="16"/>
              </a:lnTo>
              <a:lnTo>
                <a:pt x="66" y="11"/>
              </a:lnTo>
              <a:close/>
            </a:path>
          </a:pathLst>
        </a:custGeom>
        <a:solidFill>
          <a:srgbClr val="FF0000"/>
        </a:solidFill>
        <a:ln w="9525" cap="flat">
          <a:solidFill>
            <a:srgbClr val="000000"/>
          </a:solidFill>
          <a:prstDash val="solid"/>
          <a:round/>
          <a:headEnd/>
          <a:tailEnd/>
        </a:ln>
      </xdr:spPr>
    </xdr:sp>
    <xdr:clientData/>
  </xdr:twoCellAnchor>
  <xdr:twoCellAnchor>
    <xdr:from>
      <xdr:col>9</xdr:col>
      <xdr:colOff>209550</xdr:colOff>
      <xdr:row>18</xdr:row>
      <xdr:rowOff>133350</xdr:rowOff>
    </xdr:from>
    <xdr:to>
      <xdr:col>10</xdr:col>
      <xdr:colOff>371475</xdr:colOff>
      <xdr:row>25</xdr:row>
      <xdr:rowOff>133350</xdr:rowOff>
    </xdr:to>
    <xdr:sp macro="" textlink="">
      <xdr:nvSpPr>
        <xdr:cNvPr id="63" name="d14215">
          <a:extLst>
            <a:ext uri="{FF2B5EF4-FFF2-40B4-BE49-F238E27FC236}">
              <a16:creationId xmlns:a16="http://schemas.microsoft.com/office/drawing/2014/main" id="{00000000-0008-0000-0000-00003F000000}"/>
            </a:ext>
          </a:extLst>
        </xdr:cNvPr>
        <xdr:cNvSpPr>
          <a:spLocks/>
        </xdr:cNvSpPr>
      </xdr:nvSpPr>
      <xdr:spPr bwMode="auto">
        <a:xfrm>
          <a:off x="5695950" y="3943350"/>
          <a:ext cx="771525" cy="1066800"/>
        </a:xfrm>
        <a:custGeom>
          <a:avLst/>
          <a:gdLst/>
          <a:ahLst/>
          <a:cxnLst>
            <a:cxn ang="0">
              <a:pos x="45" y="101"/>
            </a:cxn>
            <a:cxn ang="0">
              <a:pos x="43" y="108"/>
            </a:cxn>
            <a:cxn ang="0">
              <a:pos x="40" y="109"/>
            </a:cxn>
            <a:cxn ang="0">
              <a:pos x="37" y="111"/>
            </a:cxn>
            <a:cxn ang="0">
              <a:pos x="34" y="110"/>
            </a:cxn>
            <a:cxn ang="0">
              <a:pos x="31" y="110"/>
            </a:cxn>
            <a:cxn ang="0">
              <a:pos x="25" y="111"/>
            </a:cxn>
            <a:cxn ang="0">
              <a:pos x="20" y="112"/>
            </a:cxn>
            <a:cxn ang="0">
              <a:pos x="16" y="110"/>
            </a:cxn>
            <a:cxn ang="0">
              <a:pos x="7" y="111"/>
            </a:cxn>
            <a:cxn ang="0">
              <a:pos x="4" y="111"/>
            </a:cxn>
            <a:cxn ang="0">
              <a:pos x="2" y="111"/>
            </a:cxn>
            <a:cxn ang="0">
              <a:pos x="1" y="106"/>
            </a:cxn>
            <a:cxn ang="0">
              <a:pos x="0" y="100"/>
            </a:cxn>
            <a:cxn ang="0">
              <a:pos x="1" y="92"/>
            </a:cxn>
            <a:cxn ang="0">
              <a:pos x="2" y="87"/>
            </a:cxn>
            <a:cxn ang="0">
              <a:pos x="3" y="81"/>
            </a:cxn>
            <a:cxn ang="0">
              <a:pos x="5" y="73"/>
            </a:cxn>
            <a:cxn ang="0">
              <a:pos x="7" y="65"/>
            </a:cxn>
            <a:cxn ang="0">
              <a:pos x="6" y="57"/>
            </a:cxn>
            <a:cxn ang="0">
              <a:pos x="4" y="53"/>
            </a:cxn>
            <a:cxn ang="0">
              <a:pos x="3" y="49"/>
            </a:cxn>
            <a:cxn ang="0">
              <a:pos x="2" y="43"/>
            </a:cxn>
            <a:cxn ang="0">
              <a:pos x="4" y="38"/>
            </a:cxn>
            <a:cxn ang="0">
              <a:pos x="8" y="32"/>
            </a:cxn>
            <a:cxn ang="0">
              <a:pos x="13" y="24"/>
            </a:cxn>
            <a:cxn ang="0">
              <a:pos x="14" y="16"/>
            </a:cxn>
            <a:cxn ang="0">
              <a:pos x="14" y="11"/>
            </a:cxn>
            <a:cxn ang="0">
              <a:pos x="22" y="10"/>
            </a:cxn>
            <a:cxn ang="0">
              <a:pos x="27" y="9"/>
            </a:cxn>
            <a:cxn ang="0">
              <a:pos x="30" y="9"/>
            </a:cxn>
            <a:cxn ang="0">
              <a:pos x="34" y="5"/>
            </a:cxn>
            <a:cxn ang="0">
              <a:pos x="41" y="6"/>
            </a:cxn>
            <a:cxn ang="0">
              <a:pos x="46" y="7"/>
            </a:cxn>
            <a:cxn ang="0">
              <a:pos x="51" y="8"/>
            </a:cxn>
            <a:cxn ang="0">
              <a:pos x="53" y="11"/>
            </a:cxn>
            <a:cxn ang="0">
              <a:pos x="57" y="12"/>
            </a:cxn>
            <a:cxn ang="0">
              <a:pos x="60" y="11"/>
            </a:cxn>
            <a:cxn ang="0">
              <a:pos x="62" y="12"/>
            </a:cxn>
            <a:cxn ang="0">
              <a:pos x="71" y="4"/>
            </a:cxn>
            <a:cxn ang="0">
              <a:pos x="77" y="0"/>
            </a:cxn>
            <a:cxn ang="0">
              <a:pos x="80" y="5"/>
            </a:cxn>
            <a:cxn ang="0">
              <a:pos x="81" y="10"/>
            </a:cxn>
            <a:cxn ang="0">
              <a:pos x="81" y="15"/>
            </a:cxn>
            <a:cxn ang="0">
              <a:pos x="63" y="16"/>
            </a:cxn>
            <a:cxn ang="0">
              <a:pos x="61" y="15"/>
            </a:cxn>
            <a:cxn ang="0">
              <a:pos x="59" y="15"/>
            </a:cxn>
            <a:cxn ang="0">
              <a:pos x="59" y="16"/>
            </a:cxn>
            <a:cxn ang="0">
              <a:pos x="50" y="29"/>
            </a:cxn>
            <a:cxn ang="0">
              <a:pos x="48" y="30"/>
            </a:cxn>
            <a:cxn ang="0">
              <a:pos x="44" y="39"/>
            </a:cxn>
            <a:cxn ang="0">
              <a:pos x="40" y="41"/>
            </a:cxn>
            <a:cxn ang="0">
              <a:pos x="40" y="43"/>
            </a:cxn>
            <a:cxn ang="0">
              <a:pos x="44" y="46"/>
            </a:cxn>
            <a:cxn ang="0">
              <a:pos x="45" y="52"/>
            </a:cxn>
            <a:cxn ang="0">
              <a:pos x="48" y="63"/>
            </a:cxn>
            <a:cxn ang="0">
              <a:pos x="48" y="69"/>
            </a:cxn>
            <a:cxn ang="0">
              <a:pos x="46" y="79"/>
            </a:cxn>
            <a:cxn ang="0">
              <a:pos x="45" y="87"/>
            </a:cxn>
            <a:cxn ang="0">
              <a:pos x="45" y="101"/>
            </a:cxn>
          </a:cxnLst>
          <a:rect l="0" t="0" r="r" b="b"/>
          <a:pathLst>
            <a:path w="81" h="112">
              <a:moveTo>
                <a:pt x="45" y="101"/>
              </a:moveTo>
              <a:lnTo>
                <a:pt x="43" y="108"/>
              </a:lnTo>
              <a:lnTo>
                <a:pt x="40" y="109"/>
              </a:lnTo>
              <a:lnTo>
                <a:pt x="37" y="111"/>
              </a:lnTo>
              <a:lnTo>
                <a:pt x="34" y="110"/>
              </a:lnTo>
              <a:lnTo>
                <a:pt x="31" y="110"/>
              </a:lnTo>
              <a:lnTo>
                <a:pt x="25" y="111"/>
              </a:lnTo>
              <a:lnTo>
                <a:pt x="20" y="112"/>
              </a:lnTo>
              <a:lnTo>
                <a:pt x="16" y="110"/>
              </a:lnTo>
              <a:lnTo>
                <a:pt x="7" y="111"/>
              </a:lnTo>
              <a:lnTo>
                <a:pt x="4" y="111"/>
              </a:lnTo>
              <a:lnTo>
                <a:pt x="2" y="111"/>
              </a:lnTo>
              <a:lnTo>
                <a:pt x="1" y="106"/>
              </a:lnTo>
              <a:lnTo>
                <a:pt x="0" y="100"/>
              </a:lnTo>
              <a:lnTo>
                <a:pt x="1" y="92"/>
              </a:lnTo>
              <a:lnTo>
                <a:pt x="2" y="87"/>
              </a:lnTo>
              <a:lnTo>
                <a:pt x="3" y="81"/>
              </a:lnTo>
              <a:lnTo>
                <a:pt x="5" y="73"/>
              </a:lnTo>
              <a:lnTo>
                <a:pt x="7" y="65"/>
              </a:lnTo>
              <a:lnTo>
                <a:pt x="6" y="57"/>
              </a:lnTo>
              <a:lnTo>
                <a:pt x="4" y="53"/>
              </a:lnTo>
              <a:lnTo>
                <a:pt x="3" y="49"/>
              </a:lnTo>
              <a:lnTo>
                <a:pt x="2" y="43"/>
              </a:lnTo>
              <a:lnTo>
                <a:pt x="4" y="38"/>
              </a:lnTo>
              <a:lnTo>
                <a:pt x="8" y="32"/>
              </a:lnTo>
              <a:lnTo>
                <a:pt x="13" y="24"/>
              </a:lnTo>
              <a:lnTo>
                <a:pt x="14" y="16"/>
              </a:lnTo>
              <a:lnTo>
                <a:pt x="14" y="11"/>
              </a:lnTo>
              <a:lnTo>
                <a:pt x="22" y="10"/>
              </a:lnTo>
              <a:lnTo>
                <a:pt x="27" y="9"/>
              </a:lnTo>
              <a:lnTo>
                <a:pt x="30" y="9"/>
              </a:lnTo>
              <a:lnTo>
                <a:pt x="34" y="5"/>
              </a:lnTo>
              <a:lnTo>
                <a:pt x="41" y="6"/>
              </a:lnTo>
              <a:lnTo>
                <a:pt x="46" y="7"/>
              </a:lnTo>
              <a:lnTo>
                <a:pt x="51" y="8"/>
              </a:lnTo>
              <a:lnTo>
                <a:pt x="53" y="11"/>
              </a:lnTo>
              <a:lnTo>
                <a:pt x="57" y="12"/>
              </a:lnTo>
              <a:lnTo>
                <a:pt x="60" y="11"/>
              </a:lnTo>
              <a:lnTo>
                <a:pt x="62" y="12"/>
              </a:lnTo>
              <a:lnTo>
                <a:pt x="71" y="4"/>
              </a:lnTo>
              <a:lnTo>
                <a:pt x="77" y="0"/>
              </a:lnTo>
              <a:lnTo>
                <a:pt x="80" y="5"/>
              </a:lnTo>
              <a:lnTo>
                <a:pt x="81" y="10"/>
              </a:lnTo>
              <a:lnTo>
                <a:pt x="81" y="15"/>
              </a:lnTo>
              <a:lnTo>
                <a:pt x="63" y="16"/>
              </a:lnTo>
              <a:lnTo>
                <a:pt x="61" y="15"/>
              </a:lnTo>
              <a:lnTo>
                <a:pt x="59" y="15"/>
              </a:lnTo>
              <a:lnTo>
                <a:pt x="59" y="16"/>
              </a:lnTo>
              <a:lnTo>
                <a:pt x="50" y="29"/>
              </a:lnTo>
              <a:lnTo>
                <a:pt x="48" y="30"/>
              </a:lnTo>
              <a:lnTo>
                <a:pt x="44" y="39"/>
              </a:lnTo>
              <a:lnTo>
                <a:pt x="40" y="41"/>
              </a:lnTo>
              <a:lnTo>
                <a:pt x="40" y="43"/>
              </a:lnTo>
              <a:lnTo>
                <a:pt x="44" y="46"/>
              </a:lnTo>
              <a:lnTo>
                <a:pt x="45" y="52"/>
              </a:lnTo>
              <a:lnTo>
                <a:pt x="48" y="63"/>
              </a:lnTo>
              <a:lnTo>
                <a:pt x="48" y="69"/>
              </a:lnTo>
              <a:lnTo>
                <a:pt x="46" y="79"/>
              </a:lnTo>
              <a:lnTo>
                <a:pt x="45" y="87"/>
              </a:lnTo>
              <a:lnTo>
                <a:pt x="45" y="101"/>
              </a:lnTo>
              <a:close/>
            </a:path>
          </a:pathLst>
        </a:custGeom>
        <a:solidFill>
          <a:srgbClr val="FF0000"/>
        </a:solidFill>
        <a:ln w="9525" cap="flat">
          <a:solidFill>
            <a:srgbClr val="000000"/>
          </a:solidFill>
          <a:prstDash val="solid"/>
          <a:round/>
          <a:headEnd/>
          <a:tailEnd/>
        </a:ln>
      </xdr:spPr>
    </xdr:sp>
    <xdr:clientData/>
  </xdr:twoCellAnchor>
  <xdr:twoCellAnchor>
    <xdr:from>
      <xdr:col>9</xdr:col>
      <xdr:colOff>590550</xdr:colOff>
      <xdr:row>19</xdr:row>
      <xdr:rowOff>114300</xdr:rowOff>
    </xdr:from>
    <xdr:to>
      <xdr:col>10</xdr:col>
      <xdr:colOff>600075</xdr:colOff>
      <xdr:row>25</xdr:row>
      <xdr:rowOff>38100</xdr:rowOff>
    </xdr:to>
    <xdr:sp macro="" textlink="">
      <xdr:nvSpPr>
        <xdr:cNvPr id="64" name="d14218">
          <a:extLst>
            <a:ext uri="{FF2B5EF4-FFF2-40B4-BE49-F238E27FC236}">
              <a16:creationId xmlns:a16="http://schemas.microsoft.com/office/drawing/2014/main" id="{00000000-0008-0000-0000-000040000000}"/>
            </a:ext>
          </a:extLst>
        </xdr:cNvPr>
        <xdr:cNvSpPr>
          <a:spLocks/>
        </xdr:cNvSpPr>
      </xdr:nvSpPr>
      <xdr:spPr bwMode="auto">
        <a:xfrm>
          <a:off x="6076950" y="4076700"/>
          <a:ext cx="619125" cy="838200"/>
        </a:xfrm>
        <a:custGeom>
          <a:avLst/>
          <a:gdLst/>
          <a:ahLst/>
          <a:cxnLst>
            <a:cxn ang="0">
              <a:pos x="5" y="87"/>
            </a:cxn>
            <a:cxn ang="0">
              <a:pos x="5" y="73"/>
            </a:cxn>
            <a:cxn ang="0">
              <a:pos x="6" y="65"/>
            </a:cxn>
            <a:cxn ang="0">
              <a:pos x="8" y="55"/>
            </a:cxn>
            <a:cxn ang="0">
              <a:pos x="8" y="49"/>
            </a:cxn>
            <a:cxn ang="0">
              <a:pos x="5" y="38"/>
            </a:cxn>
            <a:cxn ang="0">
              <a:pos x="4" y="32"/>
            </a:cxn>
            <a:cxn ang="0">
              <a:pos x="0" y="29"/>
            </a:cxn>
            <a:cxn ang="0">
              <a:pos x="0" y="27"/>
            </a:cxn>
            <a:cxn ang="0">
              <a:pos x="4" y="25"/>
            </a:cxn>
            <a:cxn ang="0">
              <a:pos x="8" y="16"/>
            </a:cxn>
            <a:cxn ang="0">
              <a:pos x="10" y="15"/>
            </a:cxn>
            <a:cxn ang="0">
              <a:pos x="20" y="1"/>
            </a:cxn>
            <a:cxn ang="0">
              <a:pos x="23" y="2"/>
            </a:cxn>
            <a:cxn ang="0">
              <a:pos x="41" y="1"/>
            </a:cxn>
            <a:cxn ang="0">
              <a:pos x="59" y="0"/>
            </a:cxn>
            <a:cxn ang="0">
              <a:pos x="59" y="11"/>
            </a:cxn>
            <a:cxn ang="0">
              <a:pos x="62" y="14"/>
            </a:cxn>
            <a:cxn ang="0">
              <a:pos x="64" y="19"/>
            </a:cxn>
            <a:cxn ang="0">
              <a:pos x="63" y="24"/>
            </a:cxn>
            <a:cxn ang="0">
              <a:pos x="60" y="27"/>
            </a:cxn>
            <a:cxn ang="0">
              <a:pos x="57" y="33"/>
            </a:cxn>
            <a:cxn ang="0">
              <a:pos x="56" y="34"/>
            </a:cxn>
            <a:cxn ang="0">
              <a:pos x="57" y="42"/>
            </a:cxn>
            <a:cxn ang="0">
              <a:pos x="58" y="48"/>
            </a:cxn>
            <a:cxn ang="0">
              <a:pos x="55" y="56"/>
            </a:cxn>
            <a:cxn ang="0">
              <a:pos x="50" y="59"/>
            </a:cxn>
            <a:cxn ang="0">
              <a:pos x="61" y="68"/>
            </a:cxn>
            <a:cxn ang="0">
              <a:pos x="65" y="73"/>
            </a:cxn>
            <a:cxn ang="0">
              <a:pos x="61" y="84"/>
            </a:cxn>
            <a:cxn ang="0">
              <a:pos x="53" y="84"/>
            </a:cxn>
            <a:cxn ang="0">
              <a:pos x="54" y="88"/>
            </a:cxn>
            <a:cxn ang="0">
              <a:pos x="49" y="85"/>
            </a:cxn>
            <a:cxn ang="0">
              <a:pos x="48" y="79"/>
            </a:cxn>
            <a:cxn ang="0">
              <a:pos x="45" y="76"/>
            </a:cxn>
            <a:cxn ang="0">
              <a:pos x="35" y="70"/>
            </a:cxn>
            <a:cxn ang="0">
              <a:pos x="27" y="70"/>
            </a:cxn>
            <a:cxn ang="0">
              <a:pos x="27" y="74"/>
            </a:cxn>
            <a:cxn ang="0">
              <a:pos x="14" y="71"/>
            </a:cxn>
            <a:cxn ang="0">
              <a:pos x="10" y="80"/>
            </a:cxn>
            <a:cxn ang="0">
              <a:pos x="5" y="87"/>
            </a:cxn>
          </a:cxnLst>
          <a:rect l="0" t="0" r="r" b="b"/>
          <a:pathLst>
            <a:path w="65" h="88">
              <a:moveTo>
                <a:pt x="5" y="87"/>
              </a:moveTo>
              <a:lnTo>
                <a:pt x="5" y="73"/>
              </a:lnTo>
              <a:lnTo>
                <a:pt x="6" y="65"/>
              </a:lnTo>
              <a:lnTo>
                <a:pt x="8" y="55"/>
              </a:lnTo>
              <a:lnTo>
                <a:pt x="8" y="49"/>
              </a:lnTo>
              <a:lnTo>
                <a:pt x="5" y="38"/>
              </a:lnTo>
              <a:lnTo>
                <a:pt x="4" y="32"/>
              </a:lnTo>
              <a:lnTo>
                <a:pt x="0" y="29"/>
              </a:lnTo>
              <a:lnTo>
                <a:pt x="0" y="27"/>
              </a:lnTo>
              <a:lnTo>
                <a:pt x="4" y="25"/>
              </a:lnTo>
              <a:lnTo>
                <a:pt x="8" y="16"/>
              </a:lnTo>
              <a:lnTo>
                <a:pt x="10" y="15"/>
              </a:lnTo>
              <a:lnTo>
                <a:pt x="20" y="1"/>
              </a:lnTo>
              <a:lnTo>
                <a:pt x="23" y="2"/>
              </a:lnTo>
              <a:lnTo>
                <a:pt x="41" y="1"/>
              </a:lnTo>
              <a:lnTo>
                <a:pt x="59" y="0"/>
              </a:lnTo>
              <a:lnTo>
                <a:pt x="59" y="11"/>
              </a:lnTo>
              <a:lnTo>
                <a:pt x="62" y="14"/>
              </a:lnTo>
              <a:lnTo>
                <a:pt x="64" y="19"/>
              </a:lnTo>
              <a:lnTo>
                <a:pt x="63" y="24"/>
              </a:lnTo>
              <a:lnTo>
                <a:pt x="60" y="27"/>
              </a:lnTo>
              <a:lnTo>
                <a:pt x="57" y="33"/>
              </a:lnTo>
              <a:lnTo>
                <a:pt x="56" y="34"/>
              </a:lnTo>
              <a:lnTo>
                <a:pt x="57" y="42"/>
              </a:lnTo>
              <a:lnTo>
                <a:pt x="58" y="48"/>
              </a:lnTo>
              <a:lnTo>
                <a:pt x="55" y="56"/>
              </a:lnTo>
              <a:lnTo>
                <a:pt x="50" y="59"/>
              </a:lnTo>
              <a:lnTo>
                <a:pt x="61" y="68"/>
              </a:lnTo>
              <a:lnTo>
                <a:pt x="65" y="73"/>
              </a:lnTo>
              <a:lnTo>
                <a:pt x="61" y="84"/>
              </a:lnTo>
              <a:lnTo>
                <a:pt x="53" y="84"/>
              </a:lnTo>
              <a:lnTo>
                <a:pt x="54" y="88"/>
              </a:lnTo>
              <a:lnTo>
                <a:pt x="49" y="85"/>
              </a:lnTo>
              <a:lnTo>
                <a:pt x="48" y="79"/>
              </a:lnTo>
              <a:lnTo>
                <a:pt x="45" y="76"/>
              </a:lnTo>
              <a:lnTo>
                <a:pt x="35" y="70"/>
              </a:lnTo>
              <a:lnTo>
                <a:pt x="27" y="70"/>
              </a:lnTo>
              <a:lnTo>
                <a:pt x="27" y="74"/>
              </a:lnTo>
              <a:lnTo>
                <a:pt x="14" y="71"/>
              </a:lnTo>
              <a:lnTo>
                <a:pt x="10" y="80"/>
              </a:lnTo>
              <a:lnTo>
                <a:pt x="5" y="87"/>
              </a:lnTo>
              <a:close/>
            </a:path>
          </a:pathLst>
        </a:custGeom>
        <a:solidFill>
          <a:srgbClr val="FF0000"/>
        </a:solidFill>
        <a:ln w="9525" cap="flat">
          <a:solidFill>
            <a:srgbClr val="000000"/>
          </a:solidFill>
          <a:prstDash val="solid"/>
          <a:round/>
          <a:headEnd/>
          <a:tailEnd/>
        </a:ln>
      </xdr:spPr>
    </xdr:sp>
    <xdr:clientData/>
  </xdr:twoCellAnchor>
  <xdr:twoCellAnchor>
    <xdr:from>
      <xdr:col>2</xdr:col>
      <xdr:colOff>38100</xdr:colOff>
      <xdr:row>5</xdr:row>
      <xdr:rowOff>104775</xdr:rowOff>
    </xdr:from>
    <xdr:to>
      <xdr:col>7</xdr:col>
      <xdr:colOff>409575</xdr:colOff>
      <xdr:row>44</xdr:row>
      <xdr:rowOff>133350</xdr:rowOff>
    </xdr:to>
    <xdr:grpSp>
      <xdr:nvGrpSpPr>
        <xdr:cNvPr id="65" name="Group 86">
          <a:extLst>
            <a:ext uri="{FF2B5EF4-FFF2-40B4-BE49-F238E27FC236}">
              <a16:creationId xmlns:a16="http://schemas.microsoft.com/office/drawing/2014/main" id="{00000000-0008-0000-0000-000041000000}"/>
            </a:ext>
          </a:extLst>
        </xdr:cNvPr>
        <xdr:cNvGrpSpPr>
          <a:grpSpLocks/>
        </xdr:cNvGrpSpPr>
      </xdr:nvGrpSpPr>
      <xdr:grpSpPr bwMode="auto">
        <a:xfrm>
          <a:off x="1130300" y="866775"/>
          <a:ext cx="3101975" cy="5972175"/>
          <a:chOff x="132" y="187"/>
          <a:chExt cx="359" cy="627"/>
        </a:xfrm>
      </xdr:grpSpPr>
      <xdr:sp macro="" textlink="">
        <xdr:nvSpPr>
          <xdr:cNvPr id="66" name="Freeform 87">
            <a:extLst>
              <a:ext uri="{FF2B5EF4-FFF2-40B4-BE49-F238E27FC236}">
                <a16:creationId xmlns:a16="http://schemas.microsoft.com/office/drawing/2014/main" id="{00000000-0008-0000-0000-000042000000}"/>
              </a:ext>
            </a:extLst>
          </xdr:cNvPr>
          <xdr:cNvSpPr>
            <a:spLocks/>
          </xdr:cNvSpPr>
        </xdr:nvSpPr>
        <xdr:spPr bwMode="auto">
          <a:xfrm>
            <a:off x="355" y="187"/>
            <a:ext cx="32" cy="27"/>
          </a:xfrm>
          <a:custGeom>
            <a:avLst/>
            <a:gdLst/>
            <a:ahLst/>
            <a:cxnLst>
              <a:cxn ang="0">
                <a:pos x="20" y="9"/>
              </a:cxn>
              <a:cxn ang="0">
                <a:pos x="16" y="6"/>
              </a:cxn>
              <a:cxn ang="0">
                <a:pos x="16" y="4"/>
              </a:cxn>
              <a:cxn ang="0">
                <a:pos x="16" y="1"/>
              </a:cxn>
              <a:cxn ang="0">
                <a:pos x="10" y="1"/>
              </a:cxn>
              <a:cxn ang="0">
                <a:pos x="4" y="1"/>
              </a:cxn>
              <a:cxn ang="0">
                <a:pos x="0" y="9"/>
              </a:cxn>
              <a:cxn ang="0">
                <a:pos x="1" y="14"/>
              </a:cxn>
              <a:cxn ang="0">
                <a:pos x="9" y="12"/>
              </a:cxn>
              <a:cxn ang="0">
                <a:pos x="11" y="11"/>
              </a:cxn>
              <a:cxn ang="0">
                <a:pos x="14" y="17"/>
              </a:cxn>
              <a:cxn ang="0">
                <a:pos x="13" y="21"/>
              </a:cxn>
              <a:cxn ang="0">
                <a:pos x="20" y="21"/>
              </a:cxn>
              <a:cxn ang="0">
                <a:pos x="26" y="21"/>
              </a:cxn>
              <a:cxn ang="0">
                <a:pos x="29" y="26"/>
              </a:cxn>
              <a:cxn ang="0">
                <a:pos x="31" y="25"/>
              </a:cxn>
              <a:cxn ang="0">
                <a:pos x="28" y="16"/>
              </a:cxn>
              <a:cxn ang="0">
                <a:pos x="31" y="13"/>
              </a:cxn>
              <a:cxn ang="0">
                <a:pos x="32" y="11"/>
              </a:cxn>
              <a:cxn ang="0">
                <a:pos x="28" y="10"/>
              </a:cxn>
              <a:cxn ang="0">
                <a:pos x="20" y="9"/>
              </a:cxn>
            </a:cxnLst>
            <a:rect l="0" t="0" r="r" b="b"/>
            <a:pathLst>
              <a:path w="32" h="27">
                <a:moveTo>
                  <a:pt x="20" y="9"/>
                </a:moveTo>
                <a:cubicBezTo>
                  <a:pt x="18" y="8"/>
                  <a:pt x="17" y="7"/>
                  <a:pt x="16" y="6"/>
                </a:cubicBezTo>
                <a:cubicBezTo>
                  <a:pt x="15" y="5"/>
                  <a:pt x="16" y="5"/>
                  <a:pt x="16" y="4"/>
                </a:cubicBezTo>
                <a:cubicBezTo>
                  <a:pt x="16" y="3"/>
                  <a:pt x="17" y="1"/>
                  <a:pt x="16" y="1"/>
                </a:cubicBezTo>
                <a:cubicBezTo>
                  <a:pt x="15" y="1"/>
                  <a:pt x="12" y="1"/>
                  <a:pt x="10" y="1"/>
                </a:cubicBezTo>
                <a:cubicBezTo>
                  <a:pt x="8" y="1"/>
                  <a:pt x="6" y="0"/>
                  <a:pt x="4" y="1"/>
                </a:cubicBezTo>
                <a:cubicBezTo>
                  <a:pt x="2" y="2"/>
                  <a:pt x="0" y="7"/>
                  <a:pt x="0" y="9"/>
                </a:cubicBezTo>
                <a:cubicBezTo>
                  <a:pt x="0" y="11"/>
                  <a:pt x="0" y="14"/>
                  <a:pt x="1" y="14"/>
                </a:cubicBezTo>
                <a:cubicBezTo>
                  <a:pt x="2" y="14"/>
                  <a:pt x="7" y="13"/>
                  <a:pt x="9" y="12"/>
                </a:cubicBezTo>
                <a:cubicBezTo>
                  <a:pt x="11" y="11"/>
                  <a:pt x="10" y="10"/>
                  <a:pt x="11" y="11"/>
                </a:cubicBezTo>
                <a:cubicBezTo>
                  <a:pt x="12" y="12"/>
                  <a:pt x="14" y="15"/>
                  <a:pt x="14" y="17"/>
                </a:cubicBezTo>
                <a:cubicBezTo>
                  <a:pt x="14" y="19"/>
                  <a:pt x="12" y="20"/>
                  <a:pt x="13" y="21"/>
                </a:cubicBezTo>
                <a:cubicBezTo>
                  <a:pt x="14" y="22"/>
                  <a:pt x="18" y="21"/>
                  <a:pt x="20" y="21"/>
                </a:cubicBezTo>
                <a:cubicBezTo>
                  <a:pt x="22" y="21"/>
                  <a:pt x="25" y="20"/>
                  <a:pt x="26" y="21"/>
                </a:cubicBezTo>
                <a:cubicBezTo>
                  <a:pt x="27" y="22"/>
                  <a:pt x="28" y="25"/>
                  <a:pt x="29" y="26"/>
                </a:cubicBezTo>
                <a:cubicBezTo>
                  <a:pt x="30" y="27"/>
                  <a:pt x="31" y="27"/>
                  <a:pt x="31" y="25"/>
                </a:cubicBezTo>
                <a:cubicBezTo>
                  <a:pt x="31" y="23"/>
                  <a:pt x="28" y="18"/>
                  <a:pt x="28" y="16"/>
                </a:cubicBezTo>
                <a:cubicBezTo>
                  <a:pt x="28" y="14"/>
                  <a:pt x="30" y="14"/>
                  <a:pt x="31" y="13"/>
                </a:cubicBezTo>
                <a:cubicBezTo>
                  <a:pt x="32" y="12"/>
                  <a:pt x="32" y="11"/>
                  <a:pt x="32" y="11"/>
                </a:cubicBezTo>
                <a:cubicBezTo>
                  <a:pt x="32" y="11"/>
                  <a:pt x="30" y="10"/>
                  <a:pt x="28" y="10"/>
                </a:cubicBezTo>
                <a:cubicBezTo>
                  <a:pt x="26" y="10"/>
                  <a:pt x="22" y="10"/>
                  <a:pt x="20" y="9"/>
                </a:cubicBezTo>
                <a:close/>
              </a:path>
            </a:pathLst>
          </a:custGeom>
          <a:solidFill>
            <a:srgbClr val="FFFFFF"/>
          </a:solidFill>
          <a:ln w="9525">
            <a:solidFill>
              <a:srgbClr val="000000"/>
            </a:solidFill>
            <a:round/>
            <a:headEnd/>
            <a:tailEnd/>
          </a:ln>
        </xdr:spPr>
      </xdr:sp>
      <xdr:sp macro="" textlink="">
        <xdr:nvSpPr>
          <xdr:cNvPr id="67" name="Freeform 88">
            <a:extLst>
              <a:ext uri="{FF2B5EF4-FFF2-40B4-BE49-F238E27FC236}">
                <a16:creationId xmlns:a16="http://schemas.microsoft.com/office/drawing/2014/main" id="{00000000-0008-0000-0000-000043000000}"/>
              </a:ext>
            </a:extLst>
          </xdr:cNvPr>
          <xdr:cNvSpPr>
            <a:spLocks/>
          </xdr:cNvSpPr>
        </xdr:nvSpPr>
        <xdr:spPr bwMode="auto">
          <a:xfrm>
            <a:off x="436" y="216"/>
            <a:ext cx="55" cy="26"/>
          </a:xfrm>
          <a:custGeom>
            <a:avLst/>
            <a:gdLst/>
            <a:ahLst/>
            <a:cxnLst>
              <a:cxn ang="0">
                <a:pos x="37" y="10"/>
              </a:cxn>
              <a:cxn ang="0">
                <a:pos x="41" y="9"/>
              </a:cxn>
              <a:cxn ang="0">
                <a:pos x="45" y="9"/>
              </a:cxn>
              <a:cxn ang="0">
                <a:pos x="47" y="10"/>
              </a:cxn>
              <a:cxn ang="0">
                <a:pos x="42" y="14"/>
              </a:cxn>
              <a:cxn ang="0">
                <a:pos x="50" y="18"/>
              </a:cxn>
              <a:cxn ang="0">
                <a:pos x="53" y="20"/>
              </a:cxn>
              <a:cxn ang="0">
                <a:pos x="53" y="23"/>
              </a:cxn>
              <a:cxn ang="0">
                <a:pos x="40" y="24"/>
              </a:cxn>
              <a:cxn ang="0">
                <a:pos x="36" y="21"/>
              </a:cxn>
              <a:cxn ang="0">
                <a:pos x="31" y="25"/>
              </a:cxn>
              <a:cxn ang="0">
                <a:pos x="23" y="25"/>
              </a:cxn>
              <a:cxn ang="0">
                <a:pos x="21" y="20"/>
              </a:cxn>
              <a:cxn ang="0">
                <a:pos x="17" y="19"/>
              </a:cxn>
              <a:cxn ang="0">
                <a:pos x="16" y="14"/>
              </a:cxn>
              <a:cxn ang="0">
                <a:pos x="13" y="15"/>
              </a:cxn>
              <a:cxn ang="0">
                <a:pos x="10" y="8"/>
              </a:cxn>
              <a:cxn ang="0">
                <a:pos x="9" y="6"/>
              </a:cxn>
              <a:cxn ang="0">
                <a:pos x="5" y="6"/>
              </a:cxn>
              <a:cxn ang="0">
                <a:pos x="3" y="10"/>
              </a:cxn>
              <a:cxn ang="0">
                <a:pos x="0" y="9"/>
              </a:cxn>
              <a:cxn ang="0">
                <a:pos x="2" y="2"/>
              </a:cxn>
              <a:cxn ang="0">
                <a:pos x="9" y="1"/>
              </a:cxn>
              <a:cxn ang="0">
                <a:pos x="16" y="6"/>
              </a:cxn>
              <a:cxn ang="0">
                <a:pos x="22" y="10"/>
              </a:cxn>
              <a:cxn ang="0">
                <a:pos x="24" y="13"/>
              </a:cxn>
              <a:cxn ang="0">
                <a:pos x="26" y="16"/>
              </a:cxn>
              <a:cxn ang="0">
                <a:pos x="32" y="18"/>
              </a:cxn>
              <a:cxn ang="0">
                <a:pos x="34" y="12"/>
              </a:cxn>
              <a:cxn ang="0">
                <a:pos x="37" y="10"/>
              </a:cxn>
            </a:cxnLst>
            <a:rect l="0" t="0" r="r" b="b"/>
            <a:pathLst>
              <a:path w="55" h="26">
                <a:moveTo>
                  <a:pt x="37" y="10"/>
                </a:moveTo>
                <a:cubicBezTo>
                  <a:pt x="38" y="10"/>
                  <a:pt x="40" y="9"/>
                  <a:pt x="41" y="9"/>
                </a:cubicBezTo>
                <a:cubicBezTo>
                  <a:pt x="42" y="9"/>
                  <a:pt x="44" y="9"/>
                  <a:pt x="45" y="9"/>
                </a:cubicBezTo>
                <a:cubicBezTo>
                  <a:pt x="46" y="9"/>
                  <a:pt x="47" y="9"/>
                  <a:pt x="47" y="10"/>
                </a:cubicBezTo>
                <a:cubicBezTo>
                  <a:pt x="47" y="11"/>
                  <a:pt x="42" y="13"/>
                  <a:pt x="42" y="14"/>
                </a:cubicBezTo>
                <a:cubicBezTo>
                  <a:pt x="42" y="15"/>
                  <a:pt x="48" y="17"/>
                  <a:pt x="50" y="18"/>
                </a:cubicBezTo>
                <a:cubicBezTo>
                  <a:pt x="52" y="19"/>
                  <a:pt x="53" y="19"/>
                  <a:pt x="53" y="20"/>
                </a:cubicBezTo>
                <a:cubicBezTo>
                  <a:pt x="53" y="21"/>
                  <a:pt x="55" y="22"/>
                  <a:pt x="53" y="23"/>
                </a:cubicBezTo>
                <a:cubicBezTo>
                  <a:pt x="51" y="24"/>
                  <a:pt x="43" y="24"/>
                  <a:pt x="40" y="24"/>
                </a:cubicBezTo>
                <a:cubicBezTo>
                  <a:pt x="37" y="24"/>
                  <a:pt x="37" y="21"/>
                  <a:pt x="36" y="21"/>
                </a:cubicBezTo>
                <a:cubicBezTo>
                  <a:pt x="35" y="21"/>
                  <a:pt x="33" y="24"/>
                  <a:pt x="31" y="25"/>
                </a:cubicBezTo>
                <a:cubicBezTo>
                  <a:pt x="29" y="26"/>
                  <a:pt x="25" y="26"/>
                  <a:pt x="23" y="25"/>
                </a:cubicBezTo>
                <a:cubicBezTo>
                  <a:pt x="21" y="24"/>
                  <a:pt x="22" y="21"/>
                  <a:pt x="21" y="20"/>
                </a:cubicBezTo>
                <a:cubicBezTo>
                  <a:pt x="20" y="19"/>
                  <a:pt x="18" y="20"/>
                  <a:pt x="17" y="19"/>
                </a:cubicBezTo>
                <a:cubicBezTo>
                  <a:pt x="16" y="18"/>
                  <a:pt x="17" y="15"/>
                  <a:pt x="16" y="14"/>
                </a:cubicBezTo>
                <a:cubicBezTo>
                  <a:pt x="15" y="13"/>
                  <a:pt x="14" y="16"/>
                  <a:pt x="13" y="15"/>
                </a:cubicBezTo>
                <a:cubicBezTo>
                  <a:pt x="12" y="14"/>
                  <a:pt x="11" y="9"/>
                  <a:pt x="10" y="8"/>
                </a:cubicBezTo>
                <a:cubicBezTo>
                  <a:pt x="9" y="7"/>
                  <a:pt x="10" y="6"/>
                  <a:pt x="9" y="6"/>
                </a:cubicBezTo>
                <a:cubicBezTo>
                  <a:pt x="8" y="6"/>
                  <a:pt x="6" y="5"/>
                  <a:pt x="5" y="6"/>
                </a:cubicBezTo>
                <a:cubicBezTo>
                  <a:pt x="4" y="7"/>
                  <a:pt x="4" y="10"/>
                  <a:pt x="3" y="10"/>
                </a:cubicBezTo>
                <a:cubicBezTo>
                  <a:pt x="2" y="10"/>
                  <a:pt x="0" y="10"/>
                  <a:pt x="0" y="9"/>
                </a:cubicBezTo>
                <a:cubicBezTo>
                  <a:pt x="0" y="8"/>
                  <a:pt x="1" y="3"/>
                  <a:pt x="2" y="2"/>
                </a:cubicBezTo>
                <a:cubicBezTo>
                  <a:pt x="3" y="1"/>
                  <a:pt x="7" y="0"/>
                  <a:pt x="9" y="1"/>
                </a:cubicBezTo>
                <a:cubicBezTo>
                  <a:pt x="11" y="2"/>
                  <a:pt x="14" y="5"/>
                  <a:pt x="16" y="6"/>
                </a:cubicBezTo>
                <a:cubicBezTo>
                  <a:pt x="18" y="7"/>
                  <a:pt x="21" y="9"/>
                  <a:pt x="22" y="10"/>
                </a:cubicBezTo>
                <a:cubicBezTo>
                  <a:pt x="23" y="11"/>
                  <a:pt x="23" y="12"/>
                  <a:pt x="24" y="13"/>
                </a:cubicBezTo>
                <a:cubicBezTo>
                  <a:pt x="25" y="14"/>
                  <a:pt x="25" y="15"/>
                  <a:pt x="26" y="16"/>
                </a:cubicBezTo>
                <a:cubicBezTo>
                  <a:pt x="27" y="17"/>
                  <a:pt x="31" y="19"/>
                  <a:pt x="32" y="18"/>
                </a:cubicBezTo>
                <a:cubicBezTo>
                  <a:pt x="33" y="17"/>
                  <a:pt x="33" y="13"/>
                  <a:pt x="34" y="12"/>
                </a:cubicBezTo>
                <a:cubicBezTo>
                  <a:pt x="35" y="11"/>
                  <a:pt x="36" y="10"/>
                  <a:pt x="37" y="10"/>
                </a:cubicBezTo>
                <a:close/>
              </a:path>
            </a:pathLst>
          </a:custGeom>
          <a:solidFill>
            <a:srgbClr val="FFFFFF"/>
          </a:solidFill>
          <a:ln w="9525">
            <a:solidFill>
              <a:srgbClr val="000000"/>
            </a:solidFill>
            <a:round/>
            <a:headEnd/>
            <a:tailEnd/>
          </a:ln>
        </xdr:spPr>
      </xdr:sp>
      <xdr:sp macro="" textlink="">
        <xdr:nvSpPr>
          <xdr:cNvPr id="68" name="Freeform 89">
            <a:extLst>
              <a:ext uri="{FF2B5EF4-FFF2-40B4-BE49-F238E27FC236}">
                <a16:creationId xmlns:a16="http://schemas.microsoft.com/office/drawing/2014/main" id="{00000000-0008-0000-0000-000044000000}"/>
              </a:ext>
            </a:extLst>
          </xdr:cNvPr>
          <xdr:cNvSpPr>
            <a:spLocks/>
          </xdr:cNvSpPr>
        </xdr:nvSpPr>
        <xdr:spPr bwMode="auto">
          <a:xfrm>
            <a:off x="171" y="483"/>
            <a:ext cx="46" cy="21"/>
          </a:xfrm>
          <a:custGeom>
            <a:avLst/>
            <a:gdLst/>
            <a:ahLst/>
            <a:cxnLst>
              <a:cxn ang="0">
                <a:pos x="0" y="11"/>
              </a:cxn>
              <a:cxn ang="0">
                <a:pos x="6" y="3"/>
              </a:cxn>
              <a:cxn ang="0">
                <a:pos x="18" y="3"/>
              </a:cxn>
              <a:cxn ang="0">
                <a:pos x="24" y="7"/>
              </a:cxn>
              <a:cxn ang="0">
                <a:pos x="28" y="12"/>
              </a:cxn>
              <a:cxn ang="0">
                <a:pos x="32" y="13"/>
              </a:cxn>
              <a:cxn ang="0">
                <a:pos x="30" y="5"/>
              </a:cxn>
              <a:cxn ang="0">
                <a:pos x="31" y="0"/>
              </a:cxn>
              <a:cxn ang="0">
                <a:pos x="35" y="6"/>
              </a:cxn>
              <a:cxn ang="0">
                <a:pos x="39" y="9"/>
              </a:cxn>
              <a:cxn ang="0">
                <a:pos x="46" y="11"/>
              </a:cxn>
              <a:cxn ang="0">
                <a:pos x="37" y="17"/>
              </a:cxn>
              <a:cxn ang="0">
                <a:pos x="33" y="17"/>
              </a:cxn>
              <a:cxn ang="0">
                <a:pos x="29" y="21"/>
              </a:cxn>
              <a:cxn ang="0">
                <a:pos x="23" y="15"/>
              </a:cxn>
              <a:cxn ang="0">
                <a:pos x="18" y="11"/>
              </a:cxn>
              <a:cxn ang="0">
                <a:pos x="5" y="10"/>
              </a:cxn>
              <a:cxn ang="0">
                <a:pos x="0" y="11"/>
              </a:cxn>
            </a:cxnLst>
            <a:rect l="0" t="0" r="r" b="b"/>
            <a:pathLst>
              <a:path w="46" h="21">
                <a:moveTo>
                  <a:pt x="0" y="11"/>
                </a:moveTo>
                <a:cubicBezTo>
                  <a:pt x="0" y="10"/>
                  <a:pt x="3" y="4"/>
                  <a:pt x="6" y="3"/>
                </a:cubicBezTo>
                <a:cubicBezTo>
                  <a:pt x="9" y="2"/>
                  <a:pt x="15" y="2"/>
                  <a:pt x="18" y="3"/>
                </a:cubicBezTo>
                <a:cubicBezTo>
                  <a:pt x="21" y="4"/>
                  <a:pt x="22" y="6"/>
                  <a:pt x="24" y="7"/>
                </a:cubicBezTo>
                <a:cubicBezTo>
                  <a:pt x="26" y="8"/>
                  <a:pt x="27" y="11"/>
                  <a:pt x="28" y="12"/>
                </a:cubicBezTo>
                <a:cubicBezTo>
                  <a:pt x="29" y="13"/>
                  <a:pt x="32" y="14"/>
                  <a:pt x="32" y="13"/>
                </a:cubicBezTo>
                <a:cubicBezTo>
                  <a:pt x="32" y="12"/>
                  <a:pt x="30" y="7"/>
                  <a:pt x="30" y="5"/>
                </a:cubicBezTo>
                <a:cubicBezTo>
                  <a:pt x="30" y="3"/>
                  <a:pt x="30" y="0"/>
                  <a:pt x="31" y="0"/>
                </a:cubicBezTo>
                <a:cubicBezTo>
                  <a:pt x="32" y="0"/>
                  <a:pt x="34" y="5"/>
                  <a:pt x="35" y="6"/>
                </a:cubicBezTo>
                <a:cubicBezTo>
                  <a:pt x="36" y="7"/>
                  <a:pt x="37" y="8"/>
                  <a:pt x="39" y="9"/>
                </a:cubicBezTo>
                <a:cubicBezTo>
                  <a:pt x="41" y="10"/>
                  <a:pt x="46" y="10"/>
                  <a:pt x="46" y="11"/>
                </a:cubicBezTo>
                <a:cubicBezTo>
                  <a:pt x="46" y="12"/>
                  <a:pt x="39" y="16"/>
                  <a:pt x="37" y="17"/>
                </a:cubicBezTo>
                <a:cubicBezTo>
                  <a:pt x="35" y="18"/>
                  <a:pt x="34" y="16"/>
                  <a:pt x="33" y="17"/>
                </a:cubicBezTo>
                <a:cubicBezTo>
                  <a:pt x="32" y="18"/>
                  <a:pt x="31" y="21"/>
                  <a:pt x="29" y="21"/>
                </a:cubicBezTo>
                <a:cubicBezTo>
                  <a:pt x="27" y="21"/>
                  <a:pt x="25" y="17"/>
                  <a:pt x="23" y="15"/>
                </a:cubicBezTo>
                <a:cubicBezTo>
                  <a:pt x="21" y="13"/>
                  <a:pt x="21" y="12"/>
                  <a:pt x="18" y="11"/>
                </a:cubicBezTo>
                <a:cubicBezTo>
                  <a:pt x="15" y="10"/>
                  <a:pt x="8" y="10"/>
                  <a:pt x="5" y="10"/>
                </a:cubicBezTo>
                <a:cubicBezTo>
                  <a:pt x="2" y="10"/>
                  <a:pt x="0" y="12"/>
                  <a:pt x="0" y="11"/>
                </a:cubicBezTo>
                <a:close/>
              </a:path>
            </a:pathLst>
          </a:custGeom>
          <a:solidFill>
            <a:srgbClr val="FFFFFF"/>
          </a:solidFill>
          <a:ln w="9525">
            <a:solidFill>
              <a:srgbClr val="000000"/>
            </a:solidFill>
            <a:round/>
            <a:headEnd/>
            <a:tailEnd/>
          </a:ln>
        </xdr:spPr>
      </xdr:sp>
      <xdr:sp macro="" textlink="">
        <xdr:nvSpPr>
          <xdr:cNvPr id="69" name="Freeform 90">
            <a:extLst>
              <a:ext uri="{FF2B5EF4-FFF2-40B4-BE49-F238E27FC236}">
                <a16:creationId xmlns:a16="http://schemas.microsoft.com/office/drawing/2014/main" id="{00000000-0008-0000-0000-000045000000}"/>
              </a:ext>
            </a:extLst>
          </xdr:cNvPr>
          <xdr:cNvSpPr>
            <a:spLocks/>
          </xdr:cNvSpPr>
        </xdr:nvSpPr>
        <xdr:spPr bwMode="auto">
          <a:xfrm>
            <a:off x="400" y="289"/>
            <a:ext cx="71" cy="89"/>
          </a:xfrm>
          <a:custGeom>
            <a:avLst/>
            <a:gdLst/>
            <a:ahLst/>
            <a:cxnLst>
              <a:cxn ang="0">
                <a:pos x="1371" y="65"/>
              </a:cxn>
              <a:cxn ang="0">
                <a:pos x="1221" y="5"/>
              </a:cxn>
              <a:cxn ang="0">
                <a:pos x="1191" y="93"/>
              </a:cxn>
              <a:cxn ang="0">
                <a:pos x="1117" y="153"/>
              </a:cxn>
              <a:cxn ang="0">
                <a:pos x="1011" y="261"/>
              </a:cxn>
              <a:cxn ang="0">
                <a:pos x="967" y="393"/>
              </a:cxn>
              <a:cxn ang="0">
                <a:pos x="877" y="453"/>
              </a:cxn>
              <a:cxn ang="0">
                <a:pos x="787" y="453"/>
              </a:cxn>
              <a:cxn ang="0">
                <a:pos x="711" y="501"/>
              </a:cxn>
              <a:cxn ang="0">
                <a:pos x="547" y="469"/>
              </a:cxn>
              <a:cxn ang="0">
                <a:pos x="457" y="381"/>
              </a:cxn>
              <a:cxn ang="0">
                <a:pos x="367" y="381"/>
              </a:cxn>
              <a:cxn ang="0">
                <a:pos x="291" y="453"/>
              </a:cxn>
              <a:cxn ang="0">
                <a:pos x="217" y="529"/>
              </a:cxn>
              <a:cxn ang="0">
                <a:pos x="187" y="633"/>
              </a:cxn>
              <a:cxn ang="0">
                <a:pos x="111" y="693"/>
              </a:cxn>
              <a:cxn ang="0">
                <a:pos x="7" y="813"/>
              </a:cxn>
              <a:cxn ang="0">
                <a:pos x="67" y="965"/>
              </a:cxn>
              <a:cxn ang="0">
                <a:pos x="141" y="873"/>
              </a:cxn>
              <a:cxn ang="0">
                <a:pos x="261" y="801"/>
              </a:cxn>
              <a:cxn ang="0">
                <a:pos x="367" y="801"/>
              </a:cxn>
              <a:cxn ang="0">
                <a:pos x="531" y="753"/>
              </a:cxn>
              <a:cxn ang="0">
                <a:pos x="637" y="829"/>
              </a:cxn>
              <a:cxn ang="0">
                <a:pos x="637" y="993"/>
              </a:cxn>
              <a:cxn ang="0">
                <a:pos x="637" y="1085"/>
              </a:cxn>
              <a:cxn ang="0">
                <a:pos x="801" y="1101"/>
              </a:cxn>
              <a:cxn ang="0">
                <a:pos x="801" y="1233"/>
              </a:cxn>
              <a:cxn ang="0">
                <a:pos x="831" y="1369"/>
              </a:cxn>
              <a:cxn ang="0">
                <a:pos x="847" y="1473"/>
              </a:cxn>
              <a:cxn ang="0">
                <a:pos x="801" y="1625"/>
              </a:cxn>
              <a:cxn ang="0">
                <a:pos x="847" y="1729"/>
              </a:cxn>
              <a:cxn ang="0">
                <a:pos x="771" y="1893"/>
              </a:cxn>
              <a:cxn ang="0">
                <a:pos x="787" y="2061"/>
              </a:cxn>
              <a:cxn ang="0">
                <a:pos x="817" y="1969"/>
              </a:cxn>
              <a:cxn ang="0">
                <a:pos x="847" y="1761"/>
              </a:cxn>
              <a:cxn ang="0">
                <a:pos x="921" y="1593"/>
              </a:cxn>
              <a:cxn ang="0">
                <a:pos x="951" y="1353"/>
              </a:cxn>
              <a:cxn ang="0">
                <a:pos x="951" y="1249"/>
              </a:cxn>
              <a:cxn ang="0">
                <a:pos x="1101" y="1461"/>
              </a:cxn>
              <a:cxn ang="0">
                <a:pos x="1221" y="1521"/>
              </a:cxn>
              <a:cxn ang="0">
                <a:pos x="1311" y="1625"/>
              </a:cxn>
              <a:cxn ang="0">
                <a:pos x="1371" y="1713"/>
              </a:cxn>
              <a:cxn ang="0">
                <a:pos x="1477" y="1773"/>
              </a:cxn>
              <a:cxn ang="0">
                <a:pos x="1581" y="1805"/>
              </a:cxn>
              <a:cxn ang="0">
                <a:pos x="1431" y="1641"/>
              </a:cxn>
              <a:cxn ang="0">
                <a:pos x="1357" y="1521"/>
              </a:cxn>
              <a:cxn ang="0">
                <a:pos x="1221" y="1385"/>
              </a:cxn>
              <a:cxn ang="0">
                <a:pos x="1131" y="1249"/>
              </a:cxn>
              <a:cxn ang="0">
                <a:pos x="1057" y="1113"/>
              </a:cxn>
              <a:cxn ang="0">
                <a:pos x="967" y="949"/>
              </a:cxn>
              <a:cxn ang="0">
                <a:pos x="921" y="861"/>
              </a:cxn>
              <a:cxn ang="0">
                <a:pos x="877" y="753"/>
              </a:cxn>
              <a:cxn ang="0">
                <a:pos x="981" y="561"/>
              </a:cxn>
              <a:cxn ang="0">
                <a:pos x="1101" y="561"/>
              </a:cxn>
              <a:cxn ang="0">
                <a:pos x="1131" y="425"/>
              </a:cxn>
              <a:cxn ang="0">
                <a:pos x="1207" y="289"/>
              </a:cxn>
              <a:cxn ang="0">
                <a:pos x="1341" y="229"/>
              </a:cxn>
              <a:cxn ang="0">
                <a:pos x="1431" y="185"/>
              </a:cxn>
              <a:cxn ang="0">
                <a:pos x="1371" y="65"/>
              </a:cxn>
            </a:cxnLst>
            <a:rect l="0" t="0" r="r" b="b"/>
            <a:pathLst>
              <a:path w="1589" h="2074">
                <a:moveTo>
                  <a:pt x="1371" y="65"/>
                </a:moveTo>
                <a:cubicBezTo>
                  <a:pt x="1336" y="35"/>
                  <a:pt x="1251" y="0"/>
                  <a:pt x="1221" y="5"/>
                </a:cubicBezTo>
                <a:cubicBezTo>
                  <a:pt x="1191" y="10"/>
                  <a:pt x="1208" y="68"/>
                  <a:pt x="1191" y="93"/>
                </a:cubicBezTo>
                <a:cubicBezTo>
                  <a:pt x="1174" y="118"/>
                  <a:pt x="1147" y="125"/>
                  <a:pt x="1117" y="153"/>
                </a:cubicBezTo>
                <a:cubicBezTo>
                  <a:pt x="1087" y="181"/>
                  <a:pt x="1036" y="221"/>
                  <a:pt x="1011" y="261"/>
                </a:cubicBezTo>
                <a:cubicBezTo>
                  <a:pt x="986" y="301"/>
                  <a:pt x="989" y="361"/>
                  <a:pt x="967" y="393"/>
                </a:cubicBezTo>
                <a:cubicBezTo>
                  <a:pt x="945" y="425"/>
                  <a:pt x="907" y="443"/>
                  <a:pt x="877" y="453"/>
                </a:cubicBezTo>
                <a:cubicBezTo>
                  <a:pt x="847" y="463"/>
                  <a:pt x="814" y="445"/>
                  <a:pt x="787" y="453"/>
                </a:cubicBezTo>
                <a:cubicBezTo>
                  <a:pt x="760" y="461"/>
                  <a:pt x="751" y="498"/>
                  <a:pt x="711" y="501"/>
                </a:cubicBezTo>
                <a:cubicBezTo>
                  <a:pt x="671" y="504"/>
                  <a:pt x="589" y="489"/>
                  <a:pt x="547" y="469"/>
                </a:cubicBezTo>
                <a:cubicBezTo>
                  <a:pt x="505" y="449"/>
                  <a:pt x="487" y="396"/>
                  <a:pt x="457" y="381"/>
                </a:cubicBezTo>
                <a:cubicBezTo>
                  <a:pt x="427" y="366"/>
                  <a:pt x="395" y="369"/>
                  <a:pt x="367" y="381"/>
                </a:cubicBezTo>
                <a:cubicBezTo>
                  <a:pt x="339" y="393"/>
                  <a:pt x="316" y="428"/>
                  <a:pt x="291" y="453"/>
                </a:cubicBezTo>
                <a:cubicBezTo>
                  <a:pt x="266" y="478"/>
                  <a:pt x="234" y="499"/>
                  <a:pt x="217" y="529"/>
                </a:cubicBezTo>
                <a:cubicBezTo>
                  <a:pt x="200" y="559"/>
                  <a:pt x="205" y="606"/>
                  <a:pt x="187" y="633"/>
                </a:cubicBezTo>
                <a:cubicBezTo>
                  <a:pt x="169" y="660"/>
                  <a:pt x="141" y="663"/>
                  <a:pt x="111" y="693"/>
                </a:cubicBezTo>
                <a:cubicBezTo>
                  <a:pt x="81" y="723"/>
                  <a:pt x="14" y="768"/>
                  <a:pt x="7" y="813"/>
                </a:cubicBezTo>
                <a:cubicBezTo>
                  <a:pt x="0" y="858"/>
                  <a:pt x="45" y="955"/>
                  <a:pt x="67" y="965"/>
                </a:cubicBezTo>
                <a:cubicBezTo>
                  <a:pt x="89" y="975"/>
                  <a:pt x="109" y="900"/>
                  <a:pt x="141" y="873"/>
                </a:cubicBezTo>
                <a:cubicBezTo>
                  <a:pt x="173" y="846"/>
                  <a:pt x="223" y="813"/>
                  <a:pt x="261" y="801"/>
                </a:cubicBezTo>
                <a:cubicBezTo>
                  <a:pt x="299" y="789"/>
                  <a:pt x="322" y="809"/>
                  <a:pt x="367" y="801"/>
                </a:cubicBezTo>
                <a:cubicBezTo>
                  <a:pt x="412" y="793"/>
                  <a:pt x="486" y="748"/>
                  <a:pt x="531" y="753"/>
                </a:cubicBezTo>
                <a:cubicBezTo>
                  <a:pt x="576" y="758"/>
                  <a:pt x="619" y="789"/>
                  <a:pt x="637" y="829"/>
                </a:cubicBezTo>
                <a:cubicBezTo>
                  <a:pt x="655" y="869"/>
                  <a:pt x="637" y="950"/>
                  <a:pt x="637" y="993"/>
                </a:cubicBezTo>
                <a:cubicBezTo>
                  <a:pt x="637" y="1036"/>
                  <a:pt x="610" y="1067"/>
                  <a:pt x="637" y="1085"/>
                </a:cubicBezTo>
                <a:cubicBezTo>
                  <a:pt x="664" y="1103"/>
                  <a:pt x="774" y="1076"/>
                  <a:pt x="801" y="1101"/>
                </a:cubicBezTo>
                <a:cubicBezTo>
                  <a:pt x="828" y="1126"/>
                  <a:pt x="796" y="1188"/>
                  <a:pt x="801" y="1233"/>
                </a:cubicBezTo>
                <a:cubicBezTo>
                  <a:pt x="806" y="1278"/>
                  <a:pt x="823" y="1329"/>
                  <a:pt x="831" y="1369"/>
                </a:cubicBezTo>
                <a:cubicBezTo>
                  <a:pt x="839" y="1409"/>
                  <a:pt x="852" y="1430"/>
                  <a:pt x="847" y="1473"/>
                </a:cubicBezTo>
                <a:cubicBezTo>
                  <a:pt x="842" y="1516"/>
                  <a:pt x="801" y="1582"/>
                  <a:pt x="801" y="1625"/>
                </a:cubicBezTo>
                <a:cubicBezTo>
                  <a:pt x="801" y="1668"/>
                  <a:pt x="852" y="1684"/>
                  <a:pt x="847" y="1729"/>
                </a:cubicBezTo>
                <a:cubicBezTo>
                  <a:pt x="842" y="1774"/>
                  <a:pt x="781" y="1838"/>
                  <a:pt x="771" y="1893"/>
                </a:cubicBezTo>
                <a:cubicBezTo>
                  <a:pt x="761" y="1948"/>
                  <a:pt x="779" y="2048"/>
                  <a:pt x="787" y="2061"/>
                </a:cubicBezTo>
                <a:cubicBezTo>
                  <a:pt x="795" y="2074"/>
                  <a:pt x="807" y="2019"/>
                  <a:pt x="817" y="1969"/>
                </a:cubicBezTo>
                <a:cubicBezTo>
                  <a:pt x="827" y="1919"/>
                  <a:pt x="830" y="1824"/>
                  <a:pt x="847" y="1761"/>
                </a:cubicBezTo>
                <a:cubicBezTo>
                  <a:pt x="864" y="1698"/>
                  <a:pt x="904" y="1661"/>
                  <a:pt x="921" y="1593"/>
                </a:cubicBezTo>
                <a:cubicBezTo>
                  <a:pt x="938" y="1525"/>
                  <a:pt x="946" y="1410"/>
                  <a:pt x="951" y="1353"/>
                </a:cubicBezTo>
                <a:cubicBezTo>
                  <a:pt x="956" y="1296"/>
                  <a:pt x="926" y="1231"/>
                  <a:pt x="951" y="1249"/>
                </a:cubicBezTo>
                <a:cubicBezTo>
                  <a:pt x="976" y="1267"/>
                  <a:pt x="1056" y="1416"/>
                  <a:pt x="1101" y="1461"/>
                </a:cubicBezTo>
                <a:cubicBezTo>
                  <a:pt x="1146" y="1506"/>
                  <a:pt x="1186" y="1494"/>
                  <a:pt x="1221" y="1521"/>
                </a:cubicBezTo>
                <a:cubicBezTo>
                  <a:pt x="1256" y="1548"/>
                  <a:pt x="1286" y="1593"/>
                  <a:pt x="1311" y="1625"/>
                </a:cubicBezTo>
                <a:cubicBezTo>
                  <a:pt x="1336" y="1657"/>
                  <a:pt x="1343" y="1688"/>
                  <a:pt x="1371" y="1713"/>
                </a:cubicBezTo>
                <a:cubicBezTo>
                  <a:pt x="1399" y="1738"/>
                  <a:pt x="1442" y="1758"/>
                  <a:pt x="1477" y="1773"/>
                </a:cubicBezTo>
                <a:cubicBezTo>
                  <a:pt x="1512" y="1788"/>
                  <a:pt x="1589" y="1827"/>
                  <a:pt x="1581" y="1805"/>
                </a:cubicBezTo>
                <a:cubicBezTo>
                  <a:pt x="1573" y="1783"/>
                  <a:pt x="1468" y="1688"/>
                  <a:pt x="1431" y="1641"/>
                </a:cubicBezTo>
                <a:cubicBezTo>
                  <a:pt x="1394" y="1594"/>
                  <a:pt x="1392" y="1564"/>
                  <a:pt x="1357" y="1521"/>
                </a:cubicBezTo>
                <a:cubicBezTo>
                  <a:pt x="1322" y="1478"/>
                  <a:pt x="1259" y="1430"/>
                  <a:pt x="1221" y="1385"/>
                </a:cubicBezTo>
                <a:cubicBezTo>
                  <a:pt x="1183" y="1340"/>
                  <a:pt x="1158" y="1294"/>
                  <a:pt x="1131" y="1249"/>
                </a:cubicBezTo>
                <a:cubicBezTo>
                  <a:pt x="1104" y="1204"/>
                  <a:pt x="1084" y="1163"/>
                  <a:pt x="1057" y="1113"/>
                </a:cubicBezTo>
                <a:cubicBezTo>
                  <a:pt x="1030" y="1063"/>
                  <a:pt x="990" y="991"/>
                  <a:pt x="967" y="949"/>
                </a:cubicBezTo>
                <a:cubicBezTo>
                  <a:pt x="944" y="907"/>
                  <a:pt x="936" y="894"/>
                  <a:pt x="921" y="861"/>
                </a:cubicBezTo>
                <a:cubicBezTo>
                  <a:pt x="906" y="828"/>
                  <a:pt x="867" y="803"/>
                  <a:pt x="877" y="753"/>
                </a:cubicBezTo>
                <a:cubicBezTo>
                  <a:pt x="887" y="703"/>
                  <a:pt x="944" y="593"/>
                  <a:pt x="981" y="561"/>
                </a:cubicBezTo>
                <a:cubicBezTo>
                  <a:pt x="1018" y="529"/>
                  <a:pt x="1076" y="584"/>
                  <a:pt x="1101" y="561"/>
                </a:cubicBezTo>
                <a:cubicBezTo>
                  <a:pt x="1126" y="538"/>
                  <a:pt x="1113" y="470"/>
                  <a:pt x="1131" y="425"/>
                </a:cubicBezTo>
                <a:cubicBezTo>
                  <a:pt x="1149" y="380"/>
                  <a:pt x="1172" y="322"/>
                  <a:pt x="1207" y="289"/>
                </a:cubicBezTo>
                <a:cubicBezTo>
                  <a:pt x="1242" y="256"/>
                  <a:pt x="1304" y="246"/>
                  <a:pt x="1341" y="229"/>
                </a:cubicBezTo>
                <a:cubicBezTo>
                  <a:pt x="1378" y="212"/>
                  <a:pt x="1421" y="215"/>
                  <a:pt x="1431" y="185"/>
                </a:cubicBezTo>
                <a:cubicBezTo>
                  <a:pt x="1441" y="155"/>
                  <a:pt x="1406" y="95"/>
                  <a:pt x="1371" y="65"/>
                </a:cubicBezTo>
                <a:close/>
              </a:path>
            </a:pathLst>
          </a:custGeom>
          <a:solidFill>
            <a:srgbClr val="FFFFFF"/>
          </a:solidFill>
          <a:ln w="9525">
            <a:solidFill>
              <a:srgbClr val="000000"/>
            </a:solidFill>
            <a:round/>
            <a:headEnd/>
            <a:tailEnd/>
          </a:ln>
        </xdr:spPr>
      </xdr:sp>
      <xdr:sp macro="" textlink="">
        <xdr:nvSpPr>
          <xdr:cNvPr id="70" name="Freeform 91">
            <a:extLst>
              <a:ext uri="{FF2B5EF4-FFF2-40B4-BE49-F238E27FC236}">
                <a16:creationId xmlns:a16="http://schemas.microsoft.com/office/drawing/2014/main" id="{00000000-0008-0000-0000-000046000000}"/>
              </a:ext>
            </a:extLst>
          </xdr:cNvPr>
          <xdr:cNvSpPr>
            <a:spLocks/>
          </xdr:cNvSpPr>
        </xdr:nvSpPr>
        <xdr:spPr bwMode="auto">
          <a:xfrm>
            <a:off x="132" y="741"/>
            <a:ext cx="57" cy="73"/>
          </a:xfrm>
          <a:custGeom>
            <a:avLst/>
            <a:gdLst/>
            <a:ahLst/>
            <a:cxnLst>
              <a:cxn ang="0">
                <a:pos x="45" y="73"/>
              </a:cxn>
              <a:cxn ang="0">
                <a:pos x="43" y="68"/>
              </a:cxn>
              <a:cxn ang="0">
                <a:pos x="35" y="68"/>
              </a:cxn>
              <a:cxn ang="0">
                <a:pos x="32" y="72"/>
              </a:cxn>
              <a:cxn ang="0">
                <a:pos x="28" y="65"/>
              </a:cxn>
              <a:cxn ang="0">
                <a:pos x="28" y="60"/>
              </a:cxn>
              <a:cxn ang="0">
                <a:pos x="21" y="57"/>
              </a:cxn>
              <a:cxn ang="0">
                <a:pos x="21" y="52"/>
              </a:cxn>
              <a:cxn ang="0">
                <a:pos x="15" y="47"/>
              </a:cxn>
              <a:cxn ang="0">
                <a:pos x="15" y="42"/>
              </a:cxn>
              <a:cxn ang="0">
                <a:pos x="15" y="38"/>
              </a:cxn>
              <a:cxn ang="0">
                <a:pos x="16" y="33"/>
              </a:cxn>
              <a:cxn ang="0">
                <a:pos x="13" y="28"/>
              </a:cxn>
              <a:cxn ang="0">
                <a:pos x="7" y="24"/>
              </a:cxn>
              <a:cxn ang="0">
                <a:pos x="7" y="20"/>
              </a:cxn>
              <a:cxn ang="0">
                <a:pos x="6" y="16"/>
              </a:cxn>
              <a:cxn ang="0">
                <a:pos x="1" y="12"/>
              </a:cxn>
              <a:cxn ang="0">
                <a:pos x="0" y="6"/>
              </a:cxn>
              <a:cxn ang="0">
                <a:pos x="1" y="2"/>
              </a:cxn>
              <a:cxn ang="0">
                <a:pos x="6" y="0"/>
              </a:cxn>
              <a:cxn ang="0">
                <a:pos x="10" y="1"/>
              </a:cxn>
              <a:cxn ang="0">
                <a:pos x="16" y="5"/>
              </a:cxn>
              <a:cxn ang="0">
                <a:pos x="16" y="9"/>
              </a:cxn>
              <a:cxn ang="0">
                <a:pos x="17" y="17"/>
              </a:cxn>
              <a:cxn ang="0">
                <a:pos x="19" y="24"/>
              </a:cxn>
              <a:cxn ang="0">
                <a:pos x="23" y="31"/>
              </a:cxn>
              <a:cxn ang="0">
                <a:pos x="27" y="37"/>
              </a:cxn>
              <a:cxn ang="0">
                <a:pos x="32" y="41"/>
              </a:cxn>
              <a:cxn ang="0">
                <a:pos x="38" y="45"/>
              </a:cxn>
              <a:cxn ang="0">
                <a:pos x="44" y="49"/>
              </a:cxn>
              <a:cxn ang="0">
                <a:pos x="53" y="53"/>
              </a:cxn>
              <a:cxn ang="0">
                <a:pos x="57" y="53"/>
              </a:cxn>
              <a:cxn ang="0">
                <a:pos x="56" y="57"/>
              </a:cxn>
              <a:cxn ang="0">
                <a:pos x="53" y="61"/>
              </a:cxn>
              <a:cxn ang="0">
                <a:pos x="47" y="62"/>
              </a:cxn>
              <a:cxn ang="0">
                <a:pos x="51" y="67"/>
              </a:cxn>
              <a:cxn ang="0">
                <a:pos x="45" y="73"/>
              </a:cxn>
            </a:cxnLst>
            <a:rect l="0" t="0" r="r" b="b"/>
            <a:pathLst>
              <a:path w="57" h="73">
                <a:moveTo>
                  <a:pt x="45" y="73"/>
                </a:moveTo>
                <a:cubicBezTo>
                  <a:pt x="44" y="73"/>
                  <a:pt x="45" y="69"/>
                  <a:pt x="43" y="68"/>
                </a:cubicBezTo>
                <a:cubicBezTo>
                  <a:pt x="41" y="67"/>
                  <a:pt x="37" y="67"/>
                  <a:pt x="35" y="68"/>
                </a:cubicBezTo>
                <a:cubicBezTo>
                  <a:pt x="33" y="69"/>
                  <a:pt x="33" y="72"/>
                  <a:pt x="32" y="72"/>
                </a:cubicBezTo>
                <a:cubicBezTo>
                  <a:pt x="31" y="72"/>
                  <a:pt x="29" y="67"/>
                  <a:pt x="28" y="65"/>
                </a:cubicBezTo>
                <a:cubicBezTo>
                  <a:pt x="27" y="63"/>
                  <a:pt x="29" y="61"/>
                  <a:pt x="28" y="60"/>
                </a:cubicBezTo>
                <a:cubicBezTo>
                  <a:pt x="27" y="59"/>
                  <a:pt x="22" y="58"/>
                  <a:pt x="21" y="57"/>
                </a:cubicBezTo>
                <a:cubicBezTo>
                  <a:pt x="20" y="56"/>
                  <a:pt x="22" y="54"/>
                  <a:pt x="21" y="52"/>
                </a:cubicBezTo>
                <a:cubicBezTo>
                  <a:pt x="20" y="50"/>
                  <a:pt x="16" y="49"/>
                  <a:pt x="15" y="47"/>
                </a:cubicBezTo>
                <a:cubicBezTo>
                  <a:pt x="14" y="45"/>
                  <a:pt x="15" y="43"/>
                  <a:pt x="15" y="42"/>
                </a:cubicBezTo>
                <a:cubicBezTo>
                  <a:pt x="15" y="41"/>
                  <a:pt x="15" y="39"/>
                  <a:pt x="15" y="38"/>
                </a:cubicBezTo>
                <a:cubicBezTo>
                  <a:pt x="15" y="37"/>
                  <a:pt x="16" y="35"/>
                  <a:pt x="16" y="33"/>
                </a:cubicBezTo>
                <a:cubicBezTo>
                  <a:pt x="16" y="31"/>
                  <a:pt x="14" y="29"/>
                  <a:pt x="13" y="28"/>
                </a:cubicBezTo>
                <a:cubicBezTo>
                  <a:pt x="12" y="27"/>
                  <a:pt x="8" y="25"/>
                  <a:pt x="7" y="24"/>
                </a:cubicBezTo>
                <a:cubicBezTo>
                  <a:pt x="6" y="23"/>
                  <a:pt x="7" y="21"/>
                  <a:pt x="7" y="20"/>
                </a:cubicBezTo>
                <a:cubicBezTo>
                  <a:pt x="7" y="19"/>
                  <a:pt x="7" y="17"/>
                  <a:pt x="6" y="16"/>
                </a:cubicBezTo>
                <a:cubicBezTo>
                  <a:pt x="5" y="15"/>
                  <a:pt x="2" y="14"/>
                  <a:pt x="1" y="12"/>
                </a:cubicBezTo>
                <a:cubicBezTo>
                  <a:pt x="0" y="10"/>
                  <a:pt x="0" y="8"/>
                  <a:pt x="0" y="6"/>
                </a:cubicBezTo>
                <a:cubicBezTo>
                  <a:pt x="0" y="4"/>
                  <a:pt x="0" y="3"/>
                  <a:pt x="1" y="2"/>
                </a:cubicBezTo>
                <a:cubicBezTo>
                  <a:pt x="2" y="1"/>
                  <a:pt x="5" y="0"/>
                  <a:pt x="6" y="0"/>
                </a:cubicBezTo>
                <a:cubicBezTo>
                  <a:pt x="7" y="0"/>
                  <a:pt x="8" y="0"/>
                  <a:pt x="10" y="1"/>
                </a:cubicBezTo>
                <a:cubicBezTo>
                  <a:pt x="12" y="2"/>
                  <a:pt x="15" y="4"/>
                  <a:pt x="16" y="5"/>
                </a:cubicBezTo>
                <a:cubicBezTo>
                  <a:pt x="17" y="6"/>
                  <a:pt x="16" y="7"/>
                  <a:pt x="16" y="9"/>
                </a:cubicBezTo>
                <a:cubicBezTo>
                  <a:pt x="16" y="11"/>
                  <a:pt x="17" y="15"/>
                  <a:pt x="17" y="17"/>
                </a:cubicBezTo>
                <a:cubicBezTo>
                  <a:pt x="17" y="19"/>
                  <a:pt x="18" y="22"/>
                  <a:pt x="19" y="24"/>
                </a:cubicBezTo>
                <a:cubicBezTo>
                  <a:pt x="20" y="26"/>
                  <a:pt x="22" y="29"/>
                  <a:pt x="23" y="31"/>
                </a:cubicBezTo>
                <a:cubicBezTo>
                  <a:pt x="24" y="33"/>
                  <a:pt x="26" y="35"/>
                  <a:pt x="27" y="37"/>
                </a:cubicBezTo>
                <a:cubicBezTo>
                  <a:pt x="28" y="39"/>
                  <a:pt x="30" y="40"/>
                  <a:pt x="32" y="41"/>
                </a:cubicBezTo>
                <a:cubicBezTo>
                  <a:pt x="34" y="42"/>
                  <a:pt x="36" y="44"/>
                  <a:pt x="38" y="45"/>
                </a:cubicBezTo>
                <a:cubicBezTo>
                  <a:pt x="40" y="46"/>
                  <a:pt x="42" y="48"/>
                  <a:pt x="44" y="49"/>
                </a:cubicBezTo>
                <a:cubicBezTo>
                  <a:pt x="46" y="50"/>
                  <a:pt x="51" y="52"/>
                  <a:pt x="53" y="53"/>
                </a:cubicBezTo>
                <a:cubicBezTo>
                  <a:pt x="55" y="54"/>
                  <a:pt x="57" y="52"/>
                  <a:pt x="57" y="53"/>
                </a:cubicBezTo>
                <a:cubicBezTo>
                  <a:pt x="57" y="54"/>
                  <a:pt x="57" y="56"/>
                  <a:pt x="56" y="57"/>
                </a:cubicBezTo>
                <a:cubicBezTo>
                  <a:pt x="55" y="58"/>
                  <a:pt x="54" y="60"/>
                  <a:pt x="53" y="61"/>
                </a:cubicBezTo>
                <a:cubicBezTo>
                  <a:pt x="52" y="62"/>
                  <a:pt x="47" y="61"/>
                  <a:pt x="47" y="62"/>
                </a:cubicBezTo>
                <a:cubicBezTo>
                  <a:pt x="47" y="63"/>
                  <a:pt x="51" y="66"/>
                  <a:pt x="51" y="67"/>
                </a:cubicBezTo>
                <a:cubicBezTo>
                  <a:pt x="51" y="68"/>
                  <a:pt x="46" y="73"/>
                  <a:pt x="45" y="73"/>
                </a:cubicBezTo>
                <a:close/>
              </a:path>
            </a:pathLst>
          </a:custGeom>
          <a:solidFill>
            <a:srgbClr val="FFFFFF"/>
          </a:solidFill>
          <a:ln w="9525">
            <a:solidFill>
              <a:srgbClr val="000000"/>
            </a:solidFill>
            <a:round/>
            <a:headEnd/>
            <a:tailEnd/>
          </a:ln>
        </xdr:spPr>
      </xdr:sp>
    </xdr:grpSp>
    <xdr:clientData/>
  </xdr:twoCellAnchor>
  <xdr:twoCellAnchor>
    <xdr:from>
      <xdr:col>6</xdr:col>
      <xdr:colOff>536863</xdr:colOff>
      <xdr:row>9</xdr:row>
      <xdr:rowOff>1</xdr:rowOff>
    </xdr:from>
    <xdr:to>
      <xdr:col>7</xdr:col>
      <xdr:colOff>294408</xdr:colOff>
      <xdr:row>11</xdr:row>
      <xdr:rowOff>34638</xdr:rowOff>
    </xdr:to>
    <xdr:sp macro="" textlink="">
      <xdr:nvSpPr>
        <xdr:cNvPr id="72" name="星 4 71">
          <a:hlinkClick xmlns:r="http://schemas.openxmlformats.org/officeDocument/2006/relationships" r:id="rId1"/>
          <a:extLst>
            <a:ext uri="{FF2B5EF4-FFF2-40B4-BE49-F238E27FC236}">
              <a16:creationId xmlns:a16="http://schemas.microsoft.com/office/drawing/2014/main" id="{00000000-0008-0000-0000-000048000000}"/>
            </a:ext>
          </a:extLst>
        </xdr:cNvPr>
        <xdr:cNvSpPr/>
      </xdr:nvSpPr>
      <xdr:spPr bwMode="auto">
        <a:xfrm>
          <a:off x="4194463" y="2438401"/>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9</xdr:col>
      <xdr:colOff>432954</xdr:colOff>
      <xdr:row>13</xdr:row>
      <xdr:rowOff>1</xdr:rowOff>
    </xdr:from>
    <xdr:to>
      <xdr:col>10</xdr:col>
      <xdr:colOff>190499</xdr:colOff>
      <xdr:row>15</xdr:row>
      <xdr:rowOff>34638</xdr:rowOff>
    </xdr:to>
    <xdr:sp macro="" textlink="">
      <xdr:nvSpPr>
        <xdr:cNvPr id="73" name="星 4 72">
          <a:hlinkClick xmlns:r="http://schemas.openxmlformats.org/officeDocument/2006/relationships" r:id="rId2"/>
          <a:extLst>
            <a:ext uri="{FF2B5EF4-FFF2-40B4-BE49-F238E27FC236}">
              <a16:creationId xmlns:a16="http://schemas.microsoft.com/office/drawing/2014/main" id="{00000000-0008-0000-0000-000049000000}"/>
            </a:ext>
          </a:extLst>
        </xdr:cNvPr>
        <xdr:cNvSpPr/>
      </xdr:nvSpPr>
      <xdr:spPr bwMode="auto">
        <a:xfrm>
          <a:off x="5919354" y="3048001"/>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1</xdr:col>
      <xdr:colOff>484910</xdr:colOff>
      <xdr:row>7</xdr:row>
      <xdr:rowOff>17318</xdr:rowOff>
    </xdr:from>
    <xdr:to>
      <xdr:col>12</xdr:col>
      <xdr:colOff>225138</xdr:colOff>
      <xdr:row>9</xdr:row>
      <xdr:rowOff>34637</xdr:rowOff>
    </xdr:to>
    <xdr:sp macro="" textlink="">
      <xdr:nvSpPr>
        <xdr:cNvPr id="78" name="星 7 77">
          <a:hlinkClick xmlns:r="http://schemas.openxmlformats.org/officeDocument/2006/relationships" r:id="rId3"/>
          <a:extLst>
            <a:ext uri="{FF2B5EF4-FFF2-40B4-BE49-F238E27FC236}">
              <a16:creationId xmlns:a16="http://schemas.microsoft.com/office/drawing/2014/main" id="{00000000-0008-0000-0000-00004E000000}"/>
            </a:ext>
          </a:extLst>
        </xdr:cNvPr>
        <xdr:cNvSpPr/>
      </xdr:nvSpPr>
      <xdr:spPr bwMode="auto">
        <a:xfrm>
          <a:off x="7190510" y="2150918"/>
          <a:ext cx="349828" cy="322119"/>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4</xdr:col>
      <xdr:colOff>1</xdr:colOff>
      <xdr:row>9</xdr:row>
      <xdr:rowOff>0</xdr:rowOff>
    </xdr:from>
    <xdr:to>
      <xdr:col>14</xdr:col>
      <xdr:colOff>346365</xdr:colOff>
      <xdr:row>11</xdr:row>
      <xdr:rowOff>17319</xdr:rowOff>
    </xdr:to>
    <xdr:sp macro="" textlink="">
      <xdr:nvSpPr>
        <xdr:cNvPr id="80" name="星 7 79">
          <a:hlinkClick xmlns:r="http://schemas.openxmlformats.org/officeDocument/2006/relationships" r:id="rId4"/>
          <a:extLst>
            <a:ext uri="{FF2B5EF4-FFF2-40B4-BE49-F238E27FC236}">
              <a16:creationId xmlns:a16="http://schemas.microsoft.com/office/drawing/2014/main" id="{00000000-0008-0000-0000-000050000000}"/>
            </a:ext>
          </a:extLst>
        </xdr:cNvPr>
        <xdr:cNvSpPr/>
      </xdr:nvSpPr>
      <xdr:spPr bwMode="auto">
        <a:xfrm>
          <a:off x="8534401" y="2438400"/>
          <a:ext cx="346364" cy="322119"/>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138546</xdr:colOff>
      <xdr:row>18</xdr:row>
      <xdr:rowOff>86591</xdr:rowOff>
    </xdr:from>
    <xdr:to>
      <xdr:col>13</xdr:col>
      <xdr:colOff>484910</xdr:colOff>
      <xdr:row>20</xdr:row>
      <xdr:rowOff>103910</xdr:rowOff>
    </xdr:to>
    <xdr:sp macro="" textlink="">
      <xdr:nvSpPr>
        <xdr:cNvPr id="81" name="星 7 80">
          <a:hlinkClick xmlns:r="http://schemas.openxmlformats.org/officeDocument/2006/relationships" r:id="rId5"/>
          <a:extLst>
            <a:ext uri="{FF2B5EF4-FFF2-40B4-BE49-F238E27FC236}">
              <a16:creationId xmlns:a16="http://schemas.microsoft.com/office/drawing/2014/main" id="{00000000-0008-0000-0000-000051000000}"/>
            </a:ext>
          </a:extLst>
        </xdr:cNvPr>
        <xdr:cNvSpPr/>
      </xdr:nvSpPr>
      <xdr:spPr bwMode="auto">
        <a:xfrm>
          <a:off x="8063346" y="3896591"/>
          <a:ext cx="346364" cy="322119"/>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4</xdr:col>
      <xdr:colOff>51956</xdr:colOff>
      <xdr:row>28</xdr:row>
      <xdr:rowOff>138546</xdr:rowOff>
    </xdr:from>
    <xdr:to>
      <xdr:col>14</xdr:col>
      <xdr:colOff>398320</xdr:colOff>
      <xdr:row>31</xdr:row>
      <xdr:rowOff>1</xdr:rowOff>
    </xdr:to>
    <xdr:sp macro="" textlink="">
      <xdr:nvSpPr>
        <xdr:cNvPr id="82" name="星 7 81">
          <a:hlinkClick xmlns:r="http://schemas.openxmlformats.org/officeDocument/2006/relationships" r:id="rId6"/>
          <a:extLst>
            <a:ext uri="{FF2B5EF4-FFF2-40B4-BE49-F238E27FC236}">
              <a16:creationId xmlns:a16="http://schemas.microsoft.com/office/drawing/2014/main" id="{00000000-0008-0000-0000-000052000000}"/>
            </a:ext>
          </a:extLst>
        </xdr:cNvPr>
        <xdr:cNvSpPr/>
      </xdr:nvSpPr>
      <xdr:spPr bwMode="auto">
        <a:xfrm>
          <a:off x="8586356" y="5472546"/>
          <a:ext cx="346364" cy="318655"/>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519543</xdr:colOff>
      <xdr:row>24</xdr:row>
      <xdr:rowOff>34637</xdr:rowOff>
    </xdr:from>
    <xdr:to>
      <xdr:col>14</xdr:col>
      <xdr:colOff>277089</xdr:colOff>
      <xdr:row>26</xdr:row>
      <xdr:rowOff>69274</xdr:rowOff>
    </xdr:to>
    <xdr:sp macro="" textlink="">
      <xdr:nvSpPr>
        <xdr:cNvPr id="86" name="星 4 85">
          <a:hlinkClick xmlns:r="http://schemas.openxmlformats.org/officeDocument/2006/relationships" r:id="rId7"/>
          <a:extLst>
            <a:ext uri="{FF2B5EF4-FFF2-40B4-BE49-F238E27FC236}">
              <a16:creationId xmlns:a16="http://schemas.microsoft.com/office/drawing/2014/main" id="{00000000-0008-0000-0000-000056000000}"/>
            </a:ext>
          </a:extLst>
        </xdr:cNvPr>
        <xdr:cNvSpPr/>
      </xdr:nvSpPr>
      <xdr:spPr bwMode="auto">
        <a:xfrm>
          <a:off x="8444343" y="4759037"/>
          <a:ext cx="367146"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6</xdr:col>
      <xdr:colOff>415635</xdr:colOff>
      <xdr:row>27</xdr:row>
      <xdr:rowOff>51955</xdr:rowOff>
    </xdr:from>
    <xdr:to>
      <xdr:col>7</xdr:col>
      <xdr:colOff>173180</xdr:colOff>
      <xdr:row>29</xdr:row>
      <xdr:rowOff>86592</xdr:rowOff>
    </xdr:to>
    <xdr:sp macro="" textlink="">
      <xdr:nvSpPr>
        <xdr:cNvPr id="87" name="星 4 86">
          <a:hlinkClick xmlns:r="http://schemas.openxmlformats.org/officeDocument/2006/relationships" r:id="rId8"/>
          <a:extLst>
            <a:ext uri="{FF2B5EF4-FFF2-40B4-BE49-F238E27FC236}">
              <a16:creationId xmlns:a16="http://schemas.microsoft.com/office/drawing/2014/main" id="{00000000-0008-0000-0000-000057000000}"/>
            </a:ext>
          </a:extLst>
        </xdr:cNvPr>
        <xdr:cNvSpPr/>
      </xdr:nvSpPr>
      <xdr:spPr bwMode="auto">
        <a:xfrm>
          <a:off x="4073235" y="5233555"/>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1</xdr:col>
      <xdr:colOff>311726</xdr:colOff>
      <xdr:row>26</xdr:row>
      <xdr:rowOff>121228</xdr:rowOff>
    </xdr:from>
    <xdr:to>
      <xdr:col>12</xdr:col>
      <xdr:colOff>69272</xdr:colOff>
      <xdr:row>29</xdr:row>
      <xdr:rowOff>1</xdr:rowOff>
    </xdr:to>
    <xdr:sp macro="" textlink="">
      <xdr:nvSpPr>
        <xdr:cNvPr id="88" name="星 4 87">
          <a:hlinkClick xmlns:r="http://schemas.openxmlformats.org/officeDocument/2006/relationships" r:id="rId9"/>
          <a:extLst>
            <a:ext uri="{FF2B5EF4-FFF2-40B4-BE49-F238E27FC236}">
              <a16:creationId xmlns:a16="http://schemas.microsoft.com/office/drawing/2014/main" id="{00000000-0008-0000-0000-000058000000}"/>
            </a:ext>
          </a:extLst>
        </xdr:cNvPr>
        <xdr:cNvSpPr/>
      </xdr:nvSpPr>
      <xdr:spPr bwMode="auto">
        <a:xfrm>
          <a:off x="7017326" y="5150428"/>
          <a:ext cx="367146" cy="335973"/>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4</xdr:col>
      <xdr:colOff>383885</xdr:colOff>
      <xdr:row>36</xdr:row>
      <xdr:rowOff>51955</xdr:rowOff>
    </xdr:from>
    <xdr:to>
      <xdr:col>5</xdr:col>
      <xdr:colOff>141430</xdr:colOff>
      <xdr:row>38</xdr:row>
      <xdr:rowOff>86592</xdr:rowOff>
    </xdr:to>
    <xdr:sp macro="" textlink="">
      <xdr:nvSpPr>
        <xdr:cNvPr id="96" name="星 4 95">
          <a:hlinkClick xmlns:r="http://schemas.openxmlformats.org/officeDocument/2006/relationships" r:id="rId10"/>
          <a:extLst>
            <a:ext uri="{FF2B5EF4-FFF2-40B4-BE49-F238E27FC236}">
              <a16:creationId xmlns:a16="http://schemas.microsoft.com/office/drawing/2014/main" id="{00000000-0008-0000-0000-000060000000}"/>
            </a:ext>
          </a:extLst>
        </xdr:cNvPr>
        <xdr:cNvSpPr/>
      </xdr:nvSpPr>
      <xdr:spPr bwMode="auto">
        <a:xfrm>
          <a:off x="2796885" y="6878205"/>
          <a:ext cx="360795" cy="3521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415635</xdr:colOff>
      <xdr:row>39</xdr:row>
      <xdr:rowOff>99580</xdr:rowOff>
    </xdr:from>
    <xdr:to>
      <xdr:col>14</xdr:col>
      <xdr:colOff>173180</xdr:colOff>
      <xdr:row>41</xdr:row>
      <xdr:rowOff>134217</xdr:rowOff>
    </xdr:to>
    <xdr:sp macro="" textlink="">
      <xdr:nvSpPr>
        <xdr:cNvPr id="97" name="星 4 96">
          <a:hlinkClick xmlns:r="http://schemas.openxmlformats.org/officeDocument/2006/relationships" r:id="rId11"/>
          <a:extLst>
            <a:ext uri="{FF2B5EF4-FFF2-40B4-BE49-F238E27FC236}">
              <a16:creationId xmlns:a16="http://schemas.microsoft.com/office/drawing/2014/main" id="{00000000-0008-0000-0000-000061000000}"/>
            </a:ext>
          </a:extLst>
        </xdr:cNvPr>
        <xdr:cNvSpPr/>
      </xdr:nvSpPr>
      <xdr:spPr bwMode="auto">
        <a:xfrm>
          <a:off x="8257885" y="7402080"/>
          <a:ext cx="360795" cy="3521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2</xdr:col>
      <xdr:colOff>460375</xdr:colOff>
      <xdr:row>5</xdr:row>
      <xdr:rowOff>15874</xdr:rowOff>
    </xdr:from>
    <xdr:to>
      <xdr:col>16</xdr:col>
      <xdr:colOff>47624</xdr:colOff>
      <xdr:row>6</xdr:row>
      <xdr:rowOff>141524</xdr:rowOff>
    </xdr:to>
    <xdr:sp macro="" textlink="">
      <xdr:nvSpPr>
        <xdr:cNvPr id="100" name="正方形/長方形 99">
          <a:hlinkClick xmlns:r="http://schemas.openxmlformats.org/officeDocument/2006/relationships" r:id="rId3"/>
          <a:extLst>
            <a:ext uri="{FF2B5EF4-FFF2-40B4-BE49-F238E27FC236}">
              <a16:creationId xmlns:a16="http://schemas.microsoft.com/office/drawing/2014/main" id="{00000000-0008-0000-0000-000064000000}"/>
            </a:ext>
          </a:extLst>
        </xdr:cNvPr>
        <xdr:cNvSpPr/>
      </xdr:nvSpPr>
      <xdr:spPr bwMode="auto">
        <a:xfrm>
          <a:off x="7699375" y="809624"/>
          <a:ext cx="2000249"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聖マリアンナ医科大学病院</a:t>
          </a:r>
        </a:p>
      </xdr:txBody>
    </xdr:sp>
    <xdr:clientData/>
  </xdr:twoCellAnchor>
  <xdr:twoCellAnchor>
    <xdr:from>
      <xdr:col>14</xdr:col>
      <xdr:colOff>492125</xdr:colOff>
      <xdr:row>8</xdr:row>
      <xdr:rowOff>47625</xdr:rowOff>
    </xdr:from>
    <xdr:to>
      <xdr:col>17</xdr:col>
      <xdr:colOff>266375</xdr:colOff>
      <xdr:row>10</xdr:row>
      <xdr:rowOff>14525</xdr:rowOff>
    </xdr:to>
    <xdr:sp macro="" textlink="">
      <xdr:nvSpPr>
        <xdr:cNvPr id="102" name="正方形/長方形 101">
          <a:hlinkClick xmlns:r="http://schemas.openxmlformats.org/officeDocument/2006/relationships" r:id="rId4"/>
          <a:extLst>
            <a:ext uri="{FF2B5EF4-FFF2-40B4-BE49-F238E27FC236}">
              <a16:creationId xmlns:a16="http://schemas.microsoft.com/office/drawing/2014/main" id="{00000000-0008-0000-0000-000066000000}"/>
            </a:ext>
          </a:extLst>
        </xdr:cNvPr>
        <xdr:cNvSpPr/>
      </xdr:nvSpPr>
      <xdr:spPr bwMode="auto">
        <a:xfrm>
          <a:off x="8937625" y="1317625"/>
          <a:ext cx="1584000"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川崎市立井田病院</a:t>
          </a:r>
        </a:p>
      </xdr:txBody>
    </xdr:sp>
    <xdr:clientData/>
  </xdr:twoCellAnchor>
  <xdr:twoCellAnchor>
    <xdr:from>
      <xdr:col>14</xdr:col>
      <xdr:colOff>222250</xdr:colOff>
      <xdr:row>41</xdr:row>
      <xdr:rowOff>47626</xdr:rowOff>
    </xdr:from>
    <xdr:to>
      <xdr:col>17</xdr:col>
      <xdr:colOff>212500</xdr:colOff>
      <xdr:row>43</xdr:row>
      <xdr:rowOff>14526</xdr:rowOff>
    </xdr:to>
    <xdr:sp macro="" textlink="">
      <xdr:nvSpPr>
        <xdr:cNvPr id="114" name="正方形/長方形 113">
          <a:hlinkClick xmlns:r="http://schemas.openxmlformats.org/officeDocument/2006/relationships" r:id="rId11"/>
          <a:extLst>
            <a:ext uri="{FF2B5EF4-FFF2-40B4-BE49-F238E27FC236}">
              <a16:creationId xmlns:a16="http://schemas.microsoft.com/office/drawing/2014/main" id="{00000000-0008-0000-0000-000072000000}"/>
            </a:ext>
          </a:extLst>
        </xdr:cNvPr>
        <xdr:cNvSpPr/>
      </xdr:nvSpPr>
      <xdr:spPr bwMode="auto">
        <a:xfrm>
          <a:off x="8667750" y="6556376"/>
          <a:ext cx="1800000"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須賀市立市民病院</a:t>
          </a:r>
        </a:p>
      </xdr:txBody>
    </xdr:sp>
    <xdr:clientData/>
  </xdr:twoCellAnchor>
  <xdr:twoCellAnchor>
    <xdr:from>
      <xdr:col>13</xdr:col>
      <xdr:colOff>476250</xdr:colOff>
      <xdr:row>32</xdr:row>
      <xdr:rowOff>79375</xdr:rowOff>
    </xdr:from>
    <xdr:to>
      <xdr:col>16</xdr:col>
      <xdr:colOff>444500</xdr:colOff>
      <xdr:row>34</xdr:row>
      <xdr:rowOff>46275</xdr:rowOff>
    </xdr:to>
    <xdr:sp macro="" textlink="">
      <xdr:nvSpPr>
        <xdr:cNvPr id="117" name="正方形/長方形 116">
          <a:hlinkClick xmlns:r="http://schemas.openxmlformats.org/officeDocument/2006/relationships" r:id="rId6"/>
          <a:extLst>
            <a:ext uri="{FF2B5EF4-FFF2-40B4-BE49-F238E27FC236}">
              <a16:creationId xmlns:a16="http://schemas.microsoft.com/office/drawing/2014/main" id="{00000000-0008-0000-0000-000075000000}"/>
            </a:ext>
          </a:extLst>
        </xdr:cNvPr>
        <xdr:cNvSpPr/>
      </xdr:nvSpPr>
      <xdr:spPr bwMode="auto">
        <a:xfrm>
          <a:off x="8318500" y="5159375"/>
          <a:ext cx="1778000"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市立大学附属病院</a:t>
          </a:r>
        </a:p>
      </xdr:txBody>
    </xdr:sp>
    <xdr:clientData/>
  </xdr:twoCellAnchor>
  <xdr:twoCellAnchor>
    <xdr:from>
      <xdr:col>4</xdr:col>
      <xdr:colOff>301625</xdr:colOff>
      <xdr:row>24</xdr:row>
      <xdr:rowOff>127000</xdr:rowOff>
    </xdr:from>
    <xdr:to>
      <xdr:col>7</xdr:col>
      <xdr:colOff>142875</xdr:colOff>
      <xdr:row>26</xdr:row>
      <xdr:rowOff>93900</xdr:rowOff>
    </xdr:to>
    <xdr:sp macro="" textlink="">
      <xdr:nvSpPr>
        <xdr:cNvPr id="124" name="正方形/長方形 123">
          <a:hlinkClick xmlns:r="http://schemas.openxmlformats.org/officeDocument/2006/relationships" r:id="rId8"/>
          <a:extLst>
            <a:ext uri="{FF2B5EF4-FFF2-40B4-BE49-F238E27FC236}">
              <a16:creationId xmlns:a16="http://schemas.microsoft.com/office/drawing/2014/main" id="{00000000-0008-0000-0000-00007C000000}"/>
            </a:ext>
          </a:extLst>
        </xdr:cNvPr>
        <xdr:cNvSpPr/>
      </xdr:nvSpPr>
      <xdr:spPr bwMode="auto">
        <a:xfrm>
          <a:off x="2714625" y="3937000"/>
          <a:ext cx="1651000"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秦野赤十字病院</a:t>
          </a:r>
        </a:p>
      </xdr:txBody>
    </xdr:sp>
    <xdr:clientData/>
  </xdr:twoCellAnchor>
  <xdr:twoCellAnchor>
    <xdr:from>
      <xdr:col>4</xdr:col>
      <xdr:colOff>334819</xdr:colOff>
      <xdr:row>28</xdr:row>
      <xdr:rowOff>142875</xdr:rowOff>
    </xdr:from>
    <xdr:to>
      <xdr:col>5</xdr:col>
      <xdr:colOff>75047</xdr:colOff>
      <xdr:row>31</xdr:row>
      <xdr:rowOff>1443</xdr:rowOff>
    </xdr:to>
    <xdr:sp macro="" textlink="">
      <xdr:nvSpPr>
        <xdr:cNvPr id="125" name="星 7 124">
          <a:hlinkClick xmlns:r="http://schemas.openxmlformats.org/officeDocument/2006/relationships" r:id="rId12"/>
          <a:extLst>
            <a:ext uri="{FF2B5EF4-FFF2-40B4-BE49-F238E27FC236}">
              <a16:creationId xmlns:a16="http://schemas.microsoft.com/office/drawing/2014/main" id="{00000000-0008-0000-0000-00007D000000}"/>
            </a:ext>
          </a:extLst>
        </xdr:cNvPr>
        <xdr:cNvSpPr/>
      </xdr:nvSpPr>
      <xdr:spPr bwMode="auto">
        <a:xfrm>
          <a:off x="2747819" y="5381625"/>
          <a:ext cx="343478" cy="334818"/>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xdr:col>
      <xdr:colOff>127000</xdr:colOff>
      <xdr:row>31</xdr:row>
      <xdr:rowOff>47626</xdr:rowOff>
    </xdr:from>
    <xdr:to>
      <xdr:col>5</xdr:col>
      <xdr:colOff>174625</xdr:colOff>
      <xdr:row>33</xdr:row>
      <xdr:rowOff>14526</xdr:rowOff>
    </xdr:to>
    <xdr:sp macro="" textlink="">
      <xdr:nvSpPr>
        <xdr:cNvPr id="126" name="正方形/長方形 125">
          <a:hlinkClick xmlns:r="http://schemas.openxmlformats.org/officeDocument/2006/relationships" r:id="rId12"/>
          <a:extLst>
            <a:ext uri="{FF2B5EF4-FFF2-40B4-BE49-F238E27FC236}">
              <a16:creationId xmlns:a16="http://schemas.microsoft.com/office/drawing/2014/main" id="{00000000-0008-0000-0000-00007E000000}"/>
            </a:ext>
          </a:extLst>
        </xdr:cNvPr>
        <xdr:cNvSpPr/>
      </xdr:nvSpPr>
      <xdr:spPr bwMode="auto">
        <a:xfrm>
          <a:off x="1333500" y="4968876"/>
          <a:ext cx="1857375"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神奈川県立足柄上病院</a:t>
          </a:r>
        </a:p>
      </xdr:txBody>
    </xdr:sp>
    <xdr:clientData/>
  </xdr:twoCellAnchor>
  <xdr:twoCellAnchor>
    <xdr:from>
      <xdr:col>2</xdr:col>
      <xdr:colOff>63500</xdr:colOff>
      <xdr:row>39</xdr:row>
      <xdr:rowOff>15875</xdr:rowOff>
    </xdr:from>
    <xdr:to>
      <xdr:col>4</xdr:col>
      <xdr:colOff>587375</xdr:colOff>
      <xdr:row>40</xdr:row>
      <xdr:rowOff>141525</xdr:rowOff>
    </xdr:to>
    <xdr:sp macro="" textlink="">
      <xdr:nvSpPr>
        <xdr:cNvPr id="128" name="正方形/長方形 127">
          <a:hlinkClick xmlns:r="http://schemas.openxmlformats.org/officeDocument/2006/relationships" r:id="rId10"/>
          <a:extLst>
            <a:ext uri="{FF2B5EF4-FFF2-40B4-BE49-F238E27FC236}">
              <a16:creationId xmlns:a16="http://schemas.microsoft.com/office/drawing/2014/main" id="{00000000-0008-0000-0000-000080000000}"/>
            </a:ext>
          </a:extLst>
        </xdr:cNvPr>
        <xdr:cNvSpPr/>
      </xdr:nvSpPr>
      <xdr:spPr bwMode="auto">
        <a:xfrm>
          <a:off x="1270000" y="6207125"/>
          <a:ext cx="1730375"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小田原市立病院</a:t>
          </a:r>
        </a:p>
      </xdr:txBody>
    </xdr:sp>
    <xdr:clientData/>
  </xdr:twoCellAnchor>
  <xdr:twoCellAnchor>
    <xdr:from>
      <xdr:col>7</xdr:col>
      <xdr:colOff>476250</xdr:colOff>
      <xdr:row>19</xdr:row>
      <xdr:rowOff>15875</xdr:rowOff>
    </xdr:from>
    <xdr:to>
      <xdr:col>10</xdr:col>
      <xdr:colOff>381000</xdr:colOff>
      <xdr:row>20</xdr:row>
      <xdr:rowOff>141525</xdr:rowOff>
    </xdr:to>
    <xdr:sp macro="" textlink="">
      <xdr:nvSpPr>
        <xdr:cNvPr id="130" name="正方形/長方形 129">
          <a:hlinkClick xmlns:r="http://schemas.openxmlformats.org/officeDocument/2006/relationships" r:id="rId13"/>
          <a:extLst>
            <a:ext uri="{FF2B5EF4-FFF2-40B4-BE49-F238E27FC236}">
              <a16:creationId xmlns:a16="http://schemas.microsoft.com/office/drawing/2014/main" id="{00000000-0008-0000-0000-000082000000}"/>
            </a:ext>
          </a:extLst>
        </xdr:cNvPr>
        <xdr:cNvSpPr/>
      </xdr:nvSpPr>
      <xdr:spPr bwMode="auto">
        <a:xfrm>
          <a:off x="4699000" y="3032125"/>
          <a:ext cx="1714500"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厚木市立病院</a:t>
          </a:r>
        </a:p>
      </xdr:txBody>
    </xdr:sp>
    <xdr:clientData/>
  </xdr:twoCellAnchor>
  <xdr:twoCellAnchor>
    <xdr:from>
      <xdr:col>4</xdr:col>
      <xdr:colOff>253999</xdr:colOff>
      <xdr:row>10</xdr:row>
      <xdr:rowOff>111127</xdr:rowOff>
    </xdr:from>
    <xdr:to>
      <xdr:col>7</xdr:col>
      <xdr:colOff>28249</xdr:colOff>
      <xdr:row>12</xdr:row>
      <xdr:rowOff>78027</xdr:rowOff>
    </xdr:to>
    <xdr:sp macro="" textlink="">
      <xdr:nvSpPr>
        <xdr:cNvPr id="131" name="正方形/長方形 130">
          <a:hlinkClick xmlns:r="http://schemas.openxmlformats.org/officeDocument/2006/relationships" r:id="rId1"/>
          <a:extLst>
            <a:ext uri="{FF2B5EF4-FFF2-40B4-BE49-F238E27FC236}">
              <a16:creationId xmlns:a16="http://schemas.microsoft.com/office/drawing/2014/main" id="{00000000-0008-0000-0000-000083000000}"/>
            </a:ext>
          </a:extLst>
        </xdr:cNvPr>
        <xdr:cNvSpPr/>
      </xdr:nvSpPr>
      <xdr:spPr bwMode="auto">
        <a:xfrm>
          <a:off x="2666999" y="1698627"/>
          <a:ext cx="1584000"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相模原赤十字病院</a:t>
          </a:r>
        </a:p>
      </xdr:txBody>
    </xdr:sp>
    <xdr:clientData/>
  </xdr:twoCellAnchor>
  <xdr:twoCellAnchor>
    <xdr:from>
      <xdr:col>10</xdr:col>
      <xdr:colOff>206375</xdr:colOff>
      <xdr:row>15</xdr:row>
      <xdr:rowOff>63500</xdr:rowOff>
    </xdr:from>
    <xdr:to>
      <xdr:col>12</xdr:col>
      <xdr:colOff>439875</xdr:colOff>
      <xdr:row>17</xdr:row>
      <xdr:rowOff>30400</xdr:rowOff>
    </xdr:to>
    <xdr:sp macro="" textlink="">
      <xdr:nvSpPr>
        <xdr:cNvPr id="135" name="正方形/長方形 134">
          <a:hlinkClick xmlns:r="http://schemas.openxmlformats.org/officeDocument/2006/relationships" r:id="rId2"/>
          <a:extLst>
            <a:ext uri="{FF2B5EF4-FFF2-40B4-BE49-F238E27FC236}">
              <a16:creationId xmlns:a16="http://schemas.microsoft.com/office/drawing/2014/main" id="{00000000-0008-0000-0000-000087000000}"/>
            </a:ext>
          </a:extLst>
        </xdr:cNvPr>
        <xdr:cNvSpPr/>
      </xdr:nvSpPr>
      <xdr:spPr bwMode="auto">
        <a:xfrm>
          <a:off x="6238875" y="2444750"/>
          <a:ext cx="1440000"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相模原病院</a:t>
          </a:r>
        </a:p>
      </xdr:txBody>
    </xdr:sp>
    <xdr:clientData/>
  </xdr:twoCellAnchor>
  <xdr:twoCellAnchor>
    <xdr:from>
      <xdr:col>10</xdr:col>
      <xdr:colOff>142875</xdr:colOff>
      <xdr:row>30</xdr:row>
      <xdr:rowOff>31752</xdr:rowOff>
    </xdr:from>
    <xdr:to>
      <xdr:col>12</xdr:col>
      <xdr:colOff>520375</xdr:colOff>
      <xdr:row>31</xdr:row>
      <xdr:rowOff>147877</xdr:rowOff>
    </xdr:to>
    <xdr:sp macro="" textlink="">
      <xdr:nvSpPr>
        <xdr:cNvPr id="136" name="正方形/長方形 135">
          <a:hlinkClick xmlns:r="http://schemas.openxmlformats.org/officeDocument/2006/relationships" r:id="rId9"/>
          <a:extLst>
            <a:ext uri="{FF2B5EF4-FFF2-40B4-BE49-F238E27FC236}">
              <a16:creationId xmlns:a16="http://schemas.microsoft.com/office/drawing/2014/main" id="{00000000-0008-0000-0000-000088000000}"/>
            </a:ext>
          </a:extLst>
        </xdr:cNvPr>
        <xdr:cNvSpPr/>
      </xdr:nvSpPr>
      <xdr:spPr bwMode="auto">
        <a:xfrm>
          <a:off x="6175375" y="4794252"/>
          <a:ext cx="1584000" cy="274875"/>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医療センター</a:t>
          </a:r>
        </a:p>
      </xdr:txBody>
    </xdr:sp>
    <xdr:clientData/>
  </xdr:twoCellAnchor>
  <xdr:twoCellAnchor>
    <xdr:from>
      <xdr:col>3</xdr:col>
      <xdr:colOff>325438</xdr:colOff>
      <xdr:row>37</xdr:row>
      <xdr:rowOff>95250</xdr:rowOff>
    </xdr:from>
    <xdr:to>
      <xdr:col>4</xdr:col>
      <xdr:colOff>555626</xdr:colOff>
      <xdr:row>39</xdr:row>
      <xdr:rowOff>15875</xdr:rowOff>
    </xdr:to>
    <xdr:cxnSp macro="">
      <xdr:nvCxnSpPr>
        <xdr:cNvPr id="112" name="直線コネクタ 111">
          <a:hlinkClick xmlns:r="http://schemas.openxmlformats.org/officeDocument/2006/relationships" r:id="rId10"/>
          <a:extLst>
            <a:ext uri="{FF2B5EF4-FFF2-40B4-BE49-F238E27FC236}">
              <a16:creationId xmlns:a16="http://schemas.microsoft.com/office/drawing/2014/main" id="{00000000-0008-0000-0000-000070000000}"/>
            </a:ext>
          </a:extLst>
        </xdr:cNvPr>
        <xdr:cNvCxnSpPr>
          <a:endCxn id="128" idx="0"/>
        </xdr:cNvCxnSpPr>
      </xdr:nvCxnSpPr>
      <xdr:spPr bwMode="auto">
        <a:xfrm flipH="1">
          <a:off x="2135188" y="5969000"/>
          <a:ext cx="833438" cy="23812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3</xdr:col>
      <xdr:colOff>452438</xdr:colOff>
      <xdr:row>30</xdr:row>
      <xdr:rowOff>15875</xdr:rowOff>
    </xdr:from>
    <xdr:to>
      <xdr:col>4</xdr:col>
      <xdr:colOff>508000</xdr:colOff>
      <xdr:row>31</xdr:row>
      <xdr:rowOff>47626</xdr:rowOff>
    </xdr:to>
    <xdr:cxnSp macro="">
      <xdr:nvCxnSpPr>
        <xdr:cNvPr id="115" name="直線コネクタ 114">
          <a:hlinkClick xmlns:r="http://schemas.openxmlformats.org/officeDocument/2006/relationships" r:id="rId12"/>
          <a:extLst>
            <a:ext uri="{FF2B5EF4-FFF2-40B4-BE49-F238E27FC236}">
              <a16:creationId xmlns:a16="http://schemas.microsoft.com/office/drawing/2014/main" id="{00000000-0008-0000-0000-000073000000}"/>
            </a:ext>
          </a:extLst>
        </xdr:cNvPr>
        <xdr:cNvCxnSpPr>
          <a:endCxn id="126" idx="0"/>
        </xdr:cNvCxnSpPr>
      </xdr:nvCxnSpPr>
      <xdr:spPr bwMode="auto">
        <a:xfrm flipH="1">
          <a:off x="2262188" y="4778375"/>
          <a:ext cx="658812" cy="190501"/>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47626</xdr:colOff>
      <xdr:row>40</xdr:row>
      <xdr:rowOff>142878</xdr:rowOff>
    </xdr:from>
    <xdr:to>
      <xdr:col>14</xdr:col>
      <xdr:colOff>222250</xdr:colOff>
      <xdr:row>42</xdr:row>
      <xdr:rowOff>31076</xdr:rowOff>
    </xdr:to>
    <xdr:cxnSp macro="">
      <xdr:nvCxnSpPr>
        <xdr:cNvPr id="118" name="直線コネクタ 117">
          <a:hlinkClick xmlns:r="http://schemas.openxmlformats.org/officeDocument/2006/relationships" r:id="rId11"/>
          <a:extLst>
            <a:ext uri="{FF2B5EF4-FFF2-40B4-BE49-F238E27FC236}">
              <a16:creationId xmlns:a16="http://schemas.microsoft.com/office/drawing/2014/main" id="{00000000-0008-0000-0000-000076000000}"/>
            </a:ext>
          </a:extLst>
        </xdr:cNvPr>
        <xdr:cNvCxnSpPr>
          <a:stCxn id="114" idx="1"/>
        </xdr:cNvCxnSpPr>
      </xdr:nvCxnSpPr>
      <xdr:spPr bwMode="auto">
        <a:xfrm flipH="1" flipV="1">
          <a:off x="8493126" y="6492878"/>
          <a:ext cx="174624" cy="205698"/>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238125</xdr:colOff>
      <xdr:row>30</xdr:row>
      <xdr:rowOff>0</xdr:rowOff>
    </xdr:from>
    <xdr:to>
      <xdr:col>15</xdr:col>
      <xdr:colOff>158750</xdr:colOff>
      <xdr:row>32</xdr:row>
      <xdr:rowOff>79375</xdr:rowOff>
    </xdr:to>
    <xdr:cxnSp macro="">
      <xdr:nvCxnSpPr>
        <xdr:cNvPr id="120" name="直線コネクタ 119">
          <a:hlinkClick xmlns:r="http://schemas.openxmlformats.org/officeDocument/2006/relationships" r:id="rId6"/>
          <a:extLst>
            <a:ext uri="{FF2B5EF4-FFF2-40B4-BE49-F238E27FC236}">
              <a16:creationId xmlns:a16="http://schemas.microsoft.com/office/drawing/2014/main" id="{00000000-0008-0000-0000-000078000000}"/>
            </a:ext>
          </a:extLst>
        </xdr:cNvPr>
        <xdr:cNvCxnSpPr>
          <a:endCxn id="117" idx="0"/>
        </xdr:cNvCxnSpPr>
      </xdr:nvCxnSpPr>
      <xdr:spPr bwMode="auto">
        <a:xfrm>
          <a:off x="8683625" y="4762500"/>
          <a:ext cx="523875" cy="39687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1</xdr:col>
      <xdr:colOff>331625</xdr:colOff>
      <xdr:row>28</xdr:row>
      <xdr:rowOff>15875</xdr:rowOff>
    </xdr:from>
    <xdr:to>
      <xdr:col>11</xdr:col>
      <xdr:colOff>508000</xdr:colOff>
      <xdr:row>30</xdr:row>
      <xdr:rowOff>31752</xdr:rowOff>
    </xdr:to>
    <xdr:cxnSp macro="">
      <xdr:nvCxnSpPr>
        <xdr:cNvPr id="122" name="直線コネクタ 121">
          <a:hlinkClick xmlns:r="http://schemas.openxmlformats.org/officeDocument/2006/relationships" r:id="rId9"/>
          <a:extLst>
            <a:ext uri="{FF2B5EF4-FFF2-40B4-BE49-F238E27FC236}">
              <a16:creationId xmlns:a16="http://schemas.microsoft.com/office/drawing/2014/main" id="{00000000-0008-0000-0000-00007A000000}"/>
            </a:ext>
          </a:extLst>
        </xdr:cNvPr>
        <xdr:cNvCxnSpPr>
          <a:endCxn id="136" idx="0"/>
        </xdr:cNvCxnSpPr>
      </xdr:nvCxnSpPr>
      <xdr:spPr bwMode="auto">
        <a:xfrm flipH="1">
          <a:off x="6967375" y="4460875"/>
          <a:ext cx="176375" cy="333377"/>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5</xdr:col>
      <xdr:colOff>460375</xdr:colOff>
      <xdr:row>26</xdr:row>
      <xdr:rowOff>95250</xdr:rowOff>
    </xdr:from>
    <xdr:to>
      <xdr:col>7</xdr:col>
      <xdr:colOff>1</xdr:colOff>
      <xdr:row>28</xdr:row>
      <xdr:rowOff>79376</xdr:rowOff>
    </xdr:to>
    <xdr:cxnSp macro="">
      <xdr:nvCxnSpPr>
        <xdr:cNvPr id="133" name="直線コネクタ 132">
          <a:hlinkClick xmlns:r="http://schemas.openxmlformats.org/officeDocument/2006/relationships" r:id="rId8"/>
          <a:extLst>
            <a:ext uri="{FF2B5EF4-FFF2-40B4-BE49-F238E27FC236}">
              <a16:creationId xmlns:a16="http://schemas.microsoft.com/office/drawing/2014/main" id="{00000000-0008-0000-0000-000085000000}"/>
            </a:ext>
          </a:extLst>
        </xdr:cNvPr>
        <xdr:cNvCxnSpPr/>
      </xdr:nvCxnSpPr>
      <xdr:spPr bwMode="auto">
        <a:xfrm flipH="1" flipV="1">
          <a:off x="3476625" y="4222750"/>
          <a:ext cx="746126" cy="3016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5</xdr:col>
      <xdr:colOff>442749</xdr:colOff>
      <xdr:row>10</xdr:row>
      <xdr:rowOff>0</xdr:rowOff>
    </xdr:from>
    <xdr:to>
      <xdr:col>7</xdr:col>
      <xdr:colOff>111127</xdr:colOff>
      <xdr:row>10</xdr:row>
      <xdr:rowOff>111127</xdr:rowOff>
    </xdr:to>
    <xdr:cxnSp macro="">
      <xdr:nvCxnSpPr>
        <xdr:cNvPr id="138" name="直線コネクタ 137">
          <a:hlinkClick xmlns:r="http://schemas.openxmlformats.org/officeDocument/2006/relationships" r:id="rId1"/>
          <a:extLst>
            <a:ext uri="{FF2B5EF4-FFF2-40B4-BE49-F238E27FC236}">
              <a16:creationId xmlns:a16="http://schemas.microsoft.com/office/drawing/2014/main" id="{00000000-0008-0000-0000-00008A000000}"/>
            </a:ext>
          </a:extLst>
        </xdr:cNvPr>
        <xdr:cNvCxnSpPr>
          <a:endCxn id="131" idx="0"/>
        </xdr:cNvCxnSpPr>
      </xdr:nvCxnSpPr>
      <xdr:spPr bwMode="auto">
        <a:xfrm flipH="1">
          <a:off x="3458999" y="1587500"/>
          <a:ext cx="874878" cy="111127"/>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0</xdr:col>
      <xdr:colOff>31750</xdr:colOff>
      <xdr:row>14</xdr:row>
      <xdr:rowOff>47625</xdr:rowOff>
    </xdr:from>
    <xdr:to>
      <xdr:col>10</xdr:col>
      <xdr:colOff>206375</xdr:colOff>
      <xdr:row>16</xdr:row>
      <xdr:rowOff>46950</xdr:rowOff>
    </xdr:to>
    <xdr:cxnSp macro="">
      <xdr:nvCxnSpPr>
        <xdr:cNvPr id="143" name="直線コネクタ 142">
          <a:hlinkClick xmlns:r="http://schemas.openxmlformats.org/officeDocument/2006/relationships" r:id="rId2"/>
          <a:extLst>
            <a:ext uri="{FF2B5EF4-FFF2-40B4-BE49-F238E27FC236}">
              <a16:creationId xmlns:a16="http://schemas.microsoft.com/office/drawing/2014/main" id="{00000000-0008-0000-0000-00008F000000}"/>
            </a:ext>
          </a:extLst>
        </xdr:cNvPr>
        <xdr:cNvCxnSpPr>
          <a:endCxn id="135" idx="1"/>
        </xdr:cNvCxnSpPr>
      </xdr:nvCxnSpPr>
      <xdr:spPr bwMode="auto">
        <a:xfrm>
          <a:off x="6064250" y="2270125"/>
          <a:ext cx="174625" cy="31682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2</xdr:col>
      <xdr:colOff>95250</xdr:colOff>
      <xdr:row>5</xdr:row>
      <xdr:rowOff>148549</xdr:rowOff>
    </xdr:from>
    <xdr:to>
      <xdr:col>12</xdr:col>
      <xdr:colOff>460375</xdr:colOff>
      <xdr:row>8</xdr:row>
      <xdr:rowOff>15875</xdr:rowOff>
    </xdr:to>
    <xdr:cxnSp macro="">
      <xdr:nvCxnSpPr>
        <xdr:cNvPr id="145" name="直線コネクタ 144">
          <a:hlinkClick xmlns:r="http://schemas.openxmlformats.org/officeDocument/2006/relationships" r:id="rId3"/>
          <a:extLst>
            <a:ext uri="{FF2B5EF4-FFF2-40B4-BE49-F238E27FC236}">
              <a16:creationId xmlns:a16="http://schemas.microsoft.com/office/drawing/2014/main" id="{00000000-0008-0000-0000-000091000000}"/>
            </a:ext>
          </a:extLst>
        </xdr:cNvPr>
        <xdr:cNvCxnSpPr>
          <a:endCxn id="100" idx="1"/>
        </xdr:cNvCxnSpPr>
      </xdr:nvCxnSpPr>
      <xdr:spPr bwMode="auto">
        <a:xfrm flipV="1">
          <a:off x="7334250" y="942299"/>
          <a:ext cx="365125" cy="34357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206375</xdr:colOff>
      <xdr:row>9</xdr:row>
      <xdr:rowOff>31075</xdr:rowOff>
    </xdr:from>
    <xdr:to>
      <xdr:col>14</xdr:col>
      <xdr:colOff>492125</xdr:colOff>
      <xdr:row>10</xdr:row>
      <xdr:rowOff>15877</xdr:rowOff>
    </xdr:to>
    <xdr:cxnSp macro="">
      <xdr:nvCxnSpPr>
        <xdr:cNvPr id="147" name="直線コネクタ 146">
          <a:hlinkClick xmlns:r="http://schemas.openxmlformats.org/officeDocument/2006/relationships" r:id="rId4"/>
          <a:extLst>
            <a:ext uri="{FF2B5EF4-FFF2-40B4-BE49-F238E27FC236}">
              <a16:creationId xmlns:a16="http://schemas.microsoft.com/office/drawing/2014/main" id="{00000000-0008-0000-0000-000093000000}"/>
            </a:ext>
          </a:extLst>
        </xdr:cNvPr>
        <xdr:cNvCxnSpPr>
          <a:endCxn id="102" idx="1"/>
        </xdr:cNvCxnSpPr>
      </xdr:nvCxnSpPr>
      <xdr:spPr bwMode="auto">
        <a:xfrm flipV="1">
          <a:off x="8651875" y="1459825"/>
          <a:ext cx="285750" cy="143552"/>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3</xdr:col>
      <xdr:colOff>301625</xdr:colOff>
      <xdr:row>18</xdr:row>
      <xdr:rowOff>62825</xdr:rowOff>
    </xdr:from>
    <xdr:to>
      <xdr:col>14</xdr:col>
      <xdr:colOff>111125</xdr:colOff>
      <xdr:row>19</xdr:row>
      <xdr:rowOff>95253</xdr:rowOff>
    </xdr:to>
    <xdr:cxnSp macro="">
      <xdr:nvCxnSpPr>
        <xdr:cNvPr id="151" name="直線コネクタ 150">
          <a:hlinkClick xmlns:r="http://schemas.openxmlformats.org/officeDocument/2006/relationships" r:id="rId5"/>
          <a:extLst>
            <a:ext uri="{FF2B5EF4-FFF2-40B4-BE49-F238E27FC236}">
              <a16:creationId xmlns:a16="http://schemas.microsoft.com/office/drawing/2014/main" id="{00000000-0008-0000-0000-000097000000}"/>
            </a:ext>
          </a:extLst>
        </xdr:cNvPr>
        <xdr:cNvCxnSpPr>
          <a:endCxn id="104" idx="1"/>
        </xdr:cNvCxnSpPr>
      </xdr:nvCxnSpPr>
      <xdr:spPr bwMode="auto">
        <a:xfrm flipV="1">
          <a:off x="8143875" y="2920325"/>
          <a:ext cx="412750" cy="191178"/>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111125</xdr:colOff>
      <xdr:row>17</xdr:row>
      <xdr:rowOff>79375</xdr:rowOff>
    </xdr:from>
    <xdr:to>
      <xdr:col>16</xdr:col>
      <xdr:colOff>488625</xdr:colOff>
      <xdr:row>19</xdr:row>
      <xdr:rowOff>46275</xdr:rowOff>
    </xdr:to>
    <xdr:sp macro="" textlink="">
      <xdr:nvSpPr>
        <xdr:cNvPr id="104" name="正方形/長方形 103">
          <a:hlinkClick xmlns:r="http://schemas.openxmlformats.org/officeDocument/2006/relationships" r:id="rId5"/>
          <a:extLst>
            <a:ext uri="{FF2B5EF4-FFF2-40B4-BE49-F238E27FC236}">
              <a16:creationId xmlns:a16="http://schemas.microsoft.com/office/drawing/2014/main" id="{00000000-0008-0000-0000-000068000000}"/>
            </a:ext>
          </a:extLst>
        </xdr:cNvPr>
        <xdr:cNvSpPr/>
      </xdr:nvSpPr>
      <xdr:spPr bwMode="auto">
        <a:xfrm>
          <a:off x="8556625" y="2778125"/>
          <a:ext cx="1584000"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市立市民病院</a:t>
          </a:r>
        </a:p>
      </xdr:txBody>
    </xdr:sp>
    <xdr:clientData/>
  </xdr:twoCellAnchor>
  <xdr:twoCellAnchor>
    <xdr:from>
      <xdr:col>19</xdr:col>
      <xdr:colOff>79374</xdr:colOff>
      <xdr:row>0</xdr:row>
      <xdr:rowOff>63500</xdr:rowOff>
    </xdr:from>
    <xdr:to>
      <xdr:col>35</xdr:col>
      <xdr:colOff>269875</xdr:colOff>
      <xdr:row>50</xdr:row>
      <xdr:rowOff>95250</xdr:rowOff>
    </xdr:to>
    <xdr:sp macro="" textlink="">
      <xdr:nvSpPr>
        <xdr:cNvPr id="242" name="正方形/長方形 241">
          <a:extLst>
            <a:ext uri="{FF2B5EF4-FFF2-40B4-BE49-F238E27FC236}">
              <a16:creationId xmlns:a16="http://schemas.microsoft.com/office/drawing/2014/main" id="{00000000-0008-0000-0000-0000F2000000}"/>
            </a:ext>
          </a:extLst>
        </xdr:cNvPr>
        <xdr:cNvSpPr/>
      </xdr:nvSpPr>
      <xdr:spPr bwMode="auto">
        <a:xfrm>
          <a:off x="11541124" y="63500"/>
          <a:ext cx="9461501" cy="7969250"/>
        </a:xfrm>
        <a:prstGeom prst="rect">
          <a:avLst/>
        </a:prstGeom>
        <a:solidFill>
          <a:srgbClr val="EDF2F9"/>
        </a:solidFill>
        <a:ln w="28575" cap="flat" cmpd="sng" algn="ctr">
          <a:solidFill>
            <a:schemeClr val="accent1"/>
          </a:solidFill>
          <a:prstDash val="solid"/>
          <a:round/>
          <a:headEnd type="none" w="med" len="med"/>
          <a:tailEnd type="none" w="med" len="med"/>
        </a:ln>
        <a:effectLst/>
      </xdr:spPr>
      <xdr:txBody>
        <a:bodyPr vertOverflow="clip" wrap="square" lIns="108000" tIns="108000" rIns="108000" bIns="108000" rtlCol="0" anchor="t" upright="1"/>
        <a:lstStyle/>
        <a:p>
          <a:pPr algn="ctr"/>
          <a:r>
            <a:rPr kumimoji="1" lang="ja-JP" altLang="en-US" sz="4400">
              <a:solidFill>
                <a:schemeClr val="tx2"/>
              </a:solidFill>
              <a:latin typeface="HGS創英角ﾎﾟｯﾌﾟ体" pitchFamily="50" charset="-128"/>
              <a:ea typeface="HGS創英角ﾎﾟｯﾌﾟ体" pitchFamily="50" charset="-128"/>
            </a:rPr>
            <a:t>神奈川県針刺し事故対応病院マップ</a:t>
          </a:r>
          <a:endParaRPr kumimoji="1" lang="en-US" altLang="ja-JP" sz="4400">
            <a:solidFill>
              <a:schemeClr val="tx2"/>
            </a:solidFill>
            <a:latin typeface="HGS創英角ﾎﾟｯﾌﾟ体" pitchFamily="50" charset="-128"/>
            <a:ea typeface="HGS創英角ﾎﾟｯﾌﾟ体" pitchFamily="50" charset="-128"/>
          </a:endParaRPr>
        </a:p>
        <a:p>
          <a:pPr algn="ctr"/>
          <a:endParaRPr kumimoji="1" lang="en-US" altLang="ja-JP" sz="1800">
            <a:solidFill>
              <a:schemeClr val="tx2"/>
            </a:solidFill>
            <a:latin typeface="HGS創英角ﾎﾟｯﾌﾟ体" pitchFamily="50" charset="-128"/>
            <a:ea typeface="HGS創英角ﾎﾟｯﾌﾟ体" pitchFamily="50" charset="-128"/>
          </a:endParaRPr>
        </a:p>
        <a:p>
          <a:pPr algn="l"/>
          <a:r>
            <a:rPr kumimoji="1" lang="ja-JP" altLang="en-US" sz="2800">
              <a:solidFill>
                <a:schemeClr val="tx2"/>
              </a:solidFill>
              <a:latin typeface="HGS創英角ﾎﾟｯﾌﾟ体" pitchFamily="50" charset="-128"/>
              <a:ea typeface="HGS創英角ﾎﾟｯﾌﾟ体" pitchFamily="50" charset="-128"/>
            </a:rPr>
            <a:t>　神奈川県では、医療事故等により</a:t>
          </a:r>
          <a:r>
            <a:rPr kumimoji="1" lang="en-US" altLang="ja-JP" sz="2800">
              <a:solidFill>
                <a:schemeClr val="tx2"/>
              </a:solidFill>
              <a:latin typeface="HGS創英角ﾎﾟｯﾌﾟ体" pitchFamily="50" charset="-128"/>
              <a:ea typeface="HGS創英角ﾎﾟｯﾌﾟ体" pitchFamily="50" charset="-128"/>
            </a:rPr>
            <a:t>HIV</a:t>
          </a:r>
          <a:r>
            <a:rPr kumimoji="1" lang="ja-JP" altLang="en-US" sz="2800">
              <a:solidFill>
                <a:schemeClr val="tx2"/>
              </a:solidFill>
              <a:latin typeface="HGS創英角ﾎﾟｯﾌﾟ体" pitchFamily="50" charset="-128"/>
              <a:ea typeface="HGS創英角ﾎﾟｯﾌﾟ体" pitchFamily="50" charset="-128"/>
            </a:rPr>
            <a:t>に感染する可能性が生じた方が、抗</a:t>
          </a:r>
          <a:r>
            <a:rPr kumimoji="1" lang="en-US" altLang="ja-JP" sz="2800">
              <a:solidFill>
                <a:schemeClr val="tx2"/>
              </a:solidFill>
              <a:latin typeface="HGS創英角ﾎﾟｯﾌﾟ体" pitchFamily="50" charset="-128"/>
              <a:ea typeface="HGS創英角ﾎﾟｯﾌﾟ体" pitchFamily="50" charset="-128"/>
            </a:rPr>
            <a:t>HIV</a:t>
          </a:r>
          <a:r>
            <a:rPr kumimoji="1" lang="ja-JP" altLang="en-US" sz="2800">
              <a:solidFill>
                <a:schemeClr val="tx2"/>
              </a:solidFill>
              <a:latin typeface="HGS創英角ﾎﾟｯﾌﾟ体" pitchFamily="50" charset="-128"/>
              <a:ea typeface="HGS創英角ﾎﾟｯﾌﾟ体" pitchFamily="50" charset="-128"/>
            </a:rPr>
            <a:t>薬の予防的服用を行うことのできる病院が</a:t>
          </a:r>
          <a:r>
            <a:rPr kumimoji="1" lang="en-US" altLang="ja-JP" sz="2800">
              <a:solidFill>
                <a:schemeClr val="tx2"/>
              </a:solidFill>
              <a:latin typeface="HGS創英角ﾎﾟｯﾌﾟ体" pitchFamily="50" charset="-128"/>
              <a:ea typeface="HGS創英角ﾎﾟｯﾌﾟ体" pitchFamily="50" charset="-128"/>
            </a:rPr>
            <a:t>19</a:t>
          </a:r>
          <a:r>
            <a:rPr kumimoji="1" lang="ja-JP" altLang="en-US" sz="2800">
              <a:solidFill>
                <a:schemeClr val="tx2"/>
              </a:solidFill>
              <a:latin typeface="HGS創英角ﾎﾟｯﾌﾟ体" pitchFamily="50" charset="-128"/>
              <a:ea typeface="HGS創英角ﾎﾟｯﾌﾟ体" pitchFamily="50" charset="-128"/>
            </a:rPr>
            <a:t>病院あります。</a:t>
          </a:r>
          <a:endParaRPr kumimoji="1" lang="en-US" altLang="ja-JP" sz="2800">
            <a:solidFill>
              <a:schemeClr val="tx2"/>
            </a:solidFill>
            <a:latin typeface="HGS創英角ﾎﾟｯﾌﾟ体" pitchFamily="50" charset="-128"/>
            <a:ea typeface="HGS創英角ﾎﾟｯﾌﾟ体" pitchFamily="50" charset="-128"/>
          </a:endParaRPr>
        </a:p>
        <a:p>
          <a:pPr algn="l"/>
          <a:r>
            <a:rPr kumimoji="1" lang="ja-JP" altLang="en-US" sz="2800">
              <a:solidFill>
                <a:schemeClr val="tx2"/>
              </a:solidFill>
              <a:latin typeface="HGS創英角ﾎﾟｯﾌﾟ体" pitchFamily="50" charset="-128"/>
              <a:ea typeface="HGS創英角ﾎﾟｯﾌﾟ体" pitchFamily="50" charset="-128"/>
            </a:rPr>
            <a:t>　万が一、血液曝露等が起こった場合、どこの病院に何を持って行けば良いか事前に確認しておきましょう。</a:t>
          </a:r>
          <a:endParaRPr kumimoji="1" lang="en-US" altLang="ja-JP" sz="2800">
            <a:solidFill>
              <a:schemeClr val="tx2"/>
            </a:solidFill>
            <a:latin typeface="HGS創英角ﾎﾟｯﾌﾟ体" pitchFamily="50" charset="-128"/>
            <a:ea typeface="HGS創英角ﾎﾟｯﾌﾟ体" pitchFamily="50" charset="-128"/>
          </a:endParaRPr>
        </a:p>
        <a:p>
          <a:pPr algn="l"/>
          <a:r>
            <a:rPr kumimoji="1" lang="ja-JP" altLang="en-US" sz="2800">
              <a:solidFill>
                <a:schemeClr val="tx2"/>
              </a:solidFill>
              <a:latin typeface="HGS創英角ﾎﾟｯﾌﾟ体" pitchFamily="50" charset="-128"/>
              <a:ea typeface="HGS創英角ﾎﾟｯﾌﾟ体" pitchFamily="50" charset="-128"/>
            </a:rPr>
            <a:t>　マップ上の病院をクリックして、お近くの病院の情報を確認してください。</a:t>
          </a:r>
          <a:endParaRPr kumimoji="1" lang="en-US" altLang="ja-JP" sz="2800">
            <a:solidFill>
              <a:schemeClr val="tx2"/>
            </a:solidFill>
            <a:latin typeface="HGS創英角ﾎﾟｯﾌﾟ体" pitchFamily="50" charset="-128"/>
            <a:ea typeface="HGS創英角ﾎﾟｯﾌﾟ体" pitchFamily="50" charset="-128"/>
          </a:endParaRPr>
        </a:p>
        <a:p>
          <a:pPr algn="l"/>
          <a:endParaRPr kumimoji="1" lang="en-US" altLang="ja-JP" sz="1100">
            <a:solidFill>
              <a:schemeClr val="tx2"/>
            </a:solidFill>
            <a:latin typeface="HGS創英角ﾎﾟｯﾌﾟ体" pitchFamily="50" charset="-128"/>
            <a:ea typeface="HGS創英角ﾎﾟｯﾌﾟ体" pitchFamily="50" charset="-128"/>
          </a:endParaRPr>
        </a:p>
        <a:p>
          <a:pPr algn="l"/>
          <a:r>
            <a:rPr kumimoji="1" lang="ja-JP" altLang="en-US" sz="2400">
              <a:solidFill>
                <a:srgbClr val="FF0000"/>
              </a:solidFill>
              <a:latin typeface="HGS創英角ﾎﾟｯﾌﾟ体" pitchFamily="50" charset="-128"/>
              <a:ea typeface="HGS創英角ﾎﾟｯﾌﾟ体" pitchFamily="50" charset="-128"/>
            </a:rPr>
            <a:t>病院には２種類あります。それぞれの違いを御確認ください！</a:t>
          </a:r>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800">
            <a:solidFill>
              <a:srgbClr val="FF0000"/>
            </a:solidFill>
            <a:latin typeface="HGS創英角ﾎﾟｯﾌﾟ体" pitchFamily="50" charset="-128"/>
            <a:ea typeface="HGS創英角ﾎﾟｯﾌﾟ体" pitchFamily="50" charset="-128"/>
          </a:endParaRPr>
        </a:p>
        <a:p>
          <a:r>
            <a:rPr kumimoji="1" lang="ja-JP" altLang="ja-JP" sz="2000">
              <a:solidFill>
                <a:srgbClr val="FF0000"/>
              </a:solidFill>
              <a:latin typeface="HGS創英角ｺﾞｼｯｸUB" pitchFamily="50" charset="-128"/>
              <a:ea typeface="HGS創英角ｺﾞｼｯｸUB" pitchFamily="50" charset="-128"/>
              <a:cs typeface="+mn-cs"/>
            </a:rPr>
            <a:t>　</a:t>
          </a:r>
          <a:endParaRPr kumimoji="1" lang="ja-JP" altLang="en-US" sz="2400">
            <a:solidFill>
              <a:srgbClr val="FF0000"/>
            </a:solidFill>
            <a:latin typeface="HGS創英角ﾎﾟｯﾌﾟ体" pitchFamily="50" charset="-128"/>
            <a:ea typeface="HGS創英角ﾎﾟｯﾌﾟ体" pitchFamily="50" charset="-128"/>
          </a:endParaRPr>
        </a:p>
      </xdr:txBody>
    </xdr:sp>
    <xdr:clientData/>
  </xdr:twoCellAnchor>
  <xdr:twoCellAnchor>
    <xdr:from>
      <xdr:col>20</xdr:col>
      <xdr:colOff>95250</xdr:colOff>
      <xdr:row>32</xdr:row>
      <xdr:rowOff>79375</xdr:rowOff>
    </xdr:from>
    <xdr:to>
      <xdr:col>35</xdr:col>
      <xdr:colOff>95250</xdr:colOff>
      <xdr:row>36</xdr:row>
      <xdr:rowOff>142875</xdr:rowOff>
    </xdr:to>
    <xdr:sp macro="" textlink="">
      <xdr:nvSpPr>
        <xdr:cNvPr id="245" name="テキスト ボックス 244">
          <a:extLst>
            <a:ext uri="{FF2B5EF4-FFF2-40B4-BE49-F238E27FC236}">
              <a16:creationId xmlns:a16="http://schemas.microsoft.com/office/drawing/2014/main" id="{00000000-0008-0000-0000-0000F5000000}"/>
            </a:ext>
          </a:extLst>
        </xdr:cNvPr>
        <xdr:cNvSpPr txBox="1"/>
      </xdr:nvSpPr>
      <xdr:spPr>
        <a:xfrm>
          <a:off x="11779250" y="5159375"/>
          <a:ext cx="9048750" cy="6985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en-US" sz="2400">
              <a:latin typeface="HGP創英角ｺﾞｼｯｸUB" pitchFamily="50" charset="-128"/>
              <a:ea typeface="HGP創英角ｺﾞｼｯｸUB" pitchFamily="50" charset="-128"/>
            </a:rPr>
            <a:t>　　受診と抗</a:t>
          </a:r>
          <a:r>
            <a:rPr kumimoji="1" lang="en-US" altLang="ja-JP" sz="2400">
              <a:latin typeface="HGP創英角ｺﾞｼｯｸUB" pitchFamily="50" charset="-128"/>
              <a:ea typeface="HGP創英角ｺﾞｼｯｸUB" pitchFamily="50" charset="-128"/>
            </a:rPr>
            <a:t>HIV</a:t>
          </a:r>
          <a:r>
            <a:rPr kumimoji="1" lang="ja-JP" altLang="en-US" sz="2400">
              <a:latin typeface="HGP創英角ｺﾞｼｯｸUB" pitchFamily="50" charset="-128"/>
              <a:ea typeface="HGP創英角ｺﾞｼｯｸUB" pitchFamily="50" charset="-128"/>
            </a:rPr>
            <a:t>薬の予防的服用を行うことのできる病院です</a:t>
          </a:r>
        </a:p>
      </xdr:txBody>
    </xdr:sp>
    <xdr:clientData/>
  </xdr:twoCellAnchor>
  <xdr:twoCellAnchor>
    <xdr:from>
      <xdr:col>20</xdr:col>
      <xdr:colOff>178956</xdr:colOff>
      <xdr:row>33</xdr:row>
      <xdr:rowOff>106796</xdr:rowOff>
    </xdr:from>
    <xdr:to>
      <xdr:col>20</xdr:col>
      <xdr:colOff>525320</xdr:colOff>
      <xdr:row>35</xdr:row>
      <xdr:rowOff>127001</xdr:rowOff>
    </xdr:to>
    <xdr:sp macro="" textlink="">
      <xdr:nvSpPr>
        <xdr:cNvPr id="243" name="星 7 242">
          <a:extLst>
            <a:ext uri="{FF2B5EF4-FFF2-40B4-BE49-F238E27FC236}">
              <a16:creationId xmlns:a16="http://schemas.microsoft.com/office/drawing/2014/main" id="{00000000-0008-0000-0000-0000F3000000}"/>
            </a:ext>
          </a:extLst>
        </xdr:cNvPr>
        <xdr:cNvSpPr/>
      </xdr:nvSpPr>
      <xdr:spPr bwMode="auto">
        <a:xfrm>
          <a:off x="11862956" y="5345546"/>
          <a:ext cx="346364" cy="337705"/>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0</xdr:col>
      <xdr:colOff>95249</xdr:colOff>
      <xdr:row>37</xdr:row>
      <xdr:rowOff>95250</xdr:rowOff>
    </xdr:from>
    <xdr:to>
      <xdr:col>35</xdr:col>
      <xdr:colOff>111124</xdr:colOff>
      <xdr:row>42</xdr:row>
      <xdr:rowOff>0</xdr:rowOff>
    </xdr:to>
    <xdr:sp macro="" textlink="">
      <xdr:nvSpPr>
        <xdr:cNvPr id="246" name="テキスト ボックス 245">
          <a:extLst>
            <a:ext uri="{FF2B5EF4-FFF2-40B4-BE49-F238E27FC236}">
              <a16:creationId xmlns:a16="http://schemas.microsoft.com/office/drawing/2014/main" id="{00000000-0008-0000-0000-0000F6000000}"/>
            </a:ext>
          </a:extLst>
        </xdr:cNvPr>
        <xdr:cNvSpPr txBox="1"/>
      </xdr:nvSpPr>
      <xdr:spPr>
        <a:xfrm>
          <a:off x="11779249" y="5969000"/>
          <a:ext cx="9064625" cy="6985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ja-JP" sz="2400">
              <a:solidFill>
                <a:schemeClr val="dk1"/>
              </a:solidFill>
              <a:latin typeface="HGP創英角ｺﾞｼｯｸUB" pitchFamily="50" charset="-128"/>
              <a:ea typeface="HGP創英角ｺﾞｼｯｸUB" pitchFamily="50" charset="-128"/>
              <a:cs typeface="+mn-cs"/>
            </a:rPr>
            <a:t>　　医師の指示があれば、抗</a:t>
          </a:r>
          <a:r>
            <a:rPr kumimoji="1" lang="en-US" altLang="ja-JP" sz="2400">
              <a:solidFill>
                <a:schemeClr val="dk1"/>
              </a:solidFill>
              <a:latin typeface="HGP創英角ｺﾞｼｯｸUB" pitchFamily="50" charset="-128"/>
              <a:ea typeface="HGP創英角ｺﾞｼｯｸUB" pitchFamily="50" charset="-128"/>
              <a:cs typeface="+mn-cs"/>
            </a:rPr>
            <a:t>HIV</a:t>
          </a:r>
          <a:r>
            <a:rPr kumimoji="1" lang="ja-JP" altLang="ja-JP" sz="2400">
              <a:solidFill>
                <a:schemeClr val="dk1"/>
              </a:solidFill>
              <a:latin typeface="HGP創英角ｺﾞｼｯｸUB" pitchFamily="50" charset="-128"/>
              <a:ea typeface="HGP創英角ｺﾞｼｯｸUB" pitchFamily="50" charset="-128"/>
              <a:cs typeface="+mn-cs"/>
            </a:rPr>
            <a:t>薬の予防的服用をできる病院です</a:t>
          </a:r>
          <a:endParaRPr lang="ja-JP" altLang="ja-JP" sz="2400">
            <a:latin typeface="HGP創英角ｺﾞｼｯｸUB" pitchFamily="50" charset="-128"/>
            <a:ea typeface="HGP創英角ｺﾞｼｯｸUB" pitchFamily="50" charset="-128"/>
          </a:endParaRPr>
        </a:p>
      </xdr:txBody>
    </xdr:sp>
    <xdr:clientData/>
  </xdr:twoCellAnchor>
  <xdr:twoCellAnchor>
    <xdr:from>
      <xdr:col>20</xdr:col>
      <xdr:colOff>154418</xdr:colOff>
      <xdr:row>38</xdr:row>
      <xdr:rowOff>129887</xdr:rowOff>
    </xdr:from>
    <xdr:to>
      <xdr:col>20</xdr:col>
      <xdr:colOff>515214</xdr:colOff>
      <xdr:row>41</xdr:row>
      <xdr:rowOff>5774</xdr:rowOff>
    </xdr:to>
    <xdr:sp macro="" textlink="">
      <xdr:nvSpPr>
        <xdr:cNvPr id="244" name="星 4 243">
          <a:extLst>
            <a:ext uri="{FF2B5EF4-FFF2-40B4-BE49-F238E27FC236}">
              <a16:creationId xmlns:a16="http://schemas.microsoft.com/office/drawing/2014/main" id="{00000000-0008-0000-0000-0000F4000000}"/>
            </a:ext>
          </a:extLst>
        </xdr:cNvPr>
        <xdr:cNvSpPr/>
      </xdr:nvSpPr>
      <xdr:spPr bwMode="auto">
        <a:xfrm>
          <a:off x="11838418" y="6162387"/>
          <a:ext cx="360796" cy="3521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0</xdr:col>
      <xdr:colOff>142874</xdr:colOff>
      <xdr:row>47</xdr:row>
      <xdr:rowOff>63500</xdr:rowOff>
    </xdr:from>
    <xdr:to>
      <xdr:col>35</xdr:col>
      <xdr:colOff>158749</xdr:colOff>
      <xdr:row>50</xdr:row>
      <xdr:rowOff>6349</xdr:rowOff>
    </xdr:to>
    <xdr:sp macro="" textlink="">
      <xdr:nvSpPr>
        <xdr:cNvPr id="247" name="テキスト ボックス 246">
          <a:extLst>
            <a:ext uri="{FF2B5EF4-FFF2-40B4-BE49-F238E27FC236}">
              <a16:creationId xmlns:a16="http://schemas.microsoft.com/office/drawing/2014/main" id="{00000000-0008-0000-0000-0000F7000000}"/>
            </a:ext>
          </a:extLst>
        </xdr:cNvPr>
        <xdr:cNvSpPr txBox="1"/>
      </xdr:nvSpPr>
      <xdr:spPr>
        <a:xfrm>
          <a:off x="11826874" y="7524750"/>
          <a:ext cx="9064625" cy="41909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r"/>
          <a:r>
            <a:rPr kumimoji="1" lang="ja-JP" altLang="en-US" sz="1800">
              <a:latin typeface="+mj-ea"/>
              <a:ea typeface="+mj-ea"/>
            </a:rPr>
            <a:t>（注意）ここに掲載されている情報は平成</a:t>
          </a:r>
          <a:r>
            <a:rPr kumimoji="1" lang="en-US" altLang="ja-JP" sz="1800">
              <a:latin typeface="+mj-ea"/>
              <a:ea typeface="+mj-ea"/>
            </a:rPr>
            <a:t>27</a:t>
          </a:r>
          <a:r>
            <a:rPr kumimoji="1" lang="ja-JP" altLang="en-US" sz="1800">
              <a:latin typeface="+mj-ea"/>
              <a:ea typeface="+mj-ea"/>
            </a:rPr>
            <a:t>年</a:t>
          </a:r>
          <a:r>
            <a:rPr kumimoji="1" lang="en-US" altLang="ja-JP" sz="1800">
              <a:latin typeface="+mj-ea"/>
              <a:ea typeface="+mj-ea"/>
            </a:rPr>
            <a:t>6</a:t>
          </a:r>
          <a:r>
            <a:rPr kumimoji="1" lang="ja-JP" altLang="en-US" sz="1800">
              <a:latin typeface="+mj-ea"/>
              <a:ea typeface="+mj-ea"/>
            </a:rPr>
            <a:t>月</a:t>
          </a:r>
          <a:r>
            <a:rPr kumimoji="1" lang="en-US" altLang="ja-JP" sz="1800">
              <a:latin typeface="+mj-ea"/>
              <a:ea typeface="+mj-ea"/>
            </a:rPr>
            <a:t>1</a:t>
          </a:r>
          <a:r>
            <a:rPr kumimoji="1" lang="ja-JP" altLang="en-US" sz="1800">
              <a:latin typeface="+mj-ea"/>
              <a:ea typeface="+mj-ea"/>
            </a:rPr>
            <a:t>日時点の情報です。</a:t>
          </a:r>
        </a:p>
      </xdr:txBody>
    </xdr:sp>
    <xdr:clientData/>
  </xdr:twoCellAnchor>
  <xdr:twoCellAnchor>
    <xdr:from>
      <xdr:col>8</xdr:col>
      <xdr:colOff>333375</xdr:colOff>
      <xdr:row>21</xdr:row>
      <xdr:rowOff>95250</xdr:rowOff>
    </xdr:from>
    <xdr:to>
      <xdr:col>9</xdr:col>
      <xdr:colOff>90921</xdr:colOff>
      <xdr:row>23</xdr:row>
      <xdr:rowOff>129887</xdr:rowOff>
    </xdr:to>
    <xdr:sp macro="" textlink="">
      <xdr:nvSpPr>
        <xdr:cNvPr id="141" name="星 4 140">
          <a:hlinkClick xmlns:r="http://schemas.openxmlformats.org/officeDocument/2006/relationships" r:id="rId13"/>
          <a:extLst>
            <a:ext uri="{FF2B5EF4-FFF2-40B4-BE49-F238E27FC236}">
              <a16:creationId xmlns:a16="http://schemas.microsoft.com/office/drawing/2014/main" id="{00000000-0008-0000-0000-00008D000000}"/>
            </a:ext>
          </a:extLst>
        </xdr:cNvPr>
        <xdr:cNvSpPr/>
      </xdr:nvSpPr>
      <xdr:spPr bwMode="auto">
        <a:xfrm>
          <a:off x="5159375" y="3429000"/>
          <a:ext cx="360796" cy="3521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0</xdr:col>
      <xdr:colOff>79375</xdr:colOff>
      <xdr:row>42</xdr:row>
      <xdr:rowOff>63500</xdr:rowOff>
    </xdr:from>
    <xdr:to>
      <xdr:col>35</xdr:col>
      <xdr:colOff>174625</xdr:colOff>
      <xdr:row>47</xdr:row>
      <xdr:rowOff>95251</xdr:rowOff>
    </xdr:to>
    <xdr:sp macro="" textlink="">
      <xdr:nvSpPr>
        <xdr:cNvPr id="137" name="テキスト ボックス 136">
          <a:hlinkClick xmlns:r="http://schemas.openxmlformats.org/officeDocument/2006/relationships" r:id="rId14"/>
          <a:extLst>
            <a:ext uri="{FF2B5EF4-FFF2-40B4-BE49-F238E27FC236}">
              <a16:creationId xmlns:a16="http://schemas.microsoft.com/office/drawing/2014/main" id="{00000000-0008-0000-0000-000089000000}"/>
            </a:ext>
          </a:extLst>
        </xdr:cNvPr>
        <xdr:cNvSpPr txBox="1"/>
      </xdr:nvSpPr>
      <xdr:spPr>
        <a:xfrm>
          <a:off x="11763375" y="6731000"/>
          <a:ext cx="9144000" cy="8255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ja-JP" sz="2000">
              <a:solidFill>
                <a:srgbClr val="FF0000"/>
              </a:solidFill>
              <a:latin typeface="+mn-ea"/>
              <a:ea typeface="+mn-ea"/>
              <a:cs typeface="+mn-cs"/>
            </a:rPr>
            <a:t>（注意）</a:t>
          </a:r>
          <a:r>
            <a:rPr kumimoji="1" lang="ja-JP" altLang="en-US" sz="2000">
              <a:solidFill>
                <a:srgbClr val="FF0000"/>
              </a:solidFill>
              <a:latin typeface="+mn-ea"/>
              <a:ea typeface="+mn-ea"/>
              <a:cs typeface="+mn-cs"/>
            </a:rPr>
            <a:t>　</a:t>
          </a:r>
          <a:r>
            <a:rPr kumimoji="1" lang="ja-JP" altLang="ja-JP" sz="2000">
              <a:solidFill>
                <a:srgbClr val="FF0000"/>
              </a:solidFill>
              <a:latin typeface="+mn-ea"/>
              <a:ea typeface="+mn-ea"/>
              <a:cs typeface="+mn-cs"/>
            </a:rPr>
            <a:t>「抗</a:t>
          </a:r>
          <a:r>
            <a:rPr kumimoji="1" lang="en-US" altLang="ja-JP" sz="2000">
              <a:solidFill>
                <a:srgbClr val="FF0000"/>
              </a:solidFill>
              <a:latin typeface="+mn-ea"/>
              <a:ea typeface="+mn-ea"/>
              <a:cs typeface="+mn-cs"/>
            </a:rPr>
            <a:t>HIV</a:t>
          </a:r>
          <a:r>
            <a:rPr kumimoji="1" lang="ja-JP" altLang="ja-JP" sz="2000">
              <a:solidFill>
                <a:srgbClr val="FF0000"/>
              </a:solidFill>
              <a:latin typeface="+mn-ea"/>
              <a:ea typeface="+mn-ea"/>
              <a:cs typeface="+mn-cs"/>
            </a:rPr>
            <a:t>薬の予防的服用」は、原則として労災対応となります。</a:t>
          </a:r>
          <a:endParaRPr kumimoji="1" lang="en-US" altLang="ja-JP" sz="2000">
            <a:solidFill>
              <a:srgbClr val="FF0000"/>
            </a:solidFill>
            <a:latin typeface="+mn-ea"/>
            <a:ea typeface="+mn-ea"/>
            <a:cs typeface="+mn-cs"/>
          </a:endParaRPr>
        </a:p>
        <a:p>
          <a:r>
            <a:rPr kumimoji="1" lang="ja-JP" altLang="ja-JP" sz="2000">
              <a:solidFill>
                <a:srgbClr val="FF0000"/>
              </a:solidFill>
              <a:latin typeface="+mn-ea"/>
              <a:ea typeface="+mn-ea"/>
              <a:cs typeface="+mn-cs"/>
            </a:rPr>
            <a:t>　　　　　</a:t>
          </a:r>
          <a:r>
            <a:rPr kumimoji="1" lang="ja-JP" altLang="en-US" sz="2000">
              <a:solidFill>
                <a:srgbClr val="FF0000"/>
              </a:solidFill>
              <a:latin typeface="+mn-ea"/>
              <a:ea typeface="+mn-ea"/>
              <a:cs typeface="+mn-cs"/>
            </a:rPr>
            <a:t>　</a:t>
          </a:r>
          <a:r>
            <a:rPr kumimoji="1" lang="ja-JP" altLang="ja-JP" sz="2000">
              <a:solidFill>
                <a:srgbClr val="FF0000"/>
              </a:solidFill>
              <a:latin typeface="+mn-ea"/>
              <a:ea typeface="+mn-ea"/>
              <a:cs typeface="+mn-cs"/>
            </a:rPr>
            <a:t>事前に手続きの確認を行ってください。</a:t>
          </a:r>
          <a:r>
            <a:rPr kumimoji="1" lang="ja-JP" altLang="en-US" sz="1600" u="sng">
              <a:latin typeface="HGP創英角ﾎﾟｯﾌﾟ体" pitchFamily="50" charset="-128"/>
              <a:ea typeface="HGP創英角ﾎﾟｯﾌﾟ体" pitchFamily="50" charset="-128"/>
            </a:rPr>
            <a:t>（参考リンク）</a:t>
          </a:r>
          <a:r>
            <a:rPr kumimoji="1" lang="en-US" altLang="ja-JP" sz="1600" u="sng">
              <a:latin typeface="HGP創英角ﾎﾟｯﾌﾟ体" pitchFamily="50" charset="-128"/>
              <a:ea typeface="HGP創英角ﾎﾟｯﾌﾟ体" pitchFamily="50" charset="-128"/>
            </a:rPr>
            <a:t>HIV</a:t>
          </a:r>
          <a:r>
            <a:rPr kumimoji="1" lang="ja-JP" altLang="en-US" sz="1600" u="sng">
              <a:latin typeface="HGP創英角ﾎﾟｯﾌﾟ体" pitchFamily="50" charset="-128"/>
              <a:ea typeface="HGP創英角ﾎﾟｯﾌﾟ体" pitchFamily="50" charset="-128"/>
            </a:rPr>
            <a:t>の労災について</a:t>
          </a:r>
        </a:p>
      </xdr:txBody>
    </xdr:sp>
    <xdr:clientData/>
  </xdr:twoCellAnchor>
  <xdr:twoCellAnchor>
    <xdr:from>
      <xdr:col>8</xdr:col>
      <xdr:colOff>539750</xdr:colOff>
      <xdr:row>20</xdr:row>
      <xdr:rowOff>141525</xdr:rowOff>
    </xdr:from>
    <xdr:to>
      <xdr:col>9</xdr:col>
      <xdr:colOff>127000</xdr:colOff>
      <xdr:row>22</xdr:row>
      <xdr:rowOff>95251</xdr:rowOff>
    </xdr:to>
    <xdr:cxnSp macro="">
      <xdr:nvCxnSpPr>
        <xdr:cNvPr id="129" name="直線コネクタ 128">
          <a:hlinkClick xmlns:r="http://schemas.openxmlformats.org/officeDocument/2006/relationships" r:id="rId13"/>
          <a:extLst>
            <a:ext uri="{FF2B5EF4-FFF2-40B4-BE49-F238E27FC236}">
              <a16:creationId xmlns:a16="http://schemas.microsoft.com/office/drawing/2014/main" id="{00000000-0008-0000-0000-000081000000}"/>
            </a:ext>
          </a:extLst>
        </xdr:cNvPr>
        <xdr:cNvCxnSpPr>
          <a:endCxn id="130" idx="2"/>
        </xdr:cNvCxnSpPr>
      </xdr:nvCxnSpPr>
      <xdr:spPr bwMode="auto">
        <a:xfrm flipV="1">
          <a:off x="5365750" y="3316525"/>
          <a:ext cx="190500" cy="2712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editAs="oneCell">
    <xdr:from>
      <xdr:col>14</xdr:col>
      <xdr:colOff>228600</xdr:colOff>
      <xdr:row>13</xdr:row>
      <xdr:rowOff>47625</xdr:rowOff>
    </xdr:from>
    <xdr:to>
      <xdr:col>15</xdr:col>
      <xdr:colOff>466725</xdr:colOff>
      <xdr:row>19</xdr:row>
      <xdr:rowOff>114300</xdr:rowOff>
    </xdr:to>
    <xdr:sp macro="" textlink="">
      <xdr:nvSpPr>
        <xdr:cNvPr id="119" name="d14101">
          <a:extLst>
            <a:ext uri="{FF2B5EF4-FFF2-40B4-BE49-F238E27FC236}">
              <a16:creationId xmlns:a16="http://schemas.microsoft.com/office/drawing/2014/main" id="{00000000-0008-0000-0000-000077000000}"/>
            </a:ext>
          </a:extLst>
        </xdr:cNvPr>
        <xdr:cNvSpPr>
          <a:spLocks/>
        </xdr:cNvSpPr>
      </xdr:nvSpPr>
      <xdr:spPr bwMode="auto">
        <a:xfrm>
          <a:off x="8763000" y="2028825"/>
          <a:ext cx="847725" cy="981075"/>
        </a:xfrm>
        <a:custGeom>
          <a:avLst/>
          <a:gdLst/>
          <a:ahLst/>
          <a:cxnLst>
            <a:cxn ang="0">
              <a:pos x="7180" y="14157"/>
            </a:cxn>
            <a:cxn ang="0">
              <a:pos x="7732" y="14157"/>
            </a:cxn>
            <a:cxn ang="0">
              <a:pos x="7916" y="14952"/>
            </a:cxn>
            <a:cxn ang="0">
              <a:pos x="6811" y="15430"/>
            </a:cxn>
            <a:cxn ang="0">
              <a:pos x="6443" y="15907"/>
            </a:cxn>
            <a:cxn ang="0">
              <a:pos x="6811" y="16384"/>
            </a:cxn>
            <a:cxn ang="0">
              <a:pos x="9757" y="15271"/>
            </a:cxn>
            <a:cxn ang="0">
              <a:pos x="8652" y="10339"/>
            </a:cxn>
            <a:cxn ang="0">
              <a:pos x="8836" y="10021"/>
            </a:cxn>
            <a:cxn ang="0">
              <a:pos x="10493" y="13839"/>
            </a:cxn>
            <a:cxn ang="0">
              <a:pos x="12334" y="13044"/>
            </a:cxn>
            <a:cxn ang="0">
              <a:pos x="11045" y="11135"/>
            </a:cxn>
            <a:cxn ang="0">
              <a:pos x="12334" y="10817"/>
            </a:cxn>
            <a:cxn ang="0">
              <a:pos x="13070" y="12725"/>
            </a:cxn>
            <a:cxn ang="0">
              <a:pos x="16384" y="11294"/>
            </a:cxn>
            <a:cxn ang="0">
              <a:pos x="14359" y="8590"/>
            </a:cxn>
            <a:cxn ang="0">
              <a:pos x="13439" y="8908"/>
            </a:cxn>
            <a:cxn ang="0">
              <a:pos x="12518" y="5886"/>
            </a:cxn>
            <a:cxn ang="0">
              <a:pos x="11966" y="4931"/>
            </a:cxn>
            <a:cxn ang="0">
              <a:pos x="11229" y="4613"/>
            </a:cxn>
            <a:cxn ang="0">
              <a:pos x="11414" y="4136"/>
            </a:cxn>
            <a:cxn ang="0">
              <a:pos x="11229" y="3340"/>
            </a:cxn>
            <a:cxn ang="0">
              <a:pos x="10677" y="2386"/>
            </a:cxn>
            <a:cxn ang="0">
              <a:pos x="10309" y="1750"/>
            </a:cxn>
            <a:cxn ang="0">
              <a:pos x="10493" y="0"/>
            </a:cxn>
            <a:cxn ang="0">
              <a:pos x="9204" y="0"/>
            </a:cxn>
            <a:cxn ang="0">
              <a:pos x="8284" y="318"/>
            </a:cxn>
            <a:cxn ang="0">
              <a:pos x="6627" y="1273"/>
            </a:cxn>
            <a:cxn ang="0">
              <a:pos x="5155" y="636"/>
            </a:cxn>
            <a:cxn ang="0">
              <a:pos x="4234" y="477"/>
            </a:cxn>
            <a:cxn ang="0">
              <a:pos x="4050" y="159"/>
            </a:cxn>
            <a:cxn ang="0">
              <a:pos x="3498" y="477"/>
            </a:cxn>
            <a:cxn ang="0">
              <a:pos x="2393" y="1113"/>
            </a:cxn>
            <a:cxn ang="0">
              <a:pos x="2209" y="1750"/>
            </a:cxn>
            <a:cxn ang="0">
              <a:pos x="2393" y="2386"/>
            </a:cxn>
            <a:cxn ang="0">
              <a:pos x="2209" y="3340"/>
            </a:cxn>
            <a:cxn ang="0">
              <a:pos x="1841" y="3818"/>
            </a:cxn>
            <a:cxn ang="0">
              <a:pos x="1289" y="3818"/>
            </a:cxn>
            <a:cxn ang="0">
              <a:pos x="1289" y="4613"/>
            </a:cxn>
            <a:cxn ang="0">
              <a:pos x="1105" y="4931"/>
            </a:cxn>
            <a:cxn ang="0">
              <a:pos x="184" y="5408"/>
            </a:cxn>
            <a:cxn ang="0">
              <a:pos x="0" y="6045"/>
            </a:cxn>
            <a:cxn ang="0">
              <a:pos x="184" y="6999"/>
            </a:cxn>
            <a:cxn ang="0">
              <a:pos x="368" y="7317"/>
            </a:cxn>
            <a:cxn ang="0">
              <a:pos x="736" y="7794"/>
            </a:cxn>
            <a:cxn ang="0">
              <a:pos x="1289" y="8112"/>
            </a:cxn>
            <a:cxn ang="0">
              <a:pos x="1841" y="8749"/>
            </a:cxn>
            <a:cxn ang="0">
              <a:pos x="2577" y="8908"/>
            </a:cxn>
            <a:cxn ang="0">
              <a:pos x="3498" y="9067"/>
            </a:cxn>
            <a:cxn ang="0">
              <a:pos x="4234" y="9703"/>
            </a:cxn>
            <a:cxn ang="0">
              <a:pos x="4418" y="10498"/>
            </a:cxn>
            <a:cxn ang="0">
              <a:pos x="4970" y="10658"/>
            </a:cxn>
            <a:cxn ang="0">
              <a:pos x="5339" y="11453"/>
            </a:cxn>
            <a:cxn ang="0">
              <a:pos x="6075" y="12407"/>
            </a:cxn>
            <a:cxn ang="0">
              <a:pos x="6811" y="13362"/>
            </a:cxn>
            <a:cxn ang="0">
              <a:pos x="7180" y="14157"/>
            </a:cxn>
          </a:cxnLst>
          <a:rect l="0" t="0" r="r" b="b"/>
          <a:pathLst>
            <a:path w="16384" h="16384">
              <a:moveTo>
                <a:pt x="7180" y="14157"/>
              </a:moveTo>
              <a:lnTo>
                <a:pt x="7732" y="14157"/>
              </a:lnTo>
              <a:lnTo>
                <a:pt x="7916" y="14952"/>
              </a:lnTo>
              <a:lnTo>
                <a:pt x="6811" y="15430"/>
              </a:lnTo>
              <a:lnTo>
                <a:pt x="6443" y="15907"/>
              </a:lnTo>
              <a:lnTo>
                <a:pt x="6811" y="16384"/>
              </a:lnTo>
              <a:lnTo>
                <a:pt x="9757" y="15271"/>
              </a:lnTo>
              <a:lnTo>
                <a:pt x="8652" y="10339"/>
              </a:lnTo>
              <a:lnTo>
                <a:pt x="8836" y="10021"/>
              </a:lnTo>
              <a:lnTo>
                <a:pt x="10493" y="13839"/>
              </a:lnTo>
              <a:lnTo>
                <a:pt x="12334" y="13044"/>
              </a:lnTo>
              <a:lnTo>
                <a:pt x="11045" y="11135"/>
              </a:lnTo>
              <a:lnTo>
                <a:pt x="12334" y="10817"/>
              </a:lnTo>
              <a:lnTo>
                <a:pt x="13070" y="12725"/>
              </a:lnTo>
              <a:lnTo>
                <a:pt x="16384" y="11294"/>
              </a:lnTo>
              <a:lnTo>
                <a:pt x="14359" y="8590"/>
              </a:lnTo>
              <a:lnTo>
                <a:pt x="13439" y="8908"/>
              </a:lnTo>
              <a:lnTo>
                <a:pt x="12518" y="5886"/>
              </a:lnTo>
              <a:lnTo>
                <a:pt x="11966" y="4931"/>
              </a:lnTo>
              <a:lnTo>
                <a:pt x="11229" y="4613"/>
              </a:lnTo>
              <a:lnTo>
                <a:pt x="11414" y="4136"/>
              </a:lnTo>
              <a:lnTo>
                <a:pt x="11229" y="3340"/>
              </a:lnTo>
              <a:lnTo>
                <a:pt x="10677" y="2386"/>
              </a:lnTo>
              <a:lnTo>
                <a:pt x="10309" y="1750"/>
              </a:lnTo>
              <a:lnTo>
                <a:pt x="10493" y="0"/>
              </a:lnTo>
              <a:lnTo>
                <a:pt x="9204" y="0"/>
              </a:lnTo>
              <a:lnTo>
                <a:pt x="8284" y="318"/>
              </a:lnTo>
              <a:lnTo>
                <a:pt x="6627" y="1273"/>
              </a:lnTo>
              <a:lnTo>
                <a:pt x="5155" y="636"/>
              </a:lnTo>
              <a:lnTo>
                <a:pt x="4234" y="477"/>
              </a:lnTo>
              <a:lnTo>
                <a:pt x="4050" y="159"/>
              </a:lnTo>
              <a:lnTo>
                <a:pt x="3498" y="477"/>
              </a:lnTo>
              <a:lnTo>
                <a:pt x="2393" y="1113"/>
              </a:lnTo>
              <a:lnTo>
                <a:pt x="2209" y="1750"/>
              </a:lnTo>
              <a:lnTo>
                <a:pt x="2393" y="2386"/>
              </a:lnTo>
              <a:lnTo>
                <a:pt x="2209" y="3340"/>
              </a:lnTo>
              <a:lnTo>
                <a:pt x="1841" y="3818"/>
              </a:lnTo>
              <a:lnTo>
                <a:pt x="1289" y="3818"/>
              </a:lnTo>
              <a:lnTo>
                <a:pt x="1289" y="4613"/>
              </a:lnTo>
              <a:lnTo>
                <a:pt x="1105" y="4931"/>
              </a:lnTo>
              <a:lnTo>
                <a:pt x="184" y="5408"/>
              </a:lnTo>
              <a:lnTo>
                <a:pt x="0" y="6045"/>
              </a:lnTo>
              <a:lnTo>
                <a:pt x="184" y="6999"/>
              </a:lnTo>
              <a:lnTo>
                <a:pt x="368" y="7317"/>
              </a:lnTo>
              <a:lnTo>
                <a:pt x="736" y="7794"/>
              </a:lnTo>
              <a:lnTo>
                <a:pt x="1289" y="8112"/>
              </a:lnTo>
              <a:lnTo>
                <a:pt x="1841" y="8749"/>
              </a:lnTo>
              <a:lnTo>
                <a:pt x="2577" y="8908"/>
              </a:lnTo>
              <a:lnTo>
                <a:pt x="3498" y="9067"/>
              </a:lnTo>
              <a:lnTo>
                <a:pt x="4234" y="9703"/>
              </a:lnTo>
              <a:lnTo>
                <a:pt x="4418" y="10498"/>
              </a:lnTo>
              <a:lnTo>
                <a:pt x="4970" y="10658"/>
              </a:lnTo>
              <a:lnTo>
                <a:pt x="5339" y="11453"/>
              </a:lnTo>
              <a:lnTo>
                <a:pt x="6075" y="12407"/>
              </a:lnTo>
              <a:lnTo>
                <a:pt x="6811" y="13362"/>
              </a:lnTo>
              <a:lnTo>
                <a:pt x="7180" y="1415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28575</xdr:colOff>
      <xdr:row>16</xdr:row>
      <xdr:rowOff>57150</xdr:rowOff>
    </xdr:from>
    <xdr:to>
      <xdr:col>14</xdr:col>
      <xdr:colOff>600075</xdr:colOff>
      <xdr:row>20</xdr:row>
      <xdr:rowOff>19050</xdr:rowOff>
    </xdr:to>
    <xdr:sp macro="" textlink="">
      <xdr:nvSpPr>
        <xdr:cNvPr id="121" name="d14102">
          <a:extLst>
            <a:ext uri="{FF2B5EF4-FFF2-40B4-BE49-F238E27FC236}">
              <a16:creationId xmlns:a16="http://schemas.microsoft.com/office/drawing/2014/main" id="{00000000-0008-0000-0000-000079000000}"/>
            </a:ext>
          </a:extLst>
        </xdr:cNvPr>
        <xdr:cNvSpPr>
          <a:spLocks/>
        </xdr:cNvSpPr>
      </xdr:nvSpPr>
      <xdr:spPr bwMode="auto">
        <a:xfrm>
          <a:off x="7953375" y="2495550"/>
          <a:ext cx="1181100" cy="571500"/>
        </a:xfrm>
        <a:custGeom>
          <a:avLst/>
          <a:gdLst/>
          <a:ahLst/>
          <a:cxnLst>
            <a:cxn ang="0">
              <a:pos x="16120" y="9557"/>
            </a:cxn>
            <a:cxn ang="0">
              <a:pos x="15063" y="6281"/>
            </a:cxn>
            <a:cxn ang="0">
              <a:pos x="14402" y="4642"/>
            </a:cxn>
            <a:cxn ang="0">
              <a:pos x="13741" y="2185"/>
            </a:cxn>
            <a:cxn ang="0">
              <a:pos x="12552" y="1638"/>
            </a:cxn>
            <a:cxn ang="0">
              <a:pos x="11759" y="0"/>
            </a:cxn>
            <a:cxn ang="0">
              <a:pos x="11363" y="1911"/>
            </a:cxn>
            <a:cxn ang="0">
              <a:pos x="11231" y="4915"/>
            </a:cxn>
            <a:cxn ang="0">
              <a:pos x="10306" y="4915"/>
            </a:cxn>
            <a:cxn ang="0">
              <a:pos x="9645" y="6007"/>
            </a:cxn>
            <a:cxn ang="0">
              <a:pos x="8721" y="5734"/>
            </a:cxn>
            <a:cxn ang="0">
              <a:pos x="8060" y="4642"/>
            </a:cxn>
            <a:cxn ang="0">
              <a:pos x="6871" y="4642"/>
            </a:cxn>
            <a:cxn ang="0">
              <a:pos x="7003" y="3004"/>
            </a:cxn>
            <a:cxn ang="0">
              <a:pos x="6342" y="1911"/>
            </a:cxn>
            <a:cxn ang="0">
              <a:pos x="5814" y="2731"/>
            </a:cxn>
            <a:cxn ang="0">
              <a:pos x="4625" y="2185"/>
            </a:cxn>
            <a:cxn ang="0">
              <a:pos x="3567" y="1365"/>
            </a:cxn>
            <a:cxn ang="0">
              <a:pos x="2907" y="546"/>
            </a:cxn>
            <a:cxn ang="0">
              <a:pos x="2246" y="819"/>
            </a:cxn>
            <a:cxn ang="0">
              <a:pos x="1189" y="273"/>
            </a:cxn>
            <a:cxn ang="0">
              <a:pos x="661" y="1638"/>
            </a:cxn>
            <a:cxn ang="0">
              <a:pos x="132" y="3004"/>
            </a:cxn>
            <a:cxn ang="0">
              <a:pos x="132" y="4096"/>
            </a:cxn>
            <a:cxn ang="0">
              <a:pos x="1189" y="6827"/>
            </a:cxn>
            <a:cxn ang="0">
              <a:pos x="1586" y="10923"/>
            </a:cxn>
            <a:cxn ang="0">
              <a:pos x="2510" y="13380"/>
            </a:cxn>
            <a:cxn ang="0">
              <a:pos x="3171" y="10923"/>
            </a:cxn>
            <a:cxn ang="0">
              <a:pos x="4492" y="9830"/>
            </a:cxn>
            <a:cxn ang="0">
              <a:pos x="5285" y="10650"/>
            </a:cxn>
            <a:cxn ang="0">
              <a:pos x="5285" y="14199"/>
            </a:cxn>
            <a:cxn ang="0">
              <a:pos x="5814" y="14473"/>
            </a:cxn>
            <a:cxn ang="0">
              <a:pos x="6606" y="13926"/>
            </a:cxn>
            <a:cxn ang="0">
              <a:pos x="7928" y="13926"/>
            </a:cxn>
            <a:cxn ang="0">
              <a:pos x="8588" y="14746"/>
            </a:cxn>
            <a:cxn ang="0">
              <a:pos x="9513" y="15838"/>
            </a:cxn>
            <a:cxn ang="0">
              <a:pos x="10438" y="15565"/>
            </a:cxn>
            <a:cxn ang="0">
              <a:pos x="12288" y="14473"/>
            </a:cxn>
            <a:cxn ang="0">
              <a:pos x="13874" y="15838"/>
            </a:cxn>
            <a:cxn ang="0">
              <a:pos x="13477" y="13380"/>
            </a:cxn>
            <a:cxn ang="0">
              <a:pos x="12684" y="11196"/>
            </a:cxn>
            <a:cxn ang="0">
              <a:pos x="14666" y="11196"/>
            </a:cxn>
            <a:cxn ang="0">
              <a:pos x="15988" y="11196"/>
            </a:cxn>
          </a:cxnLst>
          <a:rect l="0" t="0" r="r" b="b"/>
          <a:pathLst>
            <a:path w="16384" h="16384">
              <a:moveTo>
                <a:pt x="16384" y="10923"/>
              </a:moveTo>
              <a:lnTo>
                <a:pt x="16120" y="9557"/>
              </a:lnTo>
              <a:lnTo>
                <a:pt x="15591" y="7919"/>
              </a:lnTo>
              <a:lnTo>
                <a:pt x="15063" y="6281"/>
              </a:lnTo>
              <a:lnTo>
                <a:pt x="14798" y="4915"/>
              </a:lnTo>
              <a:lnTo>
                <a:pt x="14402" y="4642"/>
              </a:lnTo>
              <a:lnTo>
                <a:pt x="14270" y="3277"/>
              </a:lnTo>
              <a:lnTo>
                <a:pt x="13741" y="2185"/>
              </a:lnTo>
              <a:lnTo>
                <a:pt x="13081" y="1911"/>
              </a:lnTo>
              <a:lnTo>
                <a:pt x="12552" y="1638"/>
              </a:lnTo>
              <a:lnTo>
                <a:pt x="12156" y="546"/>
              </a:lnTo>
              <a:lnTo>
                <a:pt x="11759" y="0"/>
              </a:lnTo>
              <a:lnTo>
                <a:pt x="11495" y="546"/>
              </a:lnTo>
              <a:lnTo>
                <a:pt x="11363" y="1911"/>
              </a:lnTo>
              <a:lnTo>
                <a:pt x="11363" y="3550"/>
              </a:lnTo>
              <a:lnTo>
                <a:pt x="11231" y="4915"/>
              </a:lnTo>
              <a:lnTo>
                <a:pt x="10835" y="5188"/>
              </a:lnTo>
              <a:lnTo>
                <a:pt x="10306" y="4915"/>
              </a:lnTo>
              <a:lnTo>
                <a:pt x="10042" y="5461"/>
              </a:lnTo>
              <a:lnTo>
                <a:pt x="9645" y="6007"/>
              </a:lnTo>
              <a:lnTo>
                <a:pt x="9381" y="6281"/>
              </a:lnTo>
              <a:lnTo>
                <a:pt x="8721" y="5734"/>
              </a:lnTo>
              <a:lnTo>
                <a:pt x="8324" y="5461"/>
              </a:lnTo>
              <a:lnTo>
                <a:pt x="8060" y="4642"/>
              </a:lnTo>
              <a:lnTo>
                <a:pt x="7399" y="4642"/>
              </a:lnTo>
              <a:lnTo>
                <a:pt x="6871" y="4642"/>
              </a:lnTo>
              <a:lnTo>
                <a:pt x="6739" y="4096"/>
              </a:lnTo>
              <a:lnTo>
                <a:pt x="7003" y="3004"/>
              </a:lnTo>
              <a:lnTo>
                <a:pt x="6739" y="1911"/>
              </a:lnTo>
              <a:lnTo>
                <a:pt x="6342" y="1911"/>
              </a:lnTo>
              <a:lnTo>
                <a:pt x="6078" y="2458"/>
              </a:lnTo>
              <a:lnTo>
                <a:pt x="5814" y="2731"/>
              </a:lnTo>
              <a:lnTo>
                <a:pt x="5153" y="2458"/>
              </a:lnTo>
              <a:lnTo>
                <a:pt x="4625" y="2185"/>
              </a:lnTo>
              <a:lnTo>
                <a:pt x="4096" y="1911"/>
              </a:lnTo>
              <a:lnTo>
                <a:pt x="3567" y="1365"/>
              </a:lnTo>
              <a:lnTo>
                <a:pt x="3700" y="546"/>
              </a:lnTo>
              <a:lnTo>
                <a:pt x="2907" y="546"/>
              </a:lnTo>
              <a:lnTo>
                <a:pt x="2643" y="819"/>
              </a:lnTo>
              <a:lnTo>
                <a:pt x="2246" y="819"/>
              </a:lnTo>
              <a:lnTo>
                <a:pt x="1718" y="546"/>
              </a:lnTo>
              <a:lnTo>
                <a:pt x="1189" y="273"/>
              </a:lnTo>
              <a:lnTo>
                <a:pt x="925" y="1092"/>
              </a:lnTo>
              <a:lnTo>
                <a:pt x="661" y="1638"/>
              </a:lnTo>
              <a:lnTo>
                <a:pt x="396" y="2458"/>
              </a:lnTo>
              <a:lnTo>
                <a:pt x="132" y="3004"/>
              </a:lnTo>
              <a:lnTo>
                <a:pt x="0" y="3277"/>
              </a:lnTo>
              <a:lnTo>
                <a:pt x="132" y="4096"/>
              </a:lnTo>
              <a:lnTo>
                <a:pt x="529" y="5188"/>
              </a:lnTo>
              <a:lnTo>
                <a:pt x="1189" y="6827"/>
              </a:lnTo>
              <a:lnTo>
                <a:pt x="1453" y="8465"/>
              </a:lnTo>
              <a:lnTo>
                <a:pt x="1586" y="10923"/>
              </a:lnTo>
              <a:lnTo>
                <a:pt x="2114" y="12015"/>
              </a:lnTo>
              <a:lnTo>
                <a:pt x="2510" y="13380"/>
              </a:lnTo>
              <a:lnTo>
                <a:pt x="2643" y="12015"/>
              </a:lnTo>
              <a:lnTo>
                <a:pt x="3171" y="10923"/>
              </a:lnTo>
              <a:lnTo>
                <a:pt x="3832" y="9830"/>
              </a:lnTo>
              <a:lnTo>
                <a:pt x="4492" y="9830"/>
              </a:lnTo>
              <a:lnTo>
                <a:pt x="5021" y="9011"/>
              </a:lnTo>
              <a:lnTo>
                <a:pt x="5285" y="10650"/>
              </a:lnTo>
              <a:lnTo>
                <a:pt x="5549" y="12288"/>
              </a:lnTo>
              <a:lnTo>
                <a:pt x="5285" y="14199"/>
              </a:lnTo>
              <a:lnTo>
                <a:pt x="5549" y="14746"/>
              </a:lnTo>
              <a:lnTo>
                <a:pt x="5814" y="14473"/>
              </a:lnTo>
              <a:lnTo>
                <a:pt x="6210" y="14473"/>
              </a:lnTo>
              <a:lnTo>
                <a:pt x="6606" y="13926"/>
              </a:lnTo>
              <a:lnTo>
                <a:pt x="7399" y="13380"/>
              </a:lnTo>
              <a:lnTo>
                <a:pt x="7928" y="13926"/>
              </a:lnTo>
              <a:lnTo>
                <a:pt x="8192" y="14746"/>
              </a:lnTo>
              <a:lnTo>
                <a:pt x="8588" y="14746"/>
              </a:lnTo>
              <a:lnTo>
                <a:pt x="9117" y="15292"/>
              </a:lnTo>
              <a:lnTo>
                <a:pt x="9513" y="15838"/>
              </a:lnTo>
              <a:lnTo>
                <a:pt x="10042" y="15565"/>
              </a:lnTo>
              <a:lnTo>
                <a:pt x="10438" y="15565"/>
              </a:lnTo>
              <a:lnTo>
                <a:pt x="10702" y="16111"/>
              </a:lnTo>
              <a:lnTo>
                <a:pt x="12288" y="14473"/>
              </a:lnTo>
              <a:lnTo>
                <a:pt x="13609" y="16384"/>
              </a:lnTo>
              <a:lnTo>
                <a:pt x="13874" y="15838"/>
              </a:lnTo>
              <a:lnTo>
                <a:pt x="13213" y="14199"/>
              </a:lnTo>
              <a:lnTo>
                <a:pt x="13477" y="13380"/>
              </a:lnTo>
              <a:lnTo>
                <a:pt x="12288" y="11742"/>
              </a:lnTo>
              <a:lnTo>
                <a:pt x="12684" y="11196"/>
              </a:lnTo>
              <a:lnTo>
                <a:pt x="13609" y="11469"/>
              </a:lnTo>
              <a:lnTo>
                <a:pt x="14666" y="11196"/>
              </a:lnTo>
              <a:lnTo>
                <a:pt x="15327" y="11196"/>
              </a:lnTo>
              <a:lnTo>
                <a:pt x="15988" y="11196"/>
              </a:lnTo>
              <a:lnTo>
                <a:pt x="16384" y="10923"/>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447675</xdr:colOff>
      <xdr:row>19</xdr:row>
      <xdr:rowOff>66675</xdr:rowOff>
    </xdr:from>
    <xdr:to>
      <xdr:col>14</xdr:col>
      <xdr:colOff>219075</xdr:colOff>
      <xdr:row>22</xdr:row>
      <xdr:rowOff>95251</xdr:rowOff>
    </xdr:to>
    <xdr:sp macro="" textlink="">
      <xdr:nvSpPr>
        <xdr:cNvPr id="123" name="d14103">
          <a:extLst>
            <a:ext uri="{FF2B5EF4-FFF2-40B4-BE49-F238E27FC236}">
              <a16:creationId xmlns:a16="http://schemas.microsoft.com/office/drawing/2014/main" id="{00000000-0008-0000-0000-00007B000000}"/>
            </a:ext>
          </a:extLst>
        </xdr:cNvPr>
        <xdr:cNvSpPr>
          <a:spLocks/>
        </xdr:cNvSpPr>
      </xdr:nvSpPr>
      <xdr:spPr bwMode="auto">
        <a:xfrm>
          <a:off x="8372475" y="2962275"/>
          <a:ext cx="381000" cy="485776"/>
        </a:xfrm>
        <a:custGeom>
          <a:avLst/>
          <a:gdLst/>
          <a:ahLst/>
          <a:cxnLst>
            <a:cxn ang="0">
              <a:pos x="15155" y="3213"/>
            </a:cxn>
            <a:cxn ang="0">
              <a:pos x="14336" y="2570"/>
            </a:cxn>
            <a:cxn ang="0">
              <a:pos x="13107" y="2570"/>
            </a:cxn>
            <a:cxn ang="0">
              <a:pos x="11469" y="2891"/>
            </a:cxn>
            <a:cxn ang="0">
              <a:pos x="10240" y="2249"/>
            </a:cxn>
            <a:cxn ang="0">
              <a:pos x="8602" y="1606"/>
            </a:cxn>
            <a:cxn ang="0">
              <a:pos x="7373" y="1606"/>
            </a:cxn>
            <a:cxn ang="0">
              <a:pos x="6554" y="643"/>
            </a:cxn>
            <a:cxn ang="0">
              <a:pos x="4915" y="0"/>
            </a:cxn>
            <a:cxn ang="0">
              <a:pos x="2458" y="643"/>
            </a:cxn>
            <a:cxn ang="0">
              <a:pos x="1229" y="1285"/>
            </a:cxn>
            <a:cxn ang="0">
              <a:pos x="1229" y="1928"/>
            </a:cxn>
            <a:cxn ang="0">
              <a:pos x="410" y="2570"/>
            </a:cxn>
            <a:cxn ang="0">
              <a:pos x="819" y="3855"/>
            </a:cxn>
            <a:cxn ang="0">
              <a:pos x="1229" y="5140"/>
            </a:cxn>
            <a:cxn ang="0">
              <a:pos x="1638" y="6104"/>
            </a:cxn>
            <a:cxn ang="0">
              <a:pos x="1229" y="7068"/>
            </a:cxn>
            <a:cxn ang="0">
              <a:pos x="1229" y="8353"/>
            </a:cxn>
            <a:cxn ang="0">
              <a:pos x="410" y="9638"/>
            </a:cxn>
            <a:cxn ang="0">
              <a:pos x="0" y="10601"/>
            </a:cxn>
            <a:cxn ang="0">
              <a:pos x="0" y="12208"/>
            </a:cxn>
            <a:cxn ang="0">
              <a:pos x="819" y="13171"/>
            </a:cxn>
            <a:cxn ang="0">
              <a:pos x="1638" y="13493"/>
            </a:cxn>
            <a:cxn ang="0">
              <a:pos x="3277" y="13493"/>
            </a:cxn>
            <a:cxn ang="0">
              <a:pos x="4506" y="13493"/>
            </a:cxn>
            <a:cxn ang="0">
              <a:pos x="5734" y="12850"/>
            </a:cxn>
            <a:cxn ang="0">
              <a:pos x="7373" y="13814"/>
            </a:cxn>
            <a:cxn ang="0">
              <a:pos x="9421" y="14456"/>
            </a:cxn>
            <a:cxn ang="0">
              <a:pos x="9011" y="16063"/>
            </a:cxn>
            <a:cxn ang="0">
              <a:pos x="9421" y="16384"/>
            </a:cxn>
            <a:cxn ang="0">
              <a:pos x="10650" y="16384"/>
            </a:cxn>
            <a:cxn ang="0">
              <a:pos x="12288" y="15420"/>
            </a:cxn>
            <a:cxn ang="0">
              <a:pos x="13926" y="15099"/>
            </a:cxn>
            <a:cxn ang="0">
              <a:pos x="15155" y="13814"/>
            </a:cxn>
            <a:cxn ang="0">
              <a:pos x="15565" y="12529"/>
            </a:cxn>
            <a:cxn ang="0">
              <a:pos x="15974" y="11565"/>
            </a:cxn>
            <a:cxn ang="0">
              <a:pos x="15565" y="10280"/>
            </a:cxn>
            <a:cxn ang="0">
              <a:pos x="15565" y="8995"/>
            </a:cxn>
            <a:cxn ang="0">
              <a:pos x="16384" y="8353"/>
            </a:cxn>
            <a:cxn ang="0">
              <a:pos x="15155" y="7710"/>
            </a:cxn>
            <a:cxn ang="0">
              <a:pos x="13107" y="5783"/>
            </a:cxn>
            <a:cxn ang="0">
              <a:pos x="15155" y="3213"/>
            </a:cxn>
          </a:cxnLst>
          <a:rect l="0" t="0" r="r" b="b"/>
          <a:pathLst>
            <a:path w="16384" h="16384">
              <a:moveTo>
                <a:pt x="15155" y="3213"/>
              </a:moveTo>
              <a:lnTo>
                <a:pt x="14336" y="2570"/>
              </a:lnTo>
              <a:lnTo>
                <a:pt x="13107" y="2570"/>
              </a:lnTo>
              <a:lnTo>
                <a:pt x="11469" y="2891"/>
              </a:lnTo>
              <a:lnTo>
                <a:pt x="10240" y="2249"/>
              </a:lnTo>
              <a:lnTo>
                <a:pt x="8602" y="1606"/>
              </a:lnTo>
              <a:lnTo>
                <a:pt x="7373" y="1606"/>
              </a:lnTo>
              <a:lnTo>
                <a:pt x="6554" y="643"/>
              </a:lnTo>
              <a:lnTo>
                <a:pt x="4915" y="0"/>
              </a:lnTo>
              <a:lnTo>
                <a:pt x="2458" y="643"/>
              </a:lnTo>
              <a:lnTo>
                <a:pt x="1229" y="1285"/>
              </a:lnTo>
              <a:lnTo>
                <a:pt x="1229" y="1928"/>
              </a:lnTo>
              <a:lnTo>
                <a:pt x="410" y="2570"/>
              </a:lnTo>
              <a:lnTo>
                <a:pt x="819" y="3855"/>
              </a:lnTo>
              <a:lnTo>
                <a:pt x="1229" y="5140"/>
              </a:lnTo>
              <a:lnTo>
                <a:pt x="1638" y="6104"/>
              </a:lnTo>
              <a:lnTo>
                <a:pt x="1229" y="7068"/>
              </a:lnTo>
              <a:lnTo>
                <a:pt x="1229" y="8353"/>
              </a:lnTo>
              <a:lnTo>
                <a:pt x="410" y="9638"/>
              </a:lnTo>
              <a:lnTo>
                <a:pt x="0" y="10601"/>
              </a:lnTo>
              <a:lnTo>
                <a:pt x="0" y="12208"/>
              </a:lnTo>
              <a:lnTo>
                <a:pt x="819" y="13171"/>
              </a:lnTo>
              <a:lnTo>
                <a:pt x="1638" y="13493"/>
              </a:lnTo>
              <a:lnTo>
                <a:pt x="3277" y="13493"/>
              </a:lnTo>
              <a:lnTo>
                <a:pt x="4506" y="13493"/>
              </a:lnTo>
              <a:lnTo>
                <a:pt x="5734" y="12850"/>
              </a:lnTo>
              <a:lnTo>
                <a:pt x="7373" y="13814"/>
              </a:lnTo>
              <a:lnTo>
                <a:pt x="9421" y="14456"/>
              </a:lnTo>
              <a:lnTo>
                <a:pt x="9011" y="16063"/>
              </a:lnTo>
              <a:lnTo>
                <a:pt x="9421" y="16384"/>
              </a:lnTo>
              <a:lnTo>
                <a:pt x="10650" y="16384"/>
              </a:lnTo>
              <a:lnTo>
                <a:pt x="12288" y="15420"/>
              </a:lnTo>
              <a:lnTo>
                <a:pt x="13926" y="15099"/>
              </a:lnTo>
              <a:lnTo>
                <a:pt x="15155" y="13814"/>
              </a:lnTo>
              <a:lnTo>
                <a:pt x="15565" y="12529"/>
              </a:lnTo>
              <a:lnTo>
                <a:pt x="15974" y="11565"/>
              </a:lnTo>
              <a:lnTo>
                <a:pt x="15565" y="10280"/>
              </a:lnTo>
              <a:lnTo>
                <a:pt x="15565" y="8995"/>
              </a:lnTo>
              <a:lnTo>
                <a:pt x="16384" y="8353"/>
              </a:lnTo>
              <a:lnTo>
                <a:pt x="15155" y="7710"/>
              </a:lnTo>
              <a:lnTo>
                <a:pt x="13107" y="5783"/>
              </a:lnTo>
              <a:lnTo>
                <a:pt x="15155" y="3213"/>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4</xdr:col>
      <xdr:colOff>85725</xdr:colOff>
      <xdr:row>20</xdr:row>
      <xdr:rowOff>114300</xdr:rowOff>
    </xdr:from>
    <xdr:to>
      <xdr:col>15</xdr:col>
      <xdr:colOff>161925</xdr:colOff>
      <xdr:row>25</xdr:row>
      <xdr:rowOff>95251</xdr:rowOff>
    </xdr:to>
    <xdr:sp macro="" textlink="">
      <xdr:nvSpPr>
        <xdr:cNvPr id="127" name="d14104">
          <a:extLst>
            <a:ext uri="{FF2B5EF4-FFF2-40B4-BE49-F238E27FC236}">
              <a16:creationId xmlns:a16="http://schemas.microsoft.com/office/drawing/2014/main" id="{00000000-0008-0000-0000-00007F000000}"/>
            </a:ext>
          </a:extLst>
        </xdr:cNvPr>
        <xdr:cNvSpPr>
          <a:spLocks/>
        </xdr:cNvSpPr>
      </xdr:nvSpPr>
      <xdr:spPr bwMode="auto">
        <a:xfrm>
          <a:off x="8620125" y="3162300"/>
          <a:ext cx="685800" cy="742951"/>
        </a:xfrm>
        <a:custGeom>
          <a:avLst/>
          <a:gdLst/>
          <a:ahLst/>
          <a:cxnLst>
            <a:cxn ang="0">
              <a:pos x="3186" y="1050"/>
            </a:cxn>
            <a:cxn ang="0">
              <a:pos x="2731" y="1470"/>
            </a:cxn>
            <a:cxn ang="0">
              <a:pos x="2731" y="2311"/>
            </a:cxn>
            <a:cxn ang="0">
              <a:pos x="2958" y="3151"/>
            </a:cxn>
            <a:cxn ang="0">
              <a:pos x="2731" y="3781"/>
            </a:cxn>
            <a:cxn ang="0">
              <a:pos x="2503" y="4621"/>
            </a:cxn>
            <a:cxn ang="0">
              <a:pos x="1820" y="5461"/>
            </a:cxn>
            <a:cxn ang="0">
              <a:pos x="2048" y="6302"/>
            </a:cxn>
            <a:cxn ang="0">
              <a:pos x="3186" y="6512"/>
            </a:cxn>
            <a:cxn ang="0">
              <a:pos x="3186" y="7142"/>
            </a:cxn>
            <a:cxn ang="0">
              <a:pos x="3641" y="7562"/>
            </a:cxn>
            <a:cxn ang="0">
              <a:pos x="3413" y="8402"/>
            </a:cxn>
            <a:cxn ang="0">
              <a:pos x="2731" y="8822"/>
            </a:cxn>
            <a:cxn ang="0">
              <a:pos x="2048" y="9242"/>
            </a:cxn>
            <a:cxn ang="0">
              <a:pos x="1138" y="9242"/>
            </a:cxn>
            <a:cxn ang="0">
              <a:pos x="0" y="9242"/>
            </a:cxn>
            <a:cxn ang="0">
              <a:pos x="455" y="9872"/>
            </a:cxn>
            <a:cxn ang="0">
              <a:pos x="1365" y="10503"/>
            </a:cxn>
            <a:cxn ang="0">
              <a:pos x="1593" y="11553"/>
            </a:cxn>
            <a:cxn ang="0">
              <a:pos x="2276" y="11763"/>
            </a:cxn>
            <a:cxn ang="0">
              <a:pos x="3641" y="11763"/>
            </a:cxn>
            <a:cxn ang="0">
              <a:pos x="4096" y="12603"/>
            </a:cxn>
            <a:cxn ang="0">
              <a:pos x="5006" y="14073"/>
            </a:cxn>
            <a:cxn ang="0">
              <a:pos x="6372" y="13653"/>
            </a:cxn>
            <a:cxn ang="0">
              <a:pos x="7282" y="13443"/>
            </a:cxn>
            <a:cxn ang="0">
              <a:pos x="9330" y="14704"/>
            </a:cxn>
            <a:cxn ang="0">
              <a:pos x="11833" y="16384"/>
            </a:cxn>
            <a:cxn ang="0">
              <a:pos x="14791" y="14073"/>
            </a:cxn>
            <a:cxn ang="0">
              <a:pos x="15246" y="12183"/>
            </a:cxn>
            <a:cxn ang="0">
              <a:pos x="13426" y="10923"/>
            </a:cxn>
            <a:cxn ang="0">
              <a:pos x="14108" y="10082"/>
            </a:cxn>
            <a:cxn ang="0">
              <a:pos x="15246" y="10713"/>
            </a:cxn>
            <a:cxn ang="0">
              <a:pos x="16384" y="5671"/>
            </a:cxn>
            <a:cxn ang="0">
              <a:pos x="16156" y="5461"/>
            </a:cxn>
            <a:cxn ang="0">
              <a:pos x="14791" y="8192"/>
            </a:cxn>
            <a:cxn ang="0">
              <a:pos x="13653" y="7562"/>
            </a:cxn>
            <a:cxn ang="0">
              <a:pos x="15246" y="5041"/>
            </a:cxn>
            <a:cxn ang="0">
              <a:pos x="14336" y="4831"/>
            </a:cxn>
            <a:cxn ang="0">
              <a:pos x="13426" y="7142"/>
            </a:cxn>
            <a:cxn ang="0">
              <a:pos x="12743" y="6722"/>
            </a:cxn>
            <a:cxn ang="0">
              <a:pos x="13881" y="4621"/>
            </a:cxn>
            <a:cxn ang="0">
              <a:pos x="13198" y="4201"/>
            </a:cxn>
            <a:cxn ang="0">
              <a:pos x="12288" y="5461"/>
            </a:cxn>
            <a:cxn ang="0">
              <a:pos x="11833" y="5251"/>
            </a:cxn>
            <a:cxn ang="0">
              <a:pos x="12743" y="3361"/>
            </a:cxn>
            <a:cxn ang="0">
              <a:pos x="11833" y="3151"/>
            </a:cxn>
            <a:cxn ang="0">
              <a:pos x="9785" y="5041"/>
            </a:cxn>
            <a:cxn ang="0">
              <a:pos x="8420" y="4201"/>
            </a:cxn>
            <a:cxn ang="0">
              <a:pos x="10923" y="3151"/>
            </a:cxn>
            <a:cxn ang="0">
              <a:pos x="11150" y="2521"/>
            </a:cxn>
            <a:cxn ang="0">
              <a:pos x="10468" y="2311"/>
            </a:cxn>
            <a:cxn ang="0">
              <a:pos x="10240" y="2731"/>
            </a:cxn>
            <a:cxn ang="0">
              <a:pos x="8647" y="2101"/>
            </a:cxn>
            <a:cxn ang="0">
              <a:pos x="7509" y="3361"/>
            </a:cxn>
            <a:cxn ang="0">
              <a:pos x="5006" y="1890"/>
            </a:cxn>
            <a:cxn ang="0">
              <a:pos x="5461" y="420"/>
            </a:cxn>
            <a:cxn ang="0">
              <a:pos x="4551" y="0"/>
            </a:cxn>
            <a:cxn ang="0">
              <a:pos x="3186" y="1050"/>
            </a:cxn>
          </a:cxnLst>
          <a:rect l="0" t="0" r="r" b="b"/>
          <a:pathLst>
            <a:path w="16384" h="16384">
              <a:moveTo>
                <a:pt x="3186" y="1050"/>
              </a:moveTo>
              <a:lnTo>
                <a:pt x="2731" y="1470"/>
              </a:lnTo>
              <a:lnTo>
                <a:pt x="2731" y="2311"/>
              </a:lnTo>
              <a:lnTo>
                <a:pt x="2958" y="3151"/>
              </a:lnTo>
              <a:lnTo>
                <a:pt x="2731" y="3781"/>
              </a:lnTo>
              <a:lnTo>
                <a:pt x="2503" y="4621"/>
              </a:lnTo>
              <a:lnTo>
                <a:pt x="1820" y="5461"/>
              </a:lnTo>
              <a:lnTo>
                <a:pt x="2048" y="6302"/>
              </a:lnTo>
              <a:lnTo>
                <a:pt x="3186" y="6512"/>
              </a:lnTo>
              <a:lnTo>
                <a:pt x="3186" y="7142"/>
              </a:lnTo>
              <a:lnTo>
                <a:pt x="3641" y="7562"/>
              </a:lnTo>
              <a:lnTo>
                <a:pt x="3413" y="8402"/>
              </a:lnTo>
              <a:lnTo>
                <a:pt x="2731" y="8822"/>
              </a:lnTo>
              <a:lnTo>
                <a:pt x="2048" y="9242"/>
              </a:lnTo>
              <a:lnTo>
                <a:pt x="1138" y="9242"/>
              </a:lnTo>
              <a:lnTo>
                <a:pt x="0" y="9242"/>
              </a:lnTo>
              <a:lnTo>
                <a:pt x="455" y="9872"/>
              </a:lnTo>
              <a:lnTo>
                <a:pt x="1365" y="10503"/>
              </a:lnTo>
              <a:lnTo>
                <a:pt x="1593" y="11553"/>
              </a:lnTo>
              <a:lnTo>
                <a:pt x="2276" y="11763"/>
              </a:lnTo>
              <a:lnTo>
                <a:pt x="3641" y="11763"/>
              </a:lnTo>
              <a:lnTo>
                <a:pt x="4096" y="12603"/>
              </a:lnTo>
              <a:lnTo>
                <a:pt x="5006" y="14073"/>
              </a:lnTo>
              <a:lnTo>
                <a:pt x="6372" y="13653"/>
              </a:lnTo>
              <a:lnTo>
                <a:pt x="7282" y="13443"/>
              </a:lnTo>
              <a:lnTo>
                <a:pt x="9330" y="14704"/>
              </a:lnTo>
              <a:lnTo>
                <a:pt x="11833" y="16384"/>
              </a:lnTo>
              <a:lnTo>
                <a:pt x="14791" y="14073"/>
              </a:lnTo>
              <a:lnTo>
                <a:pt x="15246" y="12183"/>
              </a:lnTo>
              <a:lnTo>
                <a:pt x="13426" y="10923"/>
              </a:lnTo>
              <a:lnTo>
                <a:pt x="14108" y="10082"/>
              </a:lnTo>
              <a:lnTo>
                <a:pt x="15246" y="10713"/>
              </a:lnTo>
              <a:lnTo>
                <a:pt x="16384" y="5671"/>
              </a:lnTo>
              <a:lnTo>
                <a:pt x="16156" y="5461"/>
              </a:lnTo>
              <a:lnTo>
                <a:pt x="14791" y="8192"/>
              </a:lnTo>
              <a:lnTo>
                <a:pt x="13653" y="7562"/>
              </a:lnTo>
              <a:lnTo>
                <a:pt x="15246" y="5041"/>
              </a:lnTo>
              <a:lnTo>
                <a:pt x="14336" y="4831"/>
              </a:lnTo>
              <a:lnTo>
                <a:pt x="13426" y="7142"/>
              </a:lnTo>
              <a:lnTo>
                <a:pt x="12743" y="6722"/>
              </a:lnTo>
              <a:lnTo>
                <a:pt x="13881" y="4621"/>
              </a:lnTo>
              <a:lnTo>
                <a:pt x="13198" y="4201"/>
              </a:lnTo>
              <a:lnTo>
                <a:pt x="12288" y="5461"/>
              </a:lnTo>
              <a:lnTo>
                <a:pt x="11833" y="5251"/>
              </a:lnTo>
              <a:lnTo>
                <a:pt x="12743" y="3361"/>
              </a:lnTo>
              <a:lnTo>
                <a:pt x="11833" y="3151"/>
              </a:lnTo>
              <a:lnTo>
                <a:pt x="9785" y="5041"/>
              </a:lnTo>
              <a:lnTo>
                <a:pt x="8420" y="4201"/>
              </a:lnTo>
              <a:lnTo>
                <a:pt x="10923" y="3151"/>
              </a:lnTo>
              <a:lnTo>
                <a:pt x="11150" y="2521"/>
              </a:lnTo>
              <a:lnTo>
                <a:pt x="10468" y="2311"/>
              </a:lnTo>
              <a:lnTo>
                <a:pt x="10240" y="2731"/>
              </a:lnTo>
              <a:lnTo>
                <a:pt x="8647" y="2101"/>
              </a:lnTo>
              <a:lnTo>
                <a:pt x="7509" y="3361"/>
              </a:lnTo>
              <a:lnTo>
                <a:pt x="5006" y="1890"/>
              </a:lnTo>
              <a:lnTo>
                <a:pt x="5461" y="420"/>
              </a:lnTo>
              <a:lnTo>
                <a:pt x="4551" y="0"/>
              </a:lnTo>
              <a:lnTo>
                <a:pt x="3186" y="1050"/>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114300</xdr:colOff>
      <xdr:row>21</xdr:row>
      <xdr:rowOff>142875</xdr:rowOff>
    </xdr:from>
    <xdr:to>
      <xdr:col>14</xdr:col>
      <xdr:colOff>238125</xdr:colOff>
      <xdr:row>25</xdr:row>
      <xdr:rowOff>66677</xdr:rowOff>
    </xdr:to>
    <xdr:sp macro="" textlink="">
      <xdr:nvSpPr>
        <xdr:cNvPr id="132" name="d14105">
          <a:extLst>
            <a:ext uri="{FF2B5EF4-FFF2-40B4-BE49-F238E27FC236}">
              <a16:creationId xmlns:a16="http://schemas.microsoft.com/office/drawing/2014/main" id="{00000000-0008-0000-0000-000084000000}"/>
            </a:ext>
          </a:extLst>
        </xdr:cNvPr>
        <xdr:cNvSpPr>
          <a:spLocks/>
        </xdr:cNvSpPr>
      </xdr:nvSpPr>
      <xdr:spPr bwMode="auto">
        <a:xfrm>
          <a:off x="8039100" y="3343275"/>
          <a:ext cx="733425" cy="533402"/>
        </a:xfrm>
        <a:custGeom>
          <a:avLst/>
          <a:gdLst/>
          <a:ahLst/>
          <a:cxnLst>
            <a:cxn ang="0">
              <a:pos x="14682" y="2048"/>
            </a:cxn>
            <a:cxn ang="0">
              <a:pos x="13831" y="2341"/>
            </a:cxn>
            <a:cxn ang="0">
              <a:pos x="12980" y="3218"/>
            </a:cxn>
            <a:cxn ang="0">
              <a:pos x="12341" y="3218"/>
            </a:cxn>
            <a:cxn ang="0">
              <a:pos x="12128" y="2926"/>
            </a:cxn>
            <a:cxn ang="0">
              <a:pos x="12341" y="1463"/>
            </a:cxn>
            <a:cxn ang="0">
              <a:pos x="11277" y="878"/>
            </a:cxn>
            <a:cxn ang="0">
              <a:pos x="10426" y="0"/>
            </a:cxn>
            <a:cxn ang="0">
              <a:pos x="9788" y="585"/>
            </a:cxn>
            <a:cxn ang="0">
              <a:pos x="9150" y="585"/>
            </a:cxn>
            <a:cxn ang="0">
              <a:pos x="8298" y="585"/>
            </a:cxn>
            <a:cxn ang="0">
              <a:pos x="6809" y="2926"/>
            </a:cxn>
            <a:cxn ang="0">
              <a:pos x="5745" y="1755"/>
            </a:cxn>
            <a:cxn ang="0">
              <a:pos x="4681" y="1463"/>
            </a:cxn>
            <a:cxn ang="0">
              <a:pos x="4043" y="878"/>
            </a:cxn>
            <a:cxn ang="0">
              <a:pos x="2979" y="1755"/>
            </a:cxn>
            <a:cxn ang="0">
              <a:pos x="2341" y="2633"/>
            </a:cxn>
            <a:cxn ang="0">
              <a:pos x="2128" y="3803"/>
            </a:cxn>
            <a:cxn ang="0">
              <a:pos x="1915" y="4974"/>
            </a:cxn>
            <a:cxn ang="0">
              <a:pos x="0" y="5266"/>
            </a:cxn>
            <a:cxn ang="0">
              <a:pos x="0" y="7022"/>
            </a:cxn>
            <a:cxn ang="0">
              <a:pos x="426" y="9070"/>
            </a:cxn>
            <a:cxn ang="0">
              <a:pos x="1064" y="10533"/>
            </a:cxn>
            <a:cxn ang="0">
              <a:pos x="1489" y="11410"/>
            </a:cxn>
            <a:cxn ang="0">
              <a:pos x="1915" y="12873"/>
            </a:cxn>
            <a:cxn ang="0">
              <a:pos x="2979" y="12873"/>
            </a:cxn>
            <a:cxn ang="0">
              <a:pos x="4256" y="11995"/>
            </a:cxn>
            <a:cxn ang="0">
              <a:pos x="6171" y="11703"/>
            </a:cxn>
            <a:cxn ang="0">
              <a:pos x="5958" y="13458"/>
            </a:cxn>
            <a:cxn ang="0">
              <a:pos x="6809" y="14043"/>
            </a:cxn>
            <a:cxn ang="0">
              <a:pos x="7447" y="15506"/>
            </a:cxn>
            <a:cxn ang="0">
              <a:pos x="8511" y="16384"/>
            </a:cxn>
            <a:cxn ang="0">
              <a:pos x="8086" y="16091"/>
            </a:cxn>
            <a:cxn ang="0">
              <a:pos x="7873" y="14043"/>
            </a:cxn>
            <a:cxn ang="0">
              <a:pos x="8298" y="11995"/>
            </a:cxn>
            <a:cxn ang="0">
              <a:pos x="8298" y="10240"/>
            </a:cxn>
            <a:cxn ang="0">
              <a:pos x="9362" y="9362"/>
            </a:cxn>
            <a:cxn ang="0">
              <a:pos x="10639" y="7899"/>
            </a:cxn>
            <a:cxn ang="0">
              <a:pos x="12128" y="7314"/>
            </a:cxn>
            <a:cxn ang="0">
              <a:pos x="12980" y="7314"/>
            </a:cxn>
            <a:cxn ang="0">
              <a:pos x="14043" y="7314"/>
            </a:cxn>
            <a:cxn ang="0">
              <a:pos x="14895" y="7314"/>
            </a:cxn>
            <a:cxn ang="0">
              <a:pos x="15533" y="6729"/>
            </a:cxn>
            <a:cxn ang="0">
              <a:pos x="16171" y="6144"/>
            </a:cxn>
            <a:cxn ang="0">
              <a:pos x="16384" y="4974"/>
            </a:cxn>
            <a:cxn ang="0">
              <a:pos x="15958" y="4389"/>
            </a:cxn>
            <a:cxn ang="0">
              <a:pos x="15958" y="3511"/>
            </a:cxn>
            <a:cxn ang="0">
              <a:pos x="14895" y="3218"/>
            </a:cxn>
            <a:cxn ang="0">
              <a:pos x="14682" y="2048"/>
            </a:cxn>
          </a:cxnLst>
          <a:rect l="0" t="0" r="r" b="b"/>
          <a:pathLst>
            <a:path w="16384" h="16384">
              <a:moveTo>
                <a:pt x="14682" y="2048"/>
              </a:moveTo>
              <a:lnTo>
                <a:pt x="13831" y="2341"/>
              </a:lnTo>
              <a:lnTo>
                <a:pt x="12980" y="3218"/>
              </a:lnTo>
              <a:lnTo>
                <a:pt x="12341" y="3218"/>
              </a:lnTo>
              <a:lnTo>
                <a:pt x="12128" y="2926"/>
              </a:lnTo>
              <a:lnTo>
                <a:pt x="12341" y="1463"/>
              </a:lnTo>
              <a:lnTo>
                <a:pt x="11277" y="878"/>
              </a:lnTo>
              <a:lnTo>
                <a:pt x="10426" y="0"/>
              </a:lnTo>
              <a:lnTo>
                <a:pt x="9788" y="585"/>
              </a:lnTo>
              <a:lnTo>
                <a:pt x="9150" y="585"/>
              </a:lnTo>
              <a:lnTo>
                <a:pt x="8298" y="585"/>
              </a:lnTo>
              <a:lnTo>
                <a:pt x="6809" y="2926"/>
              </a:lnTo>
              <a:lnTo>
                <a:pt x="5745" y="1755"/>
              </a:lnTo>
              <a:lnTo>
                <a:pt x="4681" y="1463"/>
              </a:lnTo>
              <a:lnTo>
                <a:pt x="4043" y="878"/>
              </a:lnTo>
              <a:lnTo>
                <a:pt x="2979" y="1755"/>
              </a:lnTo>
              <a:lnTo>
                <a:pt x="2341" y="2633"/>
              </a:lnTo>
              <a:lnTo>
                <a:pt x="2128" y="3803"/>
              </a:lnTo>
              <a:lnTo>
                <a:pt x="1915" y="4974"/>
              </a:lnTo>
              <a:lnTo>
                <a:pt x="0" y="5266"/>
              </a:lnTo>
              <a:lnTo>
                <a:pt x="0" y="7022"/>
              </a:lnTo>
              <a:lnTo>
                <a:pt x="426" y="9070"/>
              </a:lnTo>
              <a:lnTo>
                <a:pt x="1064" y="10533"/>
              </a:lnTo>
              <a:lnTo>
                <a:pt x="1489" y="11410"/>
              </a:lnTo>
              <a:lnTo>
                <a:pt x="1915" y="12873"/>
              </a:lnTo>
              <a:lnTo>
                <a:pt x="2979" y="12873"/>
              </a:lnTo>
              <a:lnTo>
                <a:pt x="4256" y="11995"/>
              </a:lnTo>
              <a:lnTo>
                <a:pt x="6171" y="11703"/>
              </a:lnTo>
              <a:lnTo>
                <a:pt x="5958" y="13458"/>
              </a:lnTo>
              <a:lnTo>
                <a:pt x="6809" y="14043"/>
              </a:lnTo>
              <a:lnTo>
                <a:pt x="7447" y="15506"/>
              </a:lnTo>
              <a:lnTo>
                <a:pt x="8511" y="16384"/>
              </a:lnTo>
              <a:lnTo>
                <a:pt x="8086" y="16091"/>
              </a:lnTo>
              <a:lnTo>
                <a:pt x="7873" y="14043"/>
              </a:lnTo>
              <a:lnTo>
                <a:pt x="8298" y="11995"/>
              </a:lnTo>
              <a:lnTo>
                <a:pt x="8298" y="10240"/>
              </a:lnTo>
              <a:lnTo>
                <a:pt x="9362" y="9362"/>
              </a:lnTo>
              <a:lnTo>
                <a:pt x="10639" y="7899"/>
              </a:lnTo>
              <a:lnTo>
                <a:pt x="12128" y="7314"/>
              </a:lnTo>
              <a:lnTo>
                <a:pt x="12980" y="7314"/>
              </a:lnTo>
              <a:lnTo>
                <a:pt x="14043" y="7314"/>
              </a:lnTo>
              <a:lnTo>
                <a:pt x="14895" y="7314"/>
              </a:lnTo>
              <a:lnTo>
                <a:pt x="15533" y="6729"/>
              </a:lnTo>
              <a:lnTo>
                <a:pt x="16171" y="6144"/>
              </a:lnTo>
              <a:lnTo>
                <a:pt x="16384" y="4974"/>
              </a:lnTo>
              <a:lnTo>
                <a:pt x="15958" y="4389"/>
              </a:lnTo>
              <a:lnTo>
                <a:pt x="15958" y="3511"/>
              </a:lnTo>
              <a:lnTo>
                <a:pt x="14895" y="3218"/>
              </a:lnTo>
              <a:lnTo>
                <a:pt x="14682" y="2048"/>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400050</xdr:colOff>
      <xdr:row>17</xdr:row>
      <xdr:rowOff>19050</xdr:rowOff>
    </xdr:from>
    <xdr:to>
      <xdr:col>13</xdr:col>
      <xdr:colOff>485775</xdr:colOff>
      <xdr:row>23</xdr:row>
      <xdr:rowOff>9525</xdr:rowOff>
    </xdr:to>
    <xdr:sp macro="" textlink="">
      <xdr:nvSpPr>
        <xdr:cNvPr id="134" name="d14106">
          <a:extLst>
            <a:ext uri="{FF2B5EF4-FFF2-40B4-BE49-F238E27FC236}">
              <a16:creationId xmlns:a16="http://schemas.microsoft.com/office/drawing/2014/main" id="{00000000-0008-0000-0000-000086000000}"/>
            </a:ext>
          </a:extLst>
        </xdr:cNvPr>
        <xdr:cNvSpPr>
          <a:spLocks/>
        </xdr:cNvSpPr>
      </xdr:nvSpPr>
      <xdr:spPr bwMode="auto">
        <a:xfrm>
          <a:off x="7715250" y="2609850"/>
          <a:ext cx="695325" cy="904875"/>
        </a:xfrm>
        <a:custGeom>
          <a:avLst/>
          <a:gdLst/>
          <a:ahLst/>
          <a:cxnLst>
            <a:cxn ang="0">
              <a:pos x="15486" y="7071"/>
            </a:cxn>
            <a:cxn ang="0">
              <a:pos x="14588" y="6899"/>
            </a:cxn>
            <a:cxn ang="0">
              <a:pos x="14588" y="4657"/>
            </a:cxn>
            <a:cxn ang="0">
              <a:pos x="13242" y="4139"/>
            </a:cxn>
            <a:cxn ang="0">
              <a:pos x="10997" y="4829"/>
            </a:cxn>
            <a:cxn ang="0">
              <a:pos x="9875" y="6381"/>
            </a:cxn>
            <a:cxn ang="0">
              <a:pos x="8304" y="4829"/>
            </a:cxn>
            <a:cxn ang="0">
              <a:pos x="7631" y="2242"/>
            </a:cxn>
            <a:cxn ang="0">
              <a:pos x="5835" y="517"/>
            </a:cxn>
            <a:cxn ang="0">
              <a:pos x="5162" y="172"/>
            </a:cxn>
            <a:cxn ang="0">
              <a:pos x="4040" y="1552"/>
            </a:cxn>
            <a:cxn ang="0">
              <a:pos x="3142" y="1897"/>
            </a:cxn>
            <a:cxn ang="0">
              <a:pos x="2693" y="690"/>
            </a:cxn>
            <a:cxn ang="0">
              <a:pos x="1571" y="345"/>
            </a:cxn>
            <a:cxn ang="0">
              <a:pos x="898" y="1380"/>
            </a:cxn>
            <a:cxn ang="0">
              <a:pos x="2918" y="2932"/>
            </a:cxn>
            <a:cxn ang="0">
              <a:pos x="5162" y="3104"/>
            </a:cxn>
            <a:cxn ang="0">
              <a:pos x="4264" y="4312"/>
            </a:cxn>
            <a:cxn ang="0">
              <a:pos x="4264" y="5519"/>
            </a:cxn>
            <a:cxn ang="0">
              <a:pos x="2244" y="6554"/>
            </a:cxn>
            <a:cxn ang="0">
              <a:pos x="4264" y="7761"/>
            </a:cxn>
            <a:cxn ang="0">
              <a:pos x="6060" y="8968"/>
            </a:cxn>
            <a:cxn ang="0">
              <a:pos x="5611" y="10520"/>
            </a:cxn>
            <a:cxn ang="0">
              <a:pos x="4040" y="11038"/>
            </a:cxn>
            <a:cxn ang="0">
              <a:pos x="2244" y="10693"/>
            </a:cxn>
            <a:cxn ang="0">
              <a:pos x="0" y="11555"/>
            </a:cxn>
            <a:cxn ang="0">
              <a:pos x="1122" y="12762"/>
            </a:cxn>
            <a:cxn ang="0">
              <a:pos x="3591" y="13797"/>
            </a:cxn>
            <a:cxn ang="0">
              <a:pos x="3815" y="15522"/>
            </a:cxn>
            <a:cxn ang="0">
              <a:pos x="6284" y="15004"/>
            </a:cxn>
            <a:cxn ang="0">
              <a:pos x="7631" y="16384"/>
            </a:cxn>
            <a:cxn ang="0">
              <a:pos x="9875" y="15522"/>
            </a:cxn>
            <a:cxn ang="0">
              <a:pos x="10773" y="14314"/>
            </a:cxn>
            <a:cxn ang="0">
              <a:pos x="12569" y="14142"/>
            </a:cxn>
            <a:cxn ang="0">
              <a:pos x="14813" y="15004"/>
            </a:cxn>
            <a:cxn ang="0">
              <a:pos x="15935" y="13452"/>
            </a:cxn>
            <a:cxn ang="0">
              <a:pos x="15486" y="12072"/>
            </a:cxn>
            <a:cxn ang="0">
              <a:pos x="16160" y="10865"/>
            </a:cxn>
            <a:cxn ang="0">
              <a:pos x="16384" y="9658"/>
            </a:cxn>
            <a:cxn ang="0">
              <a:pos x="15935" y="8451"/>
            </a:cxn>
            <a:cxn ang="0">
              <a:pos x="16160" y="7416"/>
            </a:cxn>
          </a:cxnLst>
          <a:rect l="0" t="0" r="r" b="b"/>
          <a:pathLst>
            <a:path w="16384" h="16384">
              <a:moveTo>
                <a:pt x="16160" y="7071"/>
              </a:moveTo>
              <a:lnTo>
                <a:pt x="15486" y="7071"/>
              </a:lnTo>
              <a:lnTo>
                <a:pt x="15037" y="7243"/>
              </a:lnTo>
              <a:lnTo>
                <a:pt x="14588" y="6899"/>
              </a:lnTo>
              <a:lnTo>
                <a:pt x="15037" y="5691"/>
              </a:lnTo>
              <a:lnTo>
                <a:pt x="14588" y="4657"/>
              </a:lnTo>
              <a:lnTo>
                <a:pt x="14140" y="3622"/>
              </a:lnTo>
              <a:lnTo>
                <a:pt x="13242" y="4139"/>
              </a:lnTo>
              <a:lnTo>
                <a:pt x="12120" y="4139"/>
              </a:lnTo>
              <a:lnTo>
                <a:pt x="10997" y="4829"/>
              </a:lnTo>
              <a:lnTo>
                <a:pt x="10100" y="5519"/>
              </a:lnTo>
              <a:lnTo>
                <a:pt x="9875" y="6381"/>
              </a:lnTo>
              <a:lnTo>
                <a:pt x="9202" y="5519"/>
              </a:lnTo>
              <a:lnTo>
                <a:pt x="8304" y="4829"/>
              </a:lnTo>
              <a:lnTo>
                <a:pt x="8080" y="3277"/>
              </a:lnTo>
              <a:lnTo>
                <a:pt x="7631" y="2242"/>
              </a:lnTo>
              <a:lnTo>
                <a:pt x="6509" y="1207"/>
              </a:lnTo>
              <a:lnTo>
                <a:pt x="5835" y="517"/>
              </a:lnTo>
              <a:lnTo>
                <a:pt x="5611" y="0"/>
              </a:lnTo>
              <a:lnTo>
                <a:pt x="5162" y="172"/>
              </a:lnTo>
              <a:lnTo>
                <a:pt x="4713" y="862"/>
              </a:lnTo>
              <a:lnTo>
                <a:pt x="4040" y="1552"/>
              </a:lnTo>
              <a:lnTo>
                <a:pt x="3591" y="2070"/>
              </a:lnTo>
              <a:lnTo>
                <a:pt x="3142" y="1897"/>
              </a:lnTo>
              <a:lnTo>
                <a:pt x="3142" y="1035"/>
              </a:lnTo>
              <a:lnTo>
                <a:pt x="2693" y="690"/>
              </a:lnTo>
              <a:lnTo>
                <a:pt x="1796" y="517"/>
              </a:lnTo>
              <a:lnTo>
                <a:pt x="1571" y="345"/>
              </a:lnTo>
              <a:lnTo>
                <a:pt x="1122" y="1035"/>
              </a:lnTo>
              <a:lnTo>
                <a:pt x="898" y="1380"/>
              </a:lnTo>
              <a:lnTo>
                <a:pt x="2020" y="2587"/>
              </a:lnTo>
              <a:lnTo>
                <a:pt x="2918" y="2932"/>
              </a:lnTo>
              <a:lnTo>
                <a:pt x="4489" y="3104"/>
              </a:lnTo>
              <a:lnTo>
                <a:pt x="5162" y="3104"/>
              </a:lnTo>
              <a:lnTo>
                <a:pt x="5162" y="3794"/>
              </a:lnTo>
              <a:lnTo>
                <a:pt x="4264" y="4312"/>
              </a:lnTo>
              <a:lnTo>
                <a:pt x="4938" y="4829"/>
              </a:lnTo>
              <a:lnTo>
                <a:pt x="4264" y="5519"/>
              </a:lnTo>
              <a:lnTo>
                <a:pt x="3591" y="6036"/>
              </a:lnTo>
              <a:lnTo>
                <a:pt x="2244" y="6554"/>
              </a:lnTo>
              <a:lnTo>
                <a:pt x="3142" y="7588"/>
              </a:lnTo>
              <a:lnTo>
                <a:pt x="4264" y="7761"/>
              </a:lnTo>
              <a:lnTo>
                <a:pt x="5387" y="8278"/>
              </a:lnTo>
              <a:lnTo>
                <a:pt x="6060" y="8968"/>
              </a:lnTo>
              <a:lnTo>
                <a:pt x="5835" y="9830"/>
              </a:lnTo>
              <a:lnTo>
                <a:pt x="5611" y="10520"/>
              </a:lnTo>
              <a:lnTo>
                <a:pt x="5387" y="10693"/>
              </a:lnTo>
              <a:lnTo>
                <a:pt x="4040" y="11038"/>
              </a:lnTo>
              <a:lnTo>
                <a:pt x="2918" y="10865"/>
              </a:lnTo>
              <a:lnTo>
                <a:pt x="2244" y="10693"/>
              </a:lnTo>
              <a:lnTo>
                <a:pt x="673" y="11210"/>
              </a:lnTo>
              <a:lnTo>
                <a:pt x="0" y="11555"/>
              </a:lnTo>
              <a:lnTo>
                <a:pt x="224" y="12245"/>
              </a:lnTo>
              <a:lnTo>
                <a:pt x="1122" y="12762"/>
              </a:lnTo>
              <a:lnTo>
                <a:pt x="2244" y="13452"/>
              </a:lnTo>
              <a:lnTo>
                <a:pt x="3591" y="13797"/>
              </a:lnTo>
              <a:lnTo>
                <a:pt x="3367" y="14832"/>
              </a:lnTo>
              <a:lnTo>
                <a:pt x="3815" y="15522"/>
              </a:lnTo>
              <a:lnTo>
                <a:pt x="4938" y="15349"/>
              </a:lnTo>
              <a:lnTo>
                <a:pt x="6284" y="15004"/>
              </a:lnTo>
              <a:lnTo>
                <a:pt x="7182" y="15177"/>
              </a:lnTo>
              <a:lnTo>
                <a:pt x="7631" y="16384"/>
              </a:lnTo>
              <a:lnTo>
                <a:pt x="9651" y="16212"/>
              </a:lnTo>
              <a:lnTo>
                <a:pt x="9875" y="15522"/>
              </a:lnTo>
              <a:lnTo>
                <a:pt x="10100" y="14832"/>
              </a:lnTo>
              <a:lnTo>
                <a:pt x="10773" y="14314"/>
              </a:lnTo>
              <a:lnTo>
                <a:pt x="11895" y="13797"/>
              </a:lnTo>
              <a:lnTo>
                <a:pt x="12569" y="14142"/>
              </a:lnTo>
              <a:lnTo>
                <a:pt x="13691" y="14314"/>
              </a:lnTo>
              <a:lnTo>
                <a:pt x="14813" y="15004"/>
              </a:lnTo>
              <a:lnTo>
                <a:pt x="16384" y="13625"/>
              </a:lnTo>
              <a:lnTo>
                <a:pt x="15935" y="13452"/>
              </a:lnTo>
              <a:lnTo>
                <a:pt x="15486" y="12935"/>
              </a:lnTo>
              <a:lnTo>
                <a:pt x="15486" y="12072"/>
              </a:lnTo>
              <a:lnTo>
                <a:pt x="15711" y="11555"/>
              </a:lnTo>
              <a:lnTo>
                <a:pt x="16160" y="10865"/>
              </a:lnTo>
              <a:lnTo>
                <a:pt x="16160" y="10175"/>
              </a:lnTo>
              <a:lnTo>
                <a:pt x="16384" y="9658"/>
              </a:lnTo>
              <a:lnTo>
                <a:pt x="16160" y="9141"/>
              </a:lnTo>
              <a:lnTo>
                <a:pt x="15935" y="8451"/>
              </a:lnTo>
              <a:lnTo>
                <a:pt x="15711" y="7761"/>
              </a:lnTo>
              <a:lnTo>
                <a:pt x="16160" y="7416"/>
              </a:lnTo>
              <a:lnTo>
                <a:pt x="16160" y="7071"/>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276225</xdr:colOff>
      <xdr:row>23</xdr:row>
      <xdr:rowOff>76200</xdr:rowOff>
    </xdr:from>
    <xdr:to>
      <xdr:col>14</xdr:col>
      <xdr:colOff>314325</xdr:colOff>
      <xdr:row>30</xdr:row>
      <xdr:rowOff>0</xdr:rowOff>
    </xdr:to>
    <xdr:sp macro="" textlink="">
      <xdr:nvSpPr>
        <xdr:cNvPr id="139" name="d14107">
          <a:extLst>
            <a:ext uri="{FF2B5EF4-FFF2-40B4-BE49-F238E27FC236}">
              <a16:creationId xmlns:a16="http://schemas.microsoft.com/office/drawing/2014/main" id="{00000000-0008-0000-0000-00008B000000}"/>
            </a:ext>
          </a:extLst>
        </xdr:cNvPr>
        <xdr:cNvSpPr>
          <a:spLocks/>
        </xdr:cNvSpPr>
      </xdr:nvSpPr>
      <xdr:spPr bwMode="auto">
        <a:xfrm>
          <a:off x="8201025" y="3581400"/>
          <a:ext cx="647700" cy="990600"/>
        </a:xfrm>
        <a:custGeom>
          <a:avLst/>
          <a:gdLst/>
          <a:ahLst/>
          <a:cxnLst>
            <a:cxn ang="0">
              <a:pos x="9638" y="0"/>
            </a:cxn>
            <a:cxn ang="0">
              <a:pos x="6505" y="1103"/>
            </a:cxn>
            <a:cxn ang="0">
              <a:pos x="5301" y="2521"/>
            </a:cxn>
            <a:cxn ang="0">
              <a:pos x="5060" y="4726"/>
            </a:cxn>
            <a:cxn ang="0">
              <a:pos x="4819" y="5199"/>
            </a:cxn>
            <a:cxn ang="0">
              <a:pos x="3132" y="5514"/>
            </a:cxn>
            <a:cxn ang="0">
              <a:pos x="3855" y="6617"/>
            </a:cxn>
            <a:cxn ang="0">
              <a:pos x="4337" y="8192"/>
            </a:cxn>
            <a:cxn ang="0">
              <a:pos x="4819" y="9295"/>
            </a:cxn>
            <a:cxn ang="0">
              <a:pos x="2650" y="9452"/>
            </a:cxn>
            <a:cxn ang="0">
              <a:pos x="723" y="10713"/>
            </a:cxn>
            <a:cxn ang="0">
              <a:pos x="1928" y="11973"/>
            </a:cxn>
            <a:cxn ang="0">
              <a:pos x="2891" y="13233"/>
            </a:cxn>
            <a:cxn ang="0">
              <a:pos x="1687" y="14178"/>
            </a:cxn>
            <a:cxn ang="0">
              <a:pos x="1205" y="14966"/>
            </a:cxn>
            <a:cxn ang="0">
              <a:pos x="723" y="15596"/>
            </a:cxn>
            <a:cxn ang="0">
              <a:pos x="723" y="16384"/>
            </a:cxn>
            <a:cxn ang="0">
              <a:pos x="2650" y="16069"/>
            </a:cxn>
            <a:cxn ang="0">
              <a:pos x="4337" y="15911"/>
            </a:cxn>
            <a:cxn ang="0">
              <a:pos x="5301" y="15281"/>
            </a:cxn>
            <a:cxn ang="0">
              <a:pos x="6264" y="14651"/>
            </a:cxn>
            <a:cxn ang="0">
              <a:pos x="7228" y="14178"/>
            </a:cxn>
            <a:cxn ang="0">
              <a:pos x="8433" y="13391"/>
            </a:cxn>
            <a:cxn ang="0">
              <a:pos x="8674" y="12603"/>
            </a:cxn>
            <a:cxn ang="0">
              <a:pos x="9879" y="11815"/>
            </a:cxn>
            <a:cxn ang="0">
              <a:pos x="10120" y="11028"/>
            </a:cxn>
            <a:cxn ang="0">
              <a:pos x="10601" y="10555"/>
            </a:cxn>
            <a:cxn ang="0">
              <a:pos x="12288" y="9925"/>
            </a:cxn>
            <a:cxn ang="0">
              <a:pos x="11806" y="9137"/>
            </a:cxn>
            <a:cxn ang="0">
              <a:pos x="12770" y="7404"/>
            </a:cxn>
            <a:cxn ang="0">
              <a:pos x="9638" y="6617"/>
            </a:cxn>
            <a:cxn ang="0">
              <a:pos x="12288" y="5986"/>
            </a:cxn>
            <a:cxn ang="0">
              <a:pos x="15420" y="5671"/>
            </a:cxn>
            <a:cxn ang="0">
              <a:pos x="16384" y="4884"/>
            </a:cxn>
            <a:cxn ang="0">
              <a:pos x="12047" y="4884"/>
            </a:cxn>
            <a:cxn ang="0">
              <a:pos x="12288" y="3623"/>
            </a:cxn>
            <a:cxn ang="0">
              <a:pos x="14456" y="3623"/>
            </a:cxn>
            <a:cxn ang="0">
              <a:pos x="14938" y="2521"/>
            </a:cxn>
            <a:cxn ang="0">
              <a:pos x="13011" y="1890"/>
            </a:cxn>
            <a:cxn ang="0">
              <a:pos x="12047" y="945"/>
            </a:cxn>
            <a:cxn ang="0">
              <a:pos x="10601" y="0"/>
            </a:cxn>
          </a:cxnLst>
          <a:rect l="0" t="0" r="r" b="b"/>
          <a:pathLst>
            <a:path w="16384" h="16384">
              <a:moveTo>
                <a:pt x="10601" y="0"/>
              </a:moveTo>
              <a:lnTo>
                <a:pt x="9638" y="0"/>
              </a:lnTo>
              <a:lnTo>
                <a:pt x="7951" y="315"/>
              </a:lnTo>
              <a:lnTo>
                <a:pt x="6505" y="1103"/>
              </a:lnTo>
              <a:lnTo>
                <a:pt x="5301" y="1575"/>
              </a:lnTo>
              <a:lnTo>
                <a:pt x="5301" y="2521"/>
              </a:lnTo>
              <a:lnTo>
                <a:pt x="4819" y="3623"/>
              </a:lnTo>
              <a:lnTo>
                <a:pt x="5060" y="4726"/>
              </a:lnTo>
              <a:lnTo>
                <a:pt x="5542" y="4884"/>
              </a:lnTo>
              <a:lnTo>
                <a:pt x="4819" y="5199"/>
              </a:lnTo>
              <a:lnTo>
                <a:pt x="3855" y="5199"/>
              </a:lnTo>
              <a:lnTo>
                <a:pt x="3132" y="5514"/>
              </a:lnTo>
              <a:lnTo>
                <a:pt x="2891" y="5986"/>
              </a:lnTo>
              <a:lnTo>
                <a:pt x="3855" y="6617"/>
              </a:lnTo>
              <a:lnTo>
                <a:pt x="4337" y="6932"/>
              </a:lnTo>
              <a:lnTo>
                <a:pt x="4337" y="8192"/>
              </a:lnTo>
              <a:lnTo>
                <a:pt x="5060" y="8980"/>
              </a:lnTo>
              <a:lnTo>
                <a:pt x="4819" y="9295"/>
              </a:lnTo>
              <a:lnTo>
                <a:pt x="3373" y="9767"/>
              </a:lnTo>
              <a:lnTo>
                <a:pt x="2650" y="9452"/>
              </a:lnTo>
              <a:lnTo>
                <a:pt x="1205" y="9925"/>
              </a:lnTo>
              <a:lnTo>
                <a:pt x="723" y="10713"/>
              </a:lnTo>
              <a:lnTo>
                <a:pt x="964" y="11185"/>
              </a:lnTo>
              <a:lnTo>
                <a:pt x="1928" y="11973"/>
              </a:lnTo>
              <a:lnTo>
                <a:pt x="2650" y="12446"/>
              </a:lnTo>
              <a:lnTo>
                <a:pt x="2891" y="13233"/>
              </a:lnTo>
              <a:lnTo>
                <a:pt x="2168" y="13706"/>
              </a:lnTo>
              <a:lnTo>
                <a:pt x="1687" y="14178"/>
              </a:lnTo>
              <a:lnTo>
                <a:pt x="964" y="14494"/>
              </a:lnTo>
              <a:lnTo>
                <a:pt x="1205" y="14966"/>
              </a:lnTo>
              <a:lnTo>
                <a:pt x="1205" y="15281"/>
              </a:lnTo>
              <a:lnTo>
                <a:pt x="723" y="15596"/>
              </a:lnTo>
              <a:lnTo>
                <a:pt x="0" y="15911"/>
              </a:lnTo>
              <a:lnTo>
                <a:pt x="723" y="16384"/>
              </a:lnTo>
              <a:lnTo>
                <a:pt x="1687" y="16069"/>
              </a:lnTo>
              <a:lnTo>
                <a:pt x="2650" y="16069"/>
              </a:lnTo>
              <a:lnTo>
                <a:pt x="3855" y="16069"/>
              </a:lnTo>
              <a:lnTo>
                <a:pt x="4337" y="15911"/>
              </a:lnTo>
              <a:lnTo>
                <a:pt x="4819" y="15596"/>
              </a:lnTo>
              <a:lnTo>
                <a:pt x="5301" y="15281"/>
              </a:lnTo>
              <a:lnTo>
                <a:pt x="5783" y="14809"/>
              </a:lnTo>
              <a:lnTo>
                <a:pt x="6264" y="14651"/>
              </a:lnTo>
              <a:lnTo>
                <a:pt x="6987" y="14494"/>
              </a:lnTo>
              <a:lnTo>
                <a:pt x="7228" y="14178"/>
              </a:lnTo>
              <a:lnTo>
                <a:pt x="7710" y="13706"/>
              </a:lnTo>
              <a:lnTo>
                <a:pt x="8433" y="13391"/>
              </a:lnTo>
              <a:lnTo>
                <a:pt x="8433" y="13076"/>
              </a:lnTo>
              <a:lnTo>
                <a:pt x="8674" y="12603"/>
              </a:lnTo>
              <a:lnTo>
                <a:pt x="9397" y="12130"/>
              </a:lnTo>
              <a:lnTo>
                <a:pt x="9879" y="11815"/>
              </a:lnTo>
              <a:lnTo>
                <a:pt x="10360" y="11343"/>
              </a:lnTo>
              <a:lnTo>
                <a:pt x="10120" y="11028"/>
              </a:lnTo>
              <a:lnTo>
                <a:pt x="10120" y="10555"/>
              </a:lnTo>
              <a:lnTo>
                <a:pt x="10601" y="10555"/>
              </a:lnTo>
              <a:lnTo>
                <a:pt x="11324" y="10398"/>
              </a:lnTo>
              <a:lnTo>
                <a:pt x="12288" y="9925"/>
              </a:lnTo>
              <a:lnTo>
                <a:pt x="11083" y="9452"/>
              </a:lnTo>
              <a:lnTo>
                <a:pt x="11806" y="9137"/>
              </a:lnTo>
              <a:lnTo>
                <a:pt x="13493" y="8507"/>
              </a:lnTo>
              <a:lnTo>
                <a:pt x="12770" y="7404"/>
              </a:lnTo>
              <a:lnTo>
                <a:pt x="10360" y="7877"/>
              </a:lnTo>
              <a:lnTo>
                <a:pt x="9638" y="6617"/>
              </a:lnTo>
              <a:lnTo>
                <a:pt x="11083" y="5671"/>
              </a:lnTo>
              <a:lnTo>
                <a:pt x="12288" y="5986"/>
              </a:lnTo>
              <a:lnTo>
                <a:pt x="14216" y="5671"/>
              </a:lnTo>
              <a:lnTo>
                <a:pt x="15420" y="5671"/>
              </a:lnTo>
              <a:lnTo>
                <a:pt x="16384" y="5671"/>
              </a:lnTo>
              <a:lnTo>
                <a:pt x="16384" y="4884"/>
              </a:lnTo>
              <a:lnTo>
                <a:pt x="15661" y="4411"/>
              </a:lnTo>
              <a:lnTo>
                <a:pt x="12047" y="4884"/>
              </a:lnTo>
              <a:lnTo>
                <a:pt x="11565" y="3938"/>
              </a:lnTo>
              <a:lnTo>
                <a:pt x="12288" y="3623"/>
              </a:lnTo>
              <a:lnTo>
                <a:pt x="13011" y="4254"/>
              </a:lnTo>
              <a:lnTo>
                <a:pt x="14456" y="3623"/>
              </a:lnTo>
              <a:lnTo>
                <a:pt x="15902" y="3623"/>
              </a:lnTo>
              <a:lnTo>
                <a:pt x="14938" y="2521"/>
              </a:lnTo>
              <a:lnTo>
                <a:pt x="14456" y="1890"/>
              </a:lnTo>
              <a:lnTo>
                <a:pt x="13011" y="1890"/>
              </a:lnTo>
              <a:lnTo>
                <a:pt x="12288" y="1733"/>
              </a:lnTo>
              <a:lnTo>
                <a:pt x="12047" y="945"/>
              </a:lnTo>
              <a:lnTo>
                <a:pt x="11083" y="473"/>
              </a:lnTo>
              <a:lnTo>
                <a:pt x="10601" y="0"/>
              </a:lnTo>
              <a:close/>
            </a:path>
          </a:pathLst>
        </a:custGeom>
        <a:solidFill>
          <a:srgbClr val="FF6600"/>
        </a:solidFill>
        <a:ln w="9525" cap="flat">
          <a:solidFill>
            <a:srgbClr val="000000"/>
          </a:solidFill>
          <a:prstDash val="solid"/>
          <a:round/>
          <a:headEnd/>
          <a:tailEnd/>
        </a:ln>
      </xdr:spPr>
    </xdr:sp>
    <xdr:clientData/>
  </xdr:twoCellAnchor>
  <xdr:twoCellAnchor editAs="oneCell">
    <xdr:from>
      <xdr:col>13</xdr:col>
      <xdr:colOff>257175</xdr:colOff>
      <xdr:row>26</xdr:row>
      <xdr:rowOff>114300</xdr:rowOff>
    </xdr:from>
    <xdr:to>
      <xdr:col>14</xdr:col>
      <xdr:colOff>409575</xdr:colOff>
      <xdr:row>33</xdr:row>
      <xdr:rowOff>123826</xdr:rowOff>
    </xdr:to>
    <xdr:sp macro="" textlink="">
      <xdr:nvSpPr>
        <xdr:cNvPr id="140" name="d14108">
          <a:extLst>
            <a:ext uri="{FF2B5EF4-FFF2-40B4-BE49-F238E27FC236}">
              <a16:creationId xmlns:a16="http://schemas.microsoft.com/office/drawing/2014/main" id="{00000000-0008-0000-0000-00008C000000}"/>
            </a:ext>
          </a:extLst>
        </xdr:cNvPr>
        <xdr:cNvSpPr>
          <a:spLocks/>
        </xdr:cNvSpPr>
      </xdr:nvSpPr>
      <xdr:spPr bwMode="auto">
        <a:xfrm>
          <a:off x="8181975" y="4076700"/>
          <a:ext cx="762000" cy="1076326"/>
        </a:xfrm>
        <a:custGeom>
          <a:avLst/>
          <a:gdLst/>
          <a:ahLst/>
          <a:cxnLst>
            <a:cxn ang="0">
              <a:pos x="10035" y="2030"/>
            </a:cxn>
            <a:cxn ang="0">
              <a:pos x="9011" y="2175"/>
            </a:cxn>
            <a:cxn ang="0">
              <a:pos x="9216" y="2900"/>
            </a:cxn>
            <a:cxn ang="0">
              <a:pos x="8397" y="3625"/>
            </a:cxn>
            <a:cxn ang="0">
              <a:pos x="7578" y="4495"/>
            </a:cxn>
            <a:cxn ang="0">
              <a:pos x="6963" y="5075"/>
            </a:cxn>
            <a:cxn ang="0">
              <a:pos x="6349" y="5800"/>
            </a:cxn>
            <a:cxn ang="0">
              <a:pos x="5325" y="6090"/>
            </a:cxn>
            <a:cxn ang="0">
              <a:pos x="4506" y="6815"/>
            </a:cxn>
            <a:cxn ang="0">
              <a:pos x="3686" y="7250"/>
            </a:cxn>
            <a:cxn ang="0">
              <a:pos x="1843" y="7250"/>
            </a:cxn>
            <a:cxn ang="0">
              <a:pos x="1229" y="7975"/>
            </a:cxn>
            <a:cxn ang="0">
              <a:pos x="205" y="8844"/>
            </a:cxn>
            <a:cxn ang="0">
              <a:pos x="614" y="9859"/>
            </a:cxn>
            <a:cxn ang="0">
              <a:pos x="0" y="11454"/>
            </a:cxn>
            <a:cxn ang="0">
              <a:pos x="410" y="12759"/>
            </a:cxn>
            <a:cxn ang="0">
              <a:pos x="1024" y="13629"/>
            </a:cxn>
            <a:cxn ang="0">
              <a:pos x="1434" y="14644"/>
            </a:cxn>
            <a:cxn ang="0">
              <a:pos x="3072" y="15804"/>
            </a:cxn>
            <a:cxn ang="0">
              <a:pos x="4506" y="16094"/>
            </a:cxn>
            <a:cxn ang="0">
              <a:pos x="6349" y="15949"/>
            </a:cxn>
            <a:cxn ang="0">
              <a:pos x="8192" y="15514"/>
            </a:cxn>
            <a:cxn ang="0">
              <a:pos x="9626" y="14789"/>
            </a:cxn>
            <a:cxn ang="0">
              <a:pos x="11059" y="13774"/>
            </a:cxn>
            <a:cxn ang="0">
              <a:pos x="12493" y="13194"/>
            </a:cxn>
            <a:cxn ang="0">
              <a:pos x="11264" y="12324"/>
            </a:cxn>
            <a:cxn ang="0">
              <a:pos x="10650" y="10729"/>
            </a:cxn>
            <a:cxn ang="0">
              <a:pos x="12083" y="10149"/>
            </a:cxn>
            <a:cxn ang="0">
              <a:pos x="14950" y="10149"/>
            </a:cxn>
            <a:cxn ang="0">
              <a:pos x="16179" y="7540"/>
            </a:cxn>
            <a:cxn ang="0">
              <a:pos x="14950" y="5220"/>
            </a:cxn>
            <a:cxn ang="0">
              <a:pos x="16384" y="4205"/>
            </a:cxn>
            <a:cxn ang="0">
              <a:pos x="14950" y="3045"/>
            </a:cxn>
            <a:cxn ang="0">
              <a:pos x="16384" y="725"/>
            </a:cxn>
            <a:cxn ang="0">
              <a:pos x="12083" y="1595"/>
            </a:cxn>
          </a:cxnLst>
          <a:rect l="0" t="0" r="r" b="b"/>
          <a:pathLst>
            <a:path w="16384" h="16384">
              <a:moveTo>
                <a:pt x="10854" y="1595"/>
              </a:moveTo>
              <a:lnTo>
                <a:pt x="10035" y="2030"/>
              </a:lnTo>
              <a:lnTo>
                <a:pt x="9421" y="2175"/>
              </a:lnTo>
              <a:lnTo>
                <a:pt x="9011" y="2175"/>
              </a:lnTo>
              <a:lnTo>
                <a:pt x="9011" y="2610"/>
              </a:lnTo>
              <a:lnTo>
                <a:pt x="9216" y="2900"/>
              </a:lnTo>
              <a:lnTo>
                <a:pt x="8806" y="3335"/>
              </a:lnTo>
              <a:lnTo>
                <a:pt x="8397" y="3625"/>
              </a:lnTo>
              <a:lnTo>
                <a:pt x="7782" y="4060"/>
              </a:lnTo>
              <a:lnTo>
                <a:pt x="7578" y="4495"/>
              </a:lnTo>
              <a:lnTo>
                <a:pt x="7578" y="4785"/>
              </a:lnTo>
              <a:lnTo>
                <a:pt x="6963" y="5075"/>
              </a:lnTo>
              <a:lnTo>
                <a:pt x="6554" y="5510"/>
              </a:lnTo>
              <a:lnTo>
                <a:pt x="6349" y="5800"/>
              </a:lnTo>
              <a:lnTo>
                <a:pt x="5734" y="5945"/>
              </a:lnTo>
              <a:lnTo>
                <a:pt x="5325" y="6090"/>
              </a:lnTo>
              <a:lnTo>
                <a:pt x="4915" y="6525"/>
              </a:lnTo>
              <a:lnTo>
                <a:pt x="4506" y="6815"/>
              </a:lnTo>
              <a:lnTo>
                <a:pt x="4096" y="7105"/>
              </a:lnTo>
              <a:lnTo>
                <a:pt x="3686" y="7250"/>
              </a:lnTo>
              <a:lnTo>
                <a:pt x="2662" y="7250"/>
              </a:lnTo>
              <a:lnTo>
                <a:pt x="1843" y="7250"/>
              </a:lnTo>
              <a:lnTo>
                <a:pt x="1024" y="7540"/>
              </a:lnTo>
              <a:lnTo>
                <a:pt x="1229" y="7975"/>
              </a:lnTo>
              <a:lnTo>
                <a:pt x="1024" y="8409"/>
              </a:lnTo>
              <a:lnTo>
                <a:pt x="205" y="8844"/>
              </a:lnTo>
              <a:lnTo>
                <a:pt x="205" y="9279"/>
              </a:lnTo>
              <a:lnTo>
                <a:pt x="614" y="9859"/>
              </a:lnTo>
              <a:lnTo>
                <a:pt x="410" y="10729"/>
              </a:lnTo>
              <a:lnTo>
                <a:pt x="0" y="11454"/>
              </a:lnTo>
              <a:lnTo>
                <a:pt x="614" y="12034"/>
              </a:lnTo>
              <a:lnTo>
                <a:pt x="410" y="12759"/>
              </a:lnTo>
              <a:lnTo>
                <a:pt x="410" y="13339"/>
              </a:lnTo>
              <a:lnTo>
                <a:pt x="1024" y="13629"/>
              </a:lnTo>
              <a:lnTo>
                <a:pt x="1638" y="14064"/>
              </a:lnTo>
              <a:lnTo>
                <a:pt x="1434" y="14644"/>
              </a:lnTo>
              <a:lnTo>
                <a:pt x="1843" y="15224"/>
              </a:lnTo>
              <a:lnTo>
                <a:pt x="3072" y="15804"/>
              </a:lnTo>
              <a:lnTo>
                <a:pt x="4096" y="15659"/>
              </a:lnTo>
              <a:lnTo>
                <a:pt x="4506" y="16094"/>
              </a:lnTo>
              <a:lnTo>
                <a:pt x="5325" y="16384"/>
              </a:lnTo>
              <a:lnTo>
                <a:pt x="6349" y="15949"/>
              </a:lnTo>
              <a:lnTo>
                <a:pt x="6554" y="15514"/>
              </a:lnTo>
              <a:lnTo>
                <a:pt x="8192" y="15514"/>
              </a:lnTo>
              <a:lnTo>
                <a:pt x="9216" y="15224"/>
              </a:lnTo>
              <a:lnTo>
                <a:pt x="9626" y="14789"/>
              </a:lnTo>
              <a:lnTo>
                <a:pt x="10240" y="14064"/>
              </a:lnTo>
              <a:lnTo>
                <a:pt x="11059" y="13774"/>
              </a:lnTo>
              <a:lnTo>
                <a:pt x="11469" y="14354"/>
              </a:lnTo>
              <a:lnTo>
                <a:pt x="12493" y="13194"/>
              </a:lnTo>
              <a:lnTo>
                <a:pt x="11674" y="12759"/>
              </a:lnTo>
              <a:lnTo>
                <a:pt x="11264" y="12324"/>
              </a:lnTo>
              <a:lnTo>
                <a:pt x="11059" y="11454"/>
              </a:lnTo>
              <a:lnTo>
                <a:pt x="10650" y="10729"/>
              </a:lnTo>
              <a:lnTo>
                <a:pt x="11469" y="10149"/>
              </a:lnTo>
              <a:lnTo>
                <a:pt x="12083" y="10149"/>
              </a:lnTo>
              <a:lnTo>
                <a:pt x="13312" y="9134"/>
              </a:lnTo>
              <a:lnTo>
                <a:pt x="14950" y="10149"/>
              </a:lnTo>
              <a:lnTo>
                <a:pt x="16179" y="9279"/>
              </a:lnTo>
              <a:lnTo>
                <a:pt x="16179" y="7540"/>
              </a:lnTo>
              <a:lnTo>
                <a:pt x="15360" y="6815"/>
              </a:lnTo>
              <a:lnTo>
                <a:pt x="14950" y="5220"/>
              </a:lnTo>
              <a:lnTo>
                <a:pt x="15360" y="4350"/>
              </a:lnTo>
              <a:lnTo>
                <a:pt x="16384" y="4205"/>
              </a:lnTo>
              <a:lnTo>
                <a:pt x="15770" y="2465"/>
              </a:lnTo>
              <a:lnTo>
                <a:pt x="14950" y="3045"/>
              </a:lnTo>
              <a:lnTo>
                <a:pt x="13926" y="2465"/>
              </a:lnTo>
              <a:lnTo>
                <a:pt x="16384" y="725"/>
              </a:lnTo>
              <a:lnTo>
                <a:pt x="14950" y="0"/>
              </a:lnTo>
              <a:lnTo>
                <a:pt x="12083" y="1595"/>
              </a:lnTo>
              <a:lnTo>
                <a:pt x="10854" y="1595"/>
              </a:lnTo>
              <a:close/>
            </a:path>
          </a:pathLst>
        </a:custGeom>
        <a:solidFill>
          <a:srgbClr val="FF6600"/>
        </a:solidFill>
        <a:ln w="9525" cap="flat">
          <a:solidFill>
            <a:srgbClr val="000000"/>
          </a:solidFill>
          <a:prstDash val="solid"/>
          <a:round/>
          <a:headEnd/>
          <a:tailEnd/>
        </a:ln>
      </xdr:spPr>
    </xdr:sp>
    <xdr:clientData/>
  </xdr:twoCellAnchor>
  <xdr:twoCellAnchor editAs="oneCell">
    <xdr:from>
      <xdr:col>13</xdr:col>
      <xdr:colOff>219075</xdr:colOff>
      <xdr:row>11</xdr:row>
      <xdr:rowOff>38100</xdr:rowOff>
    </xdr:from>
    <xdr:to>
      <xdr:col>14</xdr:col>
      <xdr:colOff>476250</xdr:colOff>
      <xdr:row>17</xdr:row>
      <xdr:rowOff>123824</xdr:rowOff>
    </xdr:to>
    <xdr:sp macro="" textlink="">
      <xdr:nvSpPr>
        <xdr:cNvPr id="142" name="d14109">
          <a:extLst>
            <a:ext uri="{FF2B5EF4-FFF2-40B4-BE49-F238E27FC236}">
              <a16:creationId xmlns:a16="http://schemas.microsoft.com/office/drawing/2014/main" id="{00000000-0008-0000-0000-00008E000000}"/>
            </a:ext>
          </a:extLst>
        </xdr:cNvPr>
        <xdr:cNvSpPr>
          <a:spLocks/>
        </xdr:cNvSpPr>
      </xdr:nvSpPr>
      <xdr:spPr bwMode="auto">
        <a:xfrm>
          <a:off x="8143875" y="1714500"/>
          <a:ext cx="866775" cy="1000124"/>
        </a:xfrm>
        <a:custGeom>
          <a:avLst/>
          <a:gdLst/>
          <a:ahLst/>
          <a:cxnLst>
            <a:cxn ang="0">
              <a:pos x="12063" y="12327"/>
            </a:cxn>
            <a:cxn ang="0">
              <a:pos x="11703" y="11079"/>
            </a:cxn>
            <a:cxn ang="0">
              <a:pos x="12783" y="9986"/>
            </a:cxn>
            <a:cxn ang="0">
              <a:pos x="12963" y="8894"/>
            </a:cxn>
            <a:cxn ang="0">
              <a:pos x="13863" y="8426"/>
            </a:cxn>
            <a:cxn ang="0">
              <a:pos x="13863" y="6866"/>
            </a:cxn>
            <a:cxn ang="0">
              <a:pos x="15124" y="5617"/>
            </a:cxn>
            <a:cxn ang="0">
              <a:pos x="15664" y="4681"/>
            </a:cxn>
            <a:cxn ang="0">
              <a:pos x="15664" y="1560"/>
            </a:cxn>
            <a:cxn ang="0">
              <a:pos x="14404" y="780"/>
            </a:cxn>
            <a:cxn ang="0">
              <a:pos x="12243" y="936"/>
            </a:cxn>
            <a:cxn ang="0">
              <a:pos x="9542" y="0"/>
            </a:cxn>
            <a:cxn ang="0">
              <a:pos x="8282" y="156"/>
            </a:cxn>
            <a:cxn ang="0">
              <a:pos x="7022" y="1560"/>
            </a:cxn>
            <a:cxn ang="0">
              <a:pos x="5221" y="2653"/>
            </a:cxn>
            <a:cxn ang="0">
              <a:pos x="4501" y="4993"/>
            </a:cxn>
            <a:cxn ang="0">
              <a:pos x="3421" y="5461"/>
            </a:cxn>
            <a:cxn ang="0">
              <a:pos x="3961" y="7022"/>
            </a:cxn>
            <a:cxn ang="0">
              <a:pos x="4861" y="8894"/>
            </a:cxn>
            <a:cxn ang="0">
              <a:pos x="3241" y="10455"/>
            </a:cxn>
            <a:cxn ang="0">
              <a:pos x="2701" y="11079"/>
            </a:cxn>
            <a:cxn ang="0">
              <a:pos x="900" y="11703"/>
            </a:cxn>
            <a:cxn ang="0">
              <a:pos x="540" y="12639"/>
            </a:cxn>
            <a:cxn ang="0">
              <a:pos x="360" y="13107"/>
            </a:cxn>
            <a:cxn ang="0">
              <a:pos x="1260" y="13575"/>
            </a:cxn>
            <a:cxn ang="0">
              <a:pos x="2701" y="14043"/>
            </a:cxn>
            <a:cxn ang="0">
              <a:pos x="4321" y="14356"/>
            </a:cxn>
            <a:cxn ang="0">
              <a:pos x="5041" y="13887"/>
            </a:cxn>
            <a:cxn ang="0">
              <a:pos x="5941" y="14512"/>
            </a:cxn>
            <a:cxn ang="0">
              <a:pos x="5761" y="15448"/>
            </a:cxn>
            <a:cxn ang="0">
              <a:pos x="7382" y="15448"/>
            </a:cxn>
            <a:cxn ang="0">
              <a:pos x="8282" y="16072"/>
            </a:cxn>
            <a:cxn ang="0">
              <a:pos x="9542" y="16228"/>
            </a:cxn>
            <a:cxn ang="0">
              <a:pos x="10443" y="15604"/>
            </a:cxn>
            <a:cxn ang="0">
              <a:pos x="11703" y="15604"/>
            </a:cxn>
            <a:cxn ang="0">
              <a:pos x="11883" y="13887"/>
            </a:cxn>
            <a:cxn ang="0">
              <a:pos x="12423" y="12795"/>
            </a:cxn>
          </a:cxnLst>
          <a:rect l="0" t="0" r="r" b="b"/>
          <a:pathLst>
            <a:path w="16384" h="16384">
              <a:moveTo>
                <a:pt x="12423" y="12795"/>
              </a:moveTo>
              <a:lnTo>
                <a:pt x="12063" y="12327"/>
              </a:lnTo>
              <a:lnTo>
                <a:pt x="11883" y="12015"/>
              </a:lnTo>
              <a:lnTo>
                <a:pt x="11703" y="11079"/>
              </a:lnTo>
              <a:lnTo>
                <a:pt x="11883" y="10455"/>
              </a:lnTo>
              <a:lnTo>
                <a:pt x="12783" y="9986"/>
              </a:lnTo>
              <a:lnTo>
                <a:pt x="12963" y="9674"/>
              </a:lnTo>
              <a:lnTo>
                <a:pt x="12963" y="8894"/>
              </a:lnTo>
              <a:lnTo>
                <a:pt x="13503" y="8894"/>
              </a:lnTo>
              <a:lnTo>
                <a:pt x="13863" y="8426"/>
              </a:lnTo>
              <a:lnTo>
                <a:pt x="14043" y="7490"/>
              </a:lnTo>
              <a:lnTo>
                <a:pt x="13863" y="6866"/>
              </a:lnTo>
              <a:lnTo>
                <a:pt x="14043" y="6242"/>
              </a:lnTo>
              <a:lnTo>
                <a:pt x="15124" y="5617"/>
              </a:lnTo>
              <a:lnTo>
                <a:pt x="15664" y="5305"/>
              </a:lnTo>
              <a:lnTo>
                <a:pt x="15664" y="4681"/>
              </a:lnTo>
              <a:lnTo>
                <a:pt x="16384" y="2028"/>
              </a:lnTo>
              <a:lnTo>
                <a:pt x="15664" y="1560"/>
              </a:lnTo>
              <a:lnTo>
                <a:pt x="14944" y="1248"/>
              </a:lnTo>
              <a:lnTo>
                <a:pt x="14404" y="780"/>
              </a:lnTo>
              <a:lnTo>
                <a:pt x="13503" y="936"/>
              </a:lnTo>
              <a:lnTo>
                <a:pt x="12243" y="936"/>
              </a:lnTo>
              <a:lnTo>
                <a:pt x="10983" y="312"/>
              </a:lnTo>
              <a:lnTo>
                <a:pt x="9542" y="0"/>
              </a:lnTo>
              <a:lnTo>
                <a:pt x="9002" y="312"/>
              </a:lnTo>
              <a:lnTo>
                <a:pt x="8282" y="156"/>
              </a:lnTo>
              <a:lnTo>
                <a:pt x="7022" y="624"/>
              </a:lnTo>
              <a:lnTo>
                <a:pt x="7022" y="1560"/>
              </a:lnTo>
              <a:lnTo>
                <a:pt x="6302" y="2497"/>
              </a:lnTo>
              <a:lnTo>
                <a:pt x="5221" y="2653"/>
              </a:lnTo>
              <a:lnTo>
                <a:pt x="4681" y="3901"/>
              </a:lnTo>
              <a:lnTo>
                <a:pt x="4501" y="4993"/>
              </a:lnTo>
              <a:lnTo>
                <a:pt x="3961" y="5305"/>
              </a:lnTo>
              <a:lnTo>
                <a:pt x="3421" y="5461"/>
              </a:lnTo>
              <a:lnTo>
                <a:pt x="3421" y="6866"/>
              </a:lnTo>
              <a:lnTo>
                <a:pt x="3961" y="7022"/>
              </a:lnTo>
              <a:lnTo>
                <a:pt x="4141" y="7958"/>
              </a:lnTo>
              <a:lnTo>
                <a:pt x="4861" y="8894"/>
              </a:lnTo>
              <a:lnTo>
                <a:pt x="4681" y="10455"/>
              </a:lnTo>
              <a:lnTo>
                <a:pt x="3241" y="10455"/>
              </a:lnTo>
              <a:lnTo>
                <a:pt x="3061" y="10923"/>
              </a:lnTo>
              <a:lnTo>
                <a:pt x="2701" y="11079"/>
              </a:lnTo>
              <a:lnTo>
                <a:pt x="900" y="11079"/>
              </a:lnTo>
              <a:lnTo>
                <a:pt x="900" y="11703"/>
              </a:lnTo>
              <a:lnTo>
                <a:pt x="720" y="12171"/>
              </a:lnTo>
              <a:lnTo>
                <a:pt x="540" y="12639"/>
              </a:lnTo>
              <a:lnTo>
                <a:pt x="0" y="13263"/>
              </a:lnTo>
              <a:lnTo>
                <a:pt x="360" y="13107"/>
              </a:lnTo>
              <a:lnTo>
                <a:pt x="1440" y="13107"/>
              </a:lnTo>
              <a:lnTo>
                <a:pt x="1260" y="13575"/>
              </a:lnTo>
              <a:lnTo>
                <a:pt x="1980" y="13887"/>
              </a:lnTo>
              <a:lnTo>
                <a:pt x="2701" y="14043"/>
              </a:lnTo>
              <a:lnTo>
                <a:pt x="3421" y="14199"/>
              </a:lnTo>
              <a:lnTo>
                <a:pt x="4321" y="14356"/>
              </a:lnTo>
              <a:lnTo>
                <a:pt x="4681" y="14199"/>
              </a:lnTo>
              <a:lnTo>
                <a:pt x="5041" y="13887"/>
              </a:lnTo>
              <a:lnTo>
                <a:pt x="5581" y="13887"/>
              </a:lnTo>
              <a:lnTo>
                <a:pt x="5941" y="14512"/>
              </a:lnTo>
              <a:lnTo>
                <a:pt x="5581" y="15136"/>
              </a:lnTo>
              <a:lnTo>
                <a:pt x="5761" y="15448"/>
              </a:lnTo>
              <a:lnTo>
                <a:pt x="6482" y="15448"/>
              </a:lnTo>
              <a:lnTo>
                <a:pt x="7382" y="15448"/>
              </a:lnTo>
              <a:lnTo>
                <a:pt x="7742" y="15916"/>
              </a:lnTo>
              <a:lnTo>
                <a:pt x="8282" y="16072"/>
              </a:lnTo>
              <a:lnTo>
                <a:pt x="9182" y="16384"/>
              </a:lnTo>
              <a:lnTo>
                <a:pt x="9542" y="16228"/>
              </a:lnTo>
              <a:lnTo>
                <a:pt x="10082" y="15916"/>
              </a:lnTo>
              <a:lnTo>
                <a:pt x="10443" y="15604"/>
              </a:lnTo>
              <a:lnTo>
                <a:pt x="11163" y="15760"/>
              </a:lnTo>
              <a:lnTo>
                <a:pt x="11703" y="15604"/>
              </a:lnTo>
              <a:lnTo>
                <a:pt x="11883" y="14824"/>
              </a:lnTo>
              <a:lnTo>
                <a:pt x="11883" y="13887"/>
              </a:lnTo>
              <a:lnTo>
                <a:pt x="12063" y="13107"/>
              </a:lnTo>
              <a:lnTo>
                <a:pt x="12423" y="12795"/>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314325</xdr:colOff>
      <xdr:row>21</xdr:row>
      <xdr:rowOff>76200</xdr:rowOff>
    </xdr:from>
    <xdr:to>
      <xdr:col>13</xdr:col>
      <xdr:colOff>133350</xdr:colOff>
      <xdr:row>29</xdr:row>
      <xdr:rowOff>104776</xdr:rowOff>
    </xdr:to>
    <xdr:sp macro="" textlink="">
      <xdr:nvSpPr>
        <xdr:cNvPr id="144" name="d14110">
          <a:extLst>
            <a:ext uri="{FF2B5EF4-FFF2-40B4-BE49-F238E27FC236}">
              <a16:creationId xmlns:a16="http://schemas.microsoft.com/office/drawing/2014/main" id="{00000000-0008-0000-0000-000090000000}"/>
            </a:ext>
          </a:extLst>
        </xdr:cNvPr>
        <xdr:cNvSpPr>
          <a:spLocks/>
        </xdr:cNvSpPr>
      </xdr:nvSpPr>
      <xdr:spPr bwMode="auto">
        <a:xfrm>
          <a:off x="7019925" y="3276600"/>
          <a:ext cx="1038225" cy="1247776"/>
        </a:xfrm>
        <a:custGeom>
          <a:avLst/>
          <a:gdLst/>
          <a:ahLst/>
          <a:cxnLst>
            <a:cxn ang="0">
              <a:pos x="15783" y="2251"/>
            </a:cxn>
            <a:cxn ang="0">
              <a:pos x="14280" y="2376"/>
            </a:cxn>
            <a:cxn ang="0">
              <a:pos x="13227" y="2001"/>
            </a:cxn>
            <a:cxn ang="0">
              <a:pos x="12476" y="1001"/>
            </a:cxn>
            <a:cxn ang="0">
              <a:pos x="11123" y="125"/>
            </a:cxn>
            <a:cxn ang="0">
              <a:pos x="10221" y="625"/>
            </a:cxn>
            <a:cxn ang="0">
              <a:pos x="9319" y="1001"/>
            </a:cxn>
            <a:cxn ang="0">
              <a:pos x="8417" y="0"/>
            </a:cxn>
            <a:cxn ang="0">
              <a:pos x="8267" y="1251"/>
            </a:cxn>
            <a:cxn ang="0">
              <a:pos x="7365" y="2501"/>
            </a:cxn>
            <a:cxn ang="0">
              <a:pos x="7666" y="4377"/>
            </a:cxn>
            <a:cxn ang="0">
              <a:pos x="7215" y="5753"/>
            </a:cxn>
            <a:cxn ang="0">
              <a:pos x="6313" y="6754"/>
            </a:cxn>
            <a:cxn ang="0">
              <a:pos x="4810" y="8380"/>
            </a:cxn>
            <a:cxn ang="0">
              <a:pos x="4058" y="9255"/>
            </a:cxn>
            <a:cxn ang="0">
              <a:pos x="2706" y="10381"/>
            </a:cxn>
            <a:cxn ang="0">
              <a:pos x="1804" y="10631"/>
            </a:cxn>
            <a:cxn ang="0">
              <a:pos x="1202" y="10881"/>
            </a:cxn>
            <a:cxn ang="0">
              <a:pos x="0" y="11131"/>
            </a:cxn>
            <a:cxn ang="0">
              <a:pos x="902" y="12132"/>
            </a:cxn>
            <a:cxn ang="0">
              <a:pos x="1653" y="13132"/>
            </a:cxn>
            <a:cxn ang="0">
              <a:pos x="902" y="13883"/>
            </a:cxn>
            <a:cxn ang="0">
              <a:pos x="301" y="15258"/>
            </a:cxn>
            <a:cxn ang="0">
              <a:pos x="1052" y="16384"/>
            </a:cxn>
            <a:cxn ang="0">
              <a:pos x="1954" y="15884"/>
            </a:cxn>
            <a:cxn ang="0">
              <a:pos x="3157" y="14508"/>
            </a:cxn>
            <a:cxn ang="0">
              <a:pos x="5261" y="15634"/>
            </a:cxn>
            <a:cxn ang="0">
              <a:pos x="6313" y="14758"/>
            </a:cxn>
            <a:cxn ang="0">
              <a:pos x="6463" y="13883"/>
            </a:cxn>
            <a:cxn ang="0">
              <a:pos x="6614" y="13382"/>
            </a:cxn>
            <a:cxn ang="0">
              <a:pos x="6012" y="12882"/>
            </a:cxn>
            <a:cxn ang="0">
              <a:pos x="6914" y="12757"/>
            </a:cxn>
            <a:cxn ang="0">
              <a:pos x="7816" y="13007"/>
            </a:cxn>
            <a:cxn ang="0">
              <a:pos x="8718" y="12257"/>
            </a:cxn>
            <a:cxn ang="0">
              <a:pos x="9770" y="12757"/>
            </a:cxn>
            <a:cxn ang="0">
              <a:pos x="11273" y="12757"/>
            </a:cxn>
            <a:cxn ang="0">
              <a:pos x="11875" y="11882"/>
            </a:cxn>
            <a:cxn ang="0">
              <a:pos x="12777" y="11131"/>
            </a:cxn>
            <a:cxn ang="0">
              <a:pos x="13678" y="9880"/>
            </a:cxn>
            <a:cxn ang="0">
              <a:pos x="12777" y="8630"/>
            </a:cxn>
            <a:cxn ang="0">
              <a:pos x="12476" y="7254"/>
            </a:cxn>
            <a:cxn ang="0">
              <a:pos x="12777" y="6128"/>
            </a:cxn>
            <a:cxn ang="0">
              <a:pos x="13378" y="5253"/>
            </a:cxn>
            <a:cxn ang="0">
              <a:pos x="14430" y="5503"/>
            </a:cxn>
            <a:cxn ang="0">
              <a:pos x="15182" y="5753"/>
            </a:cxn>
            <a:cxn ang="0">
              <a:pos x="15482" y="5128"/>
            </a:cxn>
            <a:cxn ang="0">
              <a:pos x="16384" y="4753"/>
            </a:cxn>
            <a:cxn ang="0">
              <a:pos x="16083" y="3127"/>
            </a:cxn>
          </a:cxnLst>
          <a:rect l="0" t="0" r="r" b="b"/>
          <a:pathLst>
            <a:path w="16384" h="16384">
              <a:moveTo>
                <a:pt x="16083" y="3127"/>
              </a:moveTo>
              <a:lnTo>
                <a:pt x="15783" y="2251"/>
              </a:lnTo>
              <a:lnTo>
                <a:pt x="15182" y="2126"/>
              </a:lnTo>
              <a:lnTo>
                <a:pt x="14280" y="2376"/>
              </a:lnTo>
              <a:lnTo>
                <a:pt x="13528" y="2501"/>
              </a:lnTo>
              <a:lnTo>
                <a:pt x="13227" y="2001"/>
              </a:lnTo>
              <a:lnTo>
                <a:pt x="13378" y="1251"/>
              </a:lnTo>
              <a:lnTo>
                <a:pt x="12476" y="1001"/>
              </a:lnTo>
              <a:lnTo>
                <a:pt x="11724" y="500"/>
              </a:lnTo>
              <a:lnTo>
                <a:pt x="11123" y="125"/>
              </a:lnTo>
              <a:lnTo>
                <a:pt x="10822" y="625"/>
              </a:lnTo>
              <a:lnTo>
                <a:pt x="10221" y="625"/>
              </a:lnTo>
              <a:lnTo>
                <a:pt x="9620" y="1001"/>
              </a:lnTo>
              <a:lnTo>
                <a:pt x="9319" y="1001"/>
              </a:lnTo>
              <a:lnTo>
                <a:pt x="9019" y="375"/>
              </a:lnTo>
              <a:lnTo>
                <a:pt x="8417" y="0"/>
              </a:lnTo>
              <a:lnTo>
                <a:pt x="7516" y="875"/>
              </a:lnTo>
              <a:lnTo>
                <a:pt x="8267" y="1251"/>
              </a:lnTo>
              <a:lnTo>
                <a:pt x="8117" y="2251"/>
              </a:lnTo>
              <a:lnTo>
                <a:pt x="7365" y="2501"/>
              </a:lnTo>
              <a:lnTo>
                <a:pt x="7967" y="3252"/>
              </a:lnTo>
              <a:lnTo>
                <a:pt x="7666" y="4377"/>
              </a:lnTo>
              <a:lnTo>
                <a:pt x="7816" y="5253"/>
              </a:lnTo>
              <a:lnTo>
                <a:pt x="7215" y="5753"/>
              </a:lnTo>
              <a:lnTo>
                <a:pt x="6914" y="6379"/>
              </a:lnTo>
              <a:lnTo>
                <a:pt x="6313" y="6754"/>
              </a:lnTo>
              <a:lnTo>
                <a:pt x="6313" y="8380"/>
              </a:lnTo>
              <a:lnTo>
                <a:pt x="4810" y="8380"/>
              </a:lnTo>
              <a:lnTo>
                <a:pt x="4359" y="9005"/>
              </a:lnTo>
              <a:lnTo>
                <a:pt x="4058" y="9255"/>
              </a:lnTo>
              <a:lnTo>
                <a:pt x="3908" y="10381"/>
              </a:lnTo>
              <a:lnTo>
                <a:pt x="2706" y="10381"/>
              </a:lnTo>
              <a:lnTo>
                <a:pt x="2255" y="10131"/>
              </a:lnTo>
              <a:lnTo>
                <a:pt x="1804" y="10631"/>
              </a:lnTo>
              <a:lnTo>
                <a:pt x="1954" y="11131"/>
              </a:lnTo>
              <a:lnTo>
                <a:pt x="1202" y="10881"/>
              </a:lnTo>
              <a:lnTo>
                <a:pt x="752" y="11256"/>
              </a:lnTo>
              <a:lnTo>
                <a:pt x="0" y="11131"/>
              </a:lnTo>
              <a:lnTo>
                <a:pt x="301" y="11882"/>
              </a:lnTo>
              <a:lnTo>
                <a:pt x="902" y="12132"/>
              </a:lnTo>
              <a:lnTo>
                <a:pt x="1353" y="12507"/>
              </a:lnTo>
              <a:lnTo>
                <a:pt x="1653" y="13132"/>
              </a:lnTo>
              <a:lnTo>
                <a:pt x="1503" y="13507"/>
              </a:lnTo>
              <a:lnTo>
                <a:pt x="902" y="13883"/>
              </a:lnTo>
              <a:lnTo>
                <a:pt x="601" y="14508"/>
              </a:lnTo>
              <a:lnTo>
                <a:pt x="301" y="15258"/>
              </a:lnTo>
              <a:lnTo>
                <a:pt x="150" y="16134"/>
              </a:lnTo>
              <a:lnTo>
                <a:pt x="1052" y="16384"/>
              </a:lnTo>
              <a:lnTo>
                <a:pt x="1804" y="16259"/>
              </a:lnTo>
              <a:lnTo>
                <a:pt x="1954" y="15884"/>
              </a:lnTo>
              <a:lnTo>
                <a:pt x="2706" y="15509"/>
              </a:lnTo>
              <a:lnTo>
                <a:pt x="3157" y="14508"/>
              </a:lnTo>
              <a:lnTo>
                <a:pt x="4209" y="15258"/>
              </a:lnTo>
              <a:lnTo>
                <a:pt x="5261" y="15634"/>
              </a:lnTo>
              <a:lnTo>
                <a:pt x="6463" y="16009"/>
              </a:lnTo>
              <a:lnTo>
                <a:pt x="6313" y="14758"/>
              </a:lnTo>
              <a:lnTo>
                <a:pt x="5862" y="14008"/>
              </a:lnTo>
              <a:lnTo>
                <a:pt x="6463" y="13883"/>
              </a:lnTo>
              <a:lnTo>
                <a:pt x="6914" y="13883"/>
              </a:lnTo>
              <a:lnTo>
                <a:pt x="6614" y="13382"/>
              </a:lnTo>
              <a:lnTo>
                <a:pt x="6463" y="13132"/>
              </a:lnTo>
              <a:lnTo>
                <a:pt x="6012" y="12882"/>
              </a:lnTo>
              <a:lnTo>
                <a:pt x="6313" y="12382"/>
              </a:lnTo>
              <a:lnTo>
                <a:pt x="6914" y="12757"/>
              </a:lnTo>
              <a:lnTo>
                <a:pt x="7666" y="12757"/>
              </a:lnTo>
              <a:lnTo>
                <a:pt x="7816" y="13007"/>
              </a:lnTo>
              <a:lnTo>
                <a:pt x="8417" y="13132"/>
              </a:lnTo>
              <a:lnTo>
                <a:pt x="8718" y="12257"/>
              </a:lnTo>
              <a:lnTo>
                <a:pt x="9019" y="12382"/>
              </a:lnTo>
              <a:lnTo>
                <a:pt x="9770" y="12757"/>
              </a:lnTo>
              <a:lnTo>
                <a:pt x="11123" y="12882"/>
              </a:lnTo>
              <a:lnTo>
                <a:pt x="11273" y="12757"/>
              </a:lnTo>
              <a:lnTo>
                <a:pt x="11574" y="12132"/>
              </a:lnTo>
              <a:lnTo>
                <a:pt x="11875" y="11882"/>
              </a:lnTo>
              <a:lnTo>
                <a:pt x="12326" y="11631"/>
              </a:lnTo>
              <a:lnTo>
                <a:pt x="12777" y="11131"/>
              </a:lnTo>
              <a:lnTo>
                <a:pt x="13378" y="10506"/>
              </a:lnTo>
              <a:lnTo>
                <a:pt x="13678" y="9880"/>
              </a:lnTo>
              <a:lnTo>
                <a:pt x="13227" y="9005"/>
              </a:lnTo>
              <a:lnTo>
                <a:pt x="12777" y="8630"/>
              </a:lnTo>
              <a:lnTo>
                <a:pt x="12927" y="7629"/>
              </a:lnTo>
              <a:lnTo>
                <a:pt x="12476" y="7254"/>
              </a:lnTo>
              <a:lnTo>
                <a:pt x="12476" y="6253"/>
              </a:lnTo>
              <a:lnTo>
                <a:pt x="12777" y="6128"/>
              </a:lnTo>
              <a:lnTo>
                <a:pt x="13378" y="5628"/>
              </a:lnTo>
              <a:lnTo>
                <a:pt x="13378" y="5253"/>
              </a:lnTo>
              <a:lnTo>
                <a:pt x="14129" y="5128"/>
              </a:lnTo>
              <a:lnTo>
                <a:pt x="14430" y="5503"/>
              </a:lnTo>
              <a:lnTo>
                <a:pt x="15182" y="5878"/>
              </a:lnTo>
              <a:lnTo>
                <a:pt x="15182" y="5753"/>
              </a:lnTo>
              <a:lnTo>
                <a:pt x="15332" y="5128"/>
              </a:lnTo>
              <a:lnTo>
                <a:pt x="15482" y="5128"/>
              </a:lnTo>
              <a:lnTo>
                <a:pt x="15783" y="5003"/>
              </a:lnTo>
              <a:lnTo>
                <a:pt x="16384" y="4753"/>
              </a:lnTo>
              <a:lnTo>
                <a:pt x="16083" y="3877"/>
              </a:lnTo>
              <a:lnTo>
                <a:pt x="16083" y="312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485775</xdr:colOff>
      <xdr:row>23</xdr:row>
      <xdr:rowOff>133350</xdr:rowOff>
    </xdr:from>
    <xdr:to>
      <xdr:col>13</xdr:col>
      <xdr:colOff>495300</xdr:colOff>
      <xdr:row>29</xdr:row>
      <xdr:rowOff>38100</xdr:rowOff>
    </xdr:to>
    <xdr:sp macro="" textlink="">
      <xdr:nvSpPr>
        <xdr:cNvPr id="146" name="d14111">
          <a:extLst>
            <a:ext uri="{FF2B5EF4-FFF2-40B4-BE49-F238E27FC236}">
              <a16:creationId xmlns:a16="http://schemas.microsoft.com/office/drawing/2014/main" id="{00000000-0008-0000-0000-000092000000}"/>
            </a:ext>
          </a:extLst>
        </xdr:cNvPr>
        <xdr:cNvSpPr>
          <a:spLocks/>
        </xdr:cNvSpPr>
      </xdr:nvSpPr>
      <xdr:spPr bwMode="auto">
        <a:xfrm>
          <a:off x="7800975" y="3638550"/>
          <a:ext cx="619125" cy="819150"/>
        </a:xfrm>
        <a:custGeom>
          <a:avLst/>
          <a:gdLst/>
          <a:ahLst/>
          <a:cxnLst>
            <a:cxn ang="0">
              <a:pos x="6806" y="0"/>
            </a:cxn>
            <a:cxn ang="0">
              <a:pos x="5797" y="381"/>
            </a:cxn>
            <a:cxn ang="0">
              <a:pos x="5293" y="572"/>
            </a:cxn>
            <a:cxn ang="0">
              <a:pos x="5041" y="572"/>
            </a:cxn>
            <a:cxn ang="0">
              <a:pos x="4789" y="1524"/>
            </a:cxn>
            <a:cxn ang="0">
              <a:pos x="4789" y="1715"/>
            </a:cxn>
            <a:cxn ang="0">
              <a:pos x="3529" y="1143"/>
            </a:cxn>
            <a:cxn ang="0">
              <a:pos x="3025" y="572"/>
            </a:cxn>
            <a:cxn ang="0">
              <a:pos x="1764" y="762"/>
            </a:cxn>
            <a:cxn ang="0">
              <a:pos x="1764" y="1334"/>
            </a:cxn>
            <a:cxn ang="0">
              <a:pos x="756" y="2096"/>
            </a:cxn>
            <a:cxn ang="0">
              <a:pos x="252" y="2286"/>
            </a:cxn>
            <a:cxn ang="0">
              <a:pos x="252" y="3810"/>
            </a:cxn>
            <a:cxn ang="0">
              <a:pos x="1008" y="4382"/>
            </a:cxn>
            <a:cxn ang="0">
              <a:pos x="756" y="5906"/>
            </a:cxn>
            <a:cxn ang="0">
              <a:pos x="1512" y="6477"/>
            </a:cxn>
            <a:cxn ang="0">
              <a:pos x="2269" y="7811"/>
            </a:cxn>
            <a:cxn ang="0">
              <a:pos x="1764" y="8764"/>
            </a:cxn>
            <a:cxn ang="0">
              <a:pos x="756" y="9716"/>
            </a:cxn>
            <a:cxn ang="0">
              <a:pos x="0" y="10478"/>
            </a:cxn>
            <a:cxn ang="0">
              <a:pos x="1512" y="11240"/>
            </a:cxn>
            <a:cxn ang="0">
              <a:pos x="1512" y="12193"/>
            </a:cxn>
            <a:cxn ang="0">
              <a:pos x="3025" y="12383"/>
            </a:cxn>
            <a:cxn ang="0">
              <a:pos x="3277" y="12764"/>
            </a:cxn>
            <a:cxn ang="0">
              <a:pos x="2521" y="13336"/>
            </a:cxn>
            <a:cxn ang="0">
              <a:pos x="3025" y="13717"/>
            </a:cxn>
            <a:cxn ang="0">
              <a:pos x="5293" y="14098"/>
            </a:cxn>
            <a:cxn ang="0">
              <a:pos x="6302" y="14860"/>
            </a:cxn>
            <a:cxn ang="0">
              <a:pos x="7814" y="14860"/>
            </a:cxn>
            <a:cxn ang="0">
              <a:pos x="8570" y="15812"/>
            </a:cxn>
            <a:cxn ang="0">
              <a:pos x="10587" y="16193"/>
            </a:cxn>
            <a:cxn ang="0">
              <a:pos x="11595" y="16384"/>
            </a:cxn>
            <a:cxn ang="0">
              <a:pos x="12351" y="16003"/>
            </a:cxn>
            <a:cxn ang="0">
              <a:pos x="12855" y="15431"/>
            </a:cxn>
            <a:cxn ang="0">
              <a:pos x="13611" y="14860"/>
            </a:cxn>
            <a:cxn ang="0">
              <a:pos x="13359" y="13907"/>
            </a:cxn>
            <a:cxn ang="0">
              <a:pos x="12603" y="13336"/>
            </a:cxn>
            <a:cxn ang="0">
              <a:pos x="11595" y="12383"/>
            </a:cxn>
            <a:cxn ang="0">
              <a:pos x="11343" y="11812"/>
            </a:cxn>
            <a:cxn ang="0">
              <a:pos x="11847" y="10859"/>
            </a:cxn>
            <a:cxn ang="0">
              <a:pos x="13359" y="10288"/>
            </a:cxn>
            <a:cxn ang="0">
              <a:pos x="14115" y="10669"/>
            </a:cxn>
            <a:cxn ang="0">
              <a:pos x="15628" y="10097"/>
            </a:cxn>
            <a:cxn ang="0">
              <a:pos x="15880" y="9716"/>
            </a:cxn>
            <a:cxn ang="0">
              <a:pos x="15124" y="8764"/>
            </a:cxn>
            <a:cxn ang="0">
              <a:pos x="15124" y="7239"/>
            </a:cxn>
            <a:cxn ang="0">
              <a:pos x="14620" y="6858"/>
            </a:cxn>
            <a:cxn ang="0">
              <a:pos x="13611" y="6096"/>
            </a:cxn>
            <a:cxn ang="0">
              <a:pos x="13863" y="5525"/>
            </a:cxn>
            <a:cxn ang="0">
              <a:pos x="14620" y="5144"/>
            </a:cxn>
            <a:cxn ang="0">
              <a:pos x="15628" y="5144"/>
            </a:cxn>
            <a:cxn ang="0">
              <a:pos x="16384" y="4763"/>
            </a:cxn>
            <a:cxn ang="0">
              <a:pos x="15124" y="4191"/>
            </a:cxn>
            <a:cxn ang="0">
              <a:pos x="14368" y="3239"/>
            </a:cxn>
            <a:cxn ang="0">
              <a:pos x="13359" y="2858"/>
            </a:cxn>
            <a:cxn ang="0">
              <a:pos x="13611" y="1715"/>
            </a:cxn>
            <a:cxn ang="0">
              <a:pos x="11343" y="1905"/>
            </a:cxn>
            <a:cxn ang="0">
              <a:pos x="9830" y="2477"/>
            </a:cxn>
            <a:cxn ang="0">
              <a:pos x="8570" y="2477"/>
            </a:cxn>
            <a:cxn ang="0">
              <a:pos x="8066" y="1524"/>
            </a:cxn>
            <a:cxn ang="0">
              <a:pos x="7562" y="953"/>
            </a:cxn>
            <a:cxn ang="0">
              <a:pos x="6806" y="0"/>
            </a:cxn>
          </a:cxnLst>
          <a:rect l="0" t="0" r="r" b="b"/>
          <a:pathLst>
            <a:path w="16384" h="16384">
              <a:moveTo>
                <a:pt x="6806" y="0"/>
              </a:moveTo>
              <a:lnTo>
                <a:pt x="5797" y="381"/>
              </a:lnTo>
              <a:lnTo>
                <a:pt x="5293" y="572"/>
              </a:lnTo>
              <a:lnTo>
                <a:pt x="5041" y="572"/>
              </a:lnTo>
              <a:lnTo>
                <a:pt x="4789" y="1524"/>
              </a:lnTo>
              <a:lnTo>
                <a:pt x="4789" y="1715"/>
              </a:lnTo>
              <a:lnTo>
                <a:pt x="3529" y="1143"/>
              </a:lnTo>
              <a:lnTo>
                <a:pt x="3025" y="572"/>
              </a:lnTo>
              <a:lnTo>
                <a:pt x="1764" y="762"/>
              </a:lnTo>
              <a:lnTo>
                <a:pt x="1764" y="1334"/>
              </a:lnTo>
              <a:lnTo>
                <a:pt x="756" y="2096"/>
              </a:lnTo>
              <a:lnTo>
                <a:pt x="252" y="2286"/>
              </a:lnTo>
              <a:lnTo>
                <a:pt x="252" y="3810"/>
              </a:lnTo>
              <a:lnTo>
                <a:pt x="1008" y="4382"/>
              </a:lnTo>
              <a:lnTo>
                <a:pt x="756" y="5906"/>
              </a:lnTo>
              <a:lnTo>
                <a:pt x="1512" y="6477"/>
              </a:lnTo>
              <a:lnTo>
                <a:pt x="2269" y="7811"/>
              </a:lnTo>
              <a:lnTo>
                <a:pt x="1764" y="8764"/>
              </a:lnTo>
              <a:lnTo>
                <a:pt x="756" y="9716"/>
              </a:lnTo>
              <a:lnTo>
                <a:pt x="0" y="10478"/>
              </a:lnTo>
              <a:lnTo>
                <a:pt x="1512" y="11240"/>
              </a:lnTo>
              <a:lnTo>
                <a:pt x="1512" y="12193"/>
              </a:lnTo>
              <a:lnTo>
                <a:pt x="3025" y="12383"/>
              </a:lnTo>
              <a:lnTo>
                <a:pt x="3277" y="12764"/>
              </a:lnTo>
              <a:lnTo>
                <a:pt x="2521" y="13336"/>
              </a:lnTo>
              <a:lnTo>
                <a:pt x="3025" y="13717"/>
              </a:lnTo>
              <a:lnTo>
                <a:pt x="5293" y="14098"/>
              </a:lnTo>
              <a:lnTo>
                <a:pt x="6302" y="14860"/>
              </a:lnTo>
              <a:lnTo>
                <a:pt x="7814" y="14860"/>
              </a:lnTo>
              <a:lnTo>
                <a:pt x="8570" y="15812"/>
              </a:lnTo>
              <a:lnTo>
                <a:pt x="10587" y="16193"/>
              </a:lnTo>
              <a:lnTo>
                <a:pt x="11595" y="16384"/>
              </a:lnTo>
              <a:lnTo>
                <a:pt x="12351" y="16003"/>
              </a:lnTo>
              <a:lnTo>
                <a:pt x="12855" y="15431"/>
              </a:lnTo>
              <a:lnTo>
                <a:pt x="13611" y="14860"/>
              </a:lnTo>
              <a:lnTo>
                <a:pt x="13359" y="13907"/>
              </a:lnTo>
              <a:lnTo>
                <a:pt x="12603" y="13336"/>
              </a:lnTo>
              <a:lnTo>
                <a:pt x="11595" y="12383"/>
              </a:lnTo>
              <a:lnTo>
                <a:pt x="11343" y="11812"/>
              </a:lnTo>
              <a:lnTo>
                <a:pt x="11847" y="10859"/>
              </a:lnTo>
              <a:lnTo>
                <a:pt x="13359" y="10288"/>
              </a:lnTo>
              <a:lnTo>
                <a:pt x="14115" y="10669"/>
              </a:lnTo>
              <a:lnTo>
                <a:pt x="15628" y="10097"/>
              </a:lnTo>
              <a:lnTo>
                <a:pt x="15880" y="9716"/>
              </a:lnTo>
              <a:lnTo>
                <a:pt x="15124" y="8764"/>
              </a:lnTo>
              <a:lnTo>
                <a:pt x="15124" y="7239"/>
              </a:lnTo>
              <a:lnTo>
                <a:pt x="14620" y="6858"/>
              </a:lnTo>
              <a:lnTo>
                <a:pt x="13611" y="6096"/>
              </a:lnTo>
              <a:lnTo>
                <a:pt x="13863" y="5525"/>
              </a:lnTo>
              <a:lnTo>
                <a:pt x="14620" y="5144"/>
              </a:lnTo>
              <a:lnTo>
                <a:pt x="15628" y="5144"/>
              </a:lnTo>
              <a:lnTo>
                <a:pt x="16384" y="4763"/>
              </a:lnTo>
              <a:lnTo>
                <a:pt x="15124" y="4191"/>
              </a:lnTo>
              <a:lnTo>
                <a:pt x="14368" y="3239"/>
              </a:lnTo>
              <a:lnTo>
                <a:pt x="13359" y="2858"/>
              </a:lnTo>
              <a:lnTo>
                <a:pt x="13611" y="1715"/>
              </a:lnTo>
              <a:lnTo>
                <a:pt x="11343" y="1905"/>
              </a:lnTo>
              <a:lnTo>
                <a:pt x="9830" y="2477"/>
              </a:lnTo>
              <a:lnTo>
                <a:pt x="8570" y="2477"/>
              </a:lnTo>
              <a:lnTo>
                <a:pt x="8066" y="1524"/>
              </a:lnTo>
              <a:lnTo>
                <a:pt x="7562" y="953"/>
              </a:lnTo>
              <a:lnTo>
                <a:pt x="6806" y="0"/>
              </a:lnTo>
              <a:close/>
            </a:path>
          </a:pathLst>
        </a:custGeom>
        <a:solidFill>
          <a:srgbClr val="FF6600"/>
        </a:solidFill>
        <a:ln w="9525" cap="flat">
          <a:solidFill>
            <a:srgbClr val="000000"/>
          </a:solidFill>
          <a:prstDash val="solid"/>
          <a:round/>
          <a:headEnd/>
          <a:tailEnd/>
        </a:ln>
      </xdr:spPr>
    </xdr:sp>
    <xdr:clientData/>
  </xdr:twoCellAnchor>
  <xdr:twoCellAnchor editAs="oneCell">
    <xdr:from>
      <xdr:col>11</xdr:col>
      <xdr:colOff>342900</xdr:colOff>
      <xdr:row>16</xdr:row>
      <xdr:rowOff>9525</xdr:rowOff>
    </xdr:from>
    <xdr:to>
      <xdr:col>13</xdr:col>
      <xdr:colOff>47625</xdr:colOff>
      <xdr:row>22</xdr:row>
      <xdr:rowOff>1</xdr:rowOff>
    </xdr:to>
    <xdr:sp macro="" textlink="">
      <xdr:nvSpPr>
        <xdr:cNvPr id="148" name="d14112">
          <a:extLst>
            <a:ext uri="{FF2B5EF4-FFF2-40B4-BE49-F238E27FC236}">
              <a16:creationId xmlns:a16="http://schemas.microsoft.com/office/drawing/2014/main" id="{00000000-0008-0000-0000-000094000000}"/>
            </a:ext>
          </a:extLst>
        </xdr:cNvPr>
        <xdr:cNvSpPr>
          <a:spLocks/>
        </xdr:cNvSpPr>
      </xdr:nvSpPr>
      <xdr:spPr bwMode="auto">
        <a:xfrm>
          <a:off x="7048500" y="2447925"/>
          <a:ext cx="923925" cy="904876"/>
        </a:xfrm>
        <a:custGeom>
          <a:avLst/>
          <a:gdLst/>
          <a:ahLst/>
          <a:cxnLst>
            <a:cxn ang="0">
              <a:pos x="11824" y="14487"/>
            </a:cxn>
            <a:cxn ang="0">
              <a:pos x="13513" y="13625"/>
            </a:cxn>
            <a:cxn ang="0">
              <a:pos x="14864" y="13970"/>
            </a:cxn>
            <a:cxn ang="0">
              <a:pos x="16046" y="13452"/>
            </a:cxn>
            <a:cxn ang="0">
              <a:pos x="16384" y="11900"/>
            </a:cxn>
            <a:cxn ang="0">
              <a:pos x="15033" y="10693"/>
            </a:cxn>
            <a:cxn ang="0">
              <a:pos x="13513" y="9485"/>
            </a:cxn>
            <a:cxn ang="0">
              <a:pos x="15033" y="8451"/>
            </a:cxn>
            <a:cxn ang="0">
              <a:pos x="15033" y="7243"/>
            </a:cxn>
            <a:cxn ang="0">
              <a:pos x="15708" y="6036"/>
            </a:cxn>
            <a:cxn ang="0">
              <a:pos x="14019" y="5864"/>
            </a:cxn>
            <a:cxn ang="0">
              <a:pos x="12499" y="4312"/>
            </a:cxn>
            <a:cxn ang="0">
              <a:pos x="13006" y="3277"/>
            </a:cxn>
            <a:cxn ang="0">
              <a:pos x="12330" y="2759"/>
            </a:cxn>
            <a:cxn ang="0">
              <a:pos x="11148" y="2759"/>
            </a:cxn>
            <a:cxn ang="0">
              <a:pos x="9966" y="2242"/>
            </a:cxn>
            <a:cxn ang="0">
              <a:pos x="8783" y="1725"/>
            </a:cxn>
            <a:cxn ang="0">
              <a:pos x="7770" y="1207"/>
            </a:cxn>
            <a:cxn ang="0">
              <a:pos x="6756" y="1897"/>
            </a:cxn>
            <a:cxn ang="0">
              <a:pos x="5912" y="2070"/>
            </a:cxn>
            <a:cxn ang="0">
              <a:pos x="5236" y="2414"/>
            </a:cxn>
            <a:cxn ang="0">
              <a:pos x="4223" y="1725"/>
            </a:cxn>
            <a:cxn ang="0">
              <a:pos x="3716" y="862"/>
            </a:cxn>
            <a:cxn ang="0">
              <a:pos x="2871" y="0"/>
            </a:cxn>
            <a:cxn ang="0">
              <a:pos x="1520" y="345"/>
            </a:cxn>
            <a:cxn ang="0">
              <a:pos x="338" y="1207"/>
            </a:cxn>
            <a:cxn ang="0">
              <a:pos x="0" y="1897"/>
            </a:cxn>
            <a:cxn ang="0">
              <a:pos x="169" y="4139"/>
            </a:cxn>
            <a:cxn ang="0">
              <a:pos x="845" y="6036"/>
            </a:cxn>
            <a:cxn ang="0">
              <a:pos x="1858" y="6554"/>
            </a:cxn>
            <a:cxn ang="0">
              <a:pos x="3209" y="7588"/>
            </a:cxn>
            <a:cxn ang="0">
              <a:pos x="2703" y="9141"/>
            </a:cxn>
            <a:cxn ang="0">
              <a:pos x="3547" y="10175"/>
            </a:cxn>
            <a:cxn ang="0">
              <a:pos x="3716" y="11900"/>
            </a:cxn>
            <a:cxn ang="0">
              <a:pos x="4392" y="12935"/>
            </a:cxn>
            <a:cxn ang="0">
              <a:pos x="4054" y="14487"/>
            </a:cxn>
            <a:cxn ang="0">
              <a:pos x="4392" y="15522"/>
            </a:cxn>
            <a:cxn ang="0">
              <a:pos x="5236" y="15694"/>
            </a:cxn>
            <a:cxn ang="0">
              <a:pos x="6418" y="14659"/>
            </a:cxn>
            <a:cxn ang="0">
              <a:pos x="8108" y="14832"/>
            </a:cxn>
            <a:cxn ang="0">
              <a:pos x="9628" y="15522"/>
            </a:cxn>
            <a:cxn ang="0">
              <a:pos x="10303" y="16384"/>
            </a:cxn>
            <a:cxn ang="0">
              <a:pos x="11655" y="15867"/>
            </a:cxn>
          </a:cxnLst>
          <a:rect l="0" t="0" r="r" b="b"/>
          <a:pathLst>
            <a:path w="16384" h="16384">
              <a:moveTo>
                <a:pt x="11992" y="15177"/>
              </a:moveTo>
              <a:lnTo>
                <a:pt x="11824" y="14487"/>
              </a:lnTo>
              <a:lnTo>
                <a:pt x="12330" y="14142"/>
              </a:lnTo>
              <a:lnTo>
                <a:pt x="13513" y="13625"/>
              </a:lnTo>
              <a:lnTo>
                <a:pt x="14019" y="13797"/>
              </a:lnTo>
              <a:lnTo>
                <a:pt x="14864" y="13970"/>
              </a:lnTo>
              <a:lnTo>
                <a:pt x="15877" y="13625"/>
              </a:lnTo>
              <a:lnTo>
                <a:pt x="16046" y="13452"/>
              </a:lnTo>
              <a:lnTo>
                <a:pt x="16215" y="12762"/>
              </a:lnTo>
              <a:lnTo>
                <a:pt x="16384" y="11900"/>
              </a:lnTo>
              <a:lnTo>
                <a:pt x="15877" y="11210"/>
              </a:lnTo>
              <a:lnTo>
                <a:pt x="15033" y="10693"/>
              </a:lnTo>
              <a:lnTo>
                <a:pt x="14188" y="10520"/>
              </a:lnTo>
              <a:lnTo>
                <a:pt x="13513" y="9485"/>
              </a:lnTo>
              <a:lnTo>
                <a:pt x="14526" y="8968"/>
              </a:lnTo>
              <a:lnTo>
                <a:pt x="15033" y="8451"/>
              </a:lnTo>
              <a:lnTo>
                <a:pt x="15539" y="7761"/>
              </a:lnTo>
              <a:lnTo>
                <a:pt x="15033" y="7243"/>
              </a:lnTo>
              <a:lnTo>
                <a:pt x="15708" y="6726"/>
              </a:lnTo>
              <a:lnTo>
                <a:pt x="15708" y="6036"/>
              </a:lnTo>
              <a:lnTo>
                <a:pt x="15202" y="6036"/>
              </a:lnTo>
              <a:lnTo>
                <a:pt x="14019" y="5864"/>
              </a:lnTo>
              <a:lnTo>
                <a:pt x="13344" y="5519"/>
              </a:lnTo>
              <a:lnTo>
                <a:pt x="12499" y="4312"/>
              </a:lnTo>
              <a:lnTo>
                <a:pt x="12668" y="3967"/>
              </a:lnTo>
              <a:lnTo>
                <a:pt x="13006" y="3277"/>
              </a:lnTo>
              <a:lnTo>
                <a:pt x="12668" y="3277"/>
              </a:lnTo>
              <a:lnTo>
                <a:pt x="12330" y="2759"/>
              </a:lnTo>
              <a:lnTo>
                <a:pt x="11655" y="2759"/>
              </a:lnTo>
              <a:lnTo>
                <a:pt x="11148" y="2759"/>
              </a:lnTo>
              <a:lnTo>
                <a:pt x="10641" y="2242"/>
              </a:lnTo>
              <a:lnTo>
                <a:pt x="9966" y="2242"/>
              </a:lnTo>
              <a:lnTo>
                <a:pt x="9121" y="2414"/>
              </a:lnTo>
              <a:lnTo>
                <a:pt x="8783" y="1725"/>
              </a:lnTo>
              <a:lnTo>
                <a:pt x="8108" y="1380"/>
              </a:lnTo>
              <a:lnTo>
                <a:pt x="7770" y="1207"/>
              </a:lnTo>
              <a:lnTo>
                <a:pt x="7432" y="1552"/>
              </a:lnTo>
              <a:lnTo>
                <a:pt x="6756" y="1897"/>
              </a:lnTo>
              <a:lnTo>
                <a:pt x="6250" y="1897"/>
              </a:lnTo>
              <a:lnTo>
                <a:pt x="5912" y="2070"/>
              </a:lnTo>
              <a:lnTo>
                <a:pt x="5743" y="2414"/>
              </a:lnTo>
              <a:lnTo>
                <a:pt x="5236" y="2414"/>
              </a:lnTo>
              <a:lnTo>
                <a:pt x="4729" y="2070"/>
              </a:lnTo>
              <a:lnTo>
                <a:pt x="4223" y="1725"/>
              </a:lnTo>
              <a:lnTo>
                <a:pt x="3716" y="1380"/>
              </a:lnTo>
              <a:lnTo>
                <a:pt x="3716" y="862"/>
              </a:lnTo>
              <a:lnTo>
                <a:pt x="3547" y="345"/>
              </a:lnTo>
              <a:lnTo>
                <a:pt x="2871" y="0"/>
              </a:lnTo>
              <a:lnTo>
                <a:pt x="2027" y="0"/>
              </a:lnTo>
              <a:lnTo>
                <a:pt x="1520" y="345"/>
              </a:lnTo>
              <a:lnTo>
                <a:pt x="845" y="690"/>
              </a:lnTo>
              <a:lnTo>
                <a:pt x="338" y="1207"/>
              </a:lnTo>
              <a:lnTo>
                <a:pt x="169" y="1725"/>
              </a:lnTo>
              <a:lnTo>
                <a:pt x="0" y="1897"/>
              </a:lnTo>
              <a:lnTo>
                <a:pt x="0" y="3104"/>
              </a:lnTo>
              <a:lnTo>
                <a:pt x="169" y="4139"/>
              </a:lnTo>
              <a:lnTo>
                <a:pt x="169" y="5174"/>
              </a:lnTo>
              <a:lnTo>
                <a:pt x="845" y="6036"/>
              </a:lnTo>
              <a:lnTo>
                <a:pt x="1351" y="6381"/>
              </a:lnTo>
              <a:lnTo>
                <a:pt x="1858" y="6554"/>
              </a:lnTo>
              <a:lnTo>
                <a:pt x="2365" y="7416"/>
              </a:lnTo>
              <a:lnTo>
                <a:pt x="3209" y="7588"/>
              </a:lnTo>
              <a:lnTo>
                <a:pt x="2871" y="8451"/>
              </a:lnTo>
              <a:lnTo>
                <a:pt x="2703" y="9141"/>
              </a:lnTo>
              <a:lnTo>
                <a:pt x="3040" y="9830"/>
              </a:lnTo>
              <a:lnTo>
                <a:pt x="3547" y="10175"/>
              </a:lnTo>
              <a:lnTo>
                <a:pt x="3716" y="11210"/>
              </a:lnTo>
              <a:lnTo>
                <a:pt x="3716" y="11900"/>
              </a:lnTo>
              <a:lnTo>
                <a:pt x="4054" y="12590"/>
              </a:lnTo>
              <a:lnTo>
                <a:pt x="4392" y="12935"/>
              </a:lnTo>
              <a:lnTo>
                <a:pt x="4054" y="13797"/>
              </a:lnTo>
              <a:lnTo>
                <a:pt x="4054" y="14487"/>
              </a:lnTo>
              <a:lnTo>
                <a:pt x="4392" y="14832"/>
              </a:lnTo>
              <a:lnTo>
                <a:pt x="4392" y="15522"/>
              </a:lnTo>
              <a:lnTo>
                <a:pt x="4729" y="15694"/>
              </a:lnTo>
              <a:lnTo>
                <a:pt x="5236" y="15694"/>
              </a:lnTo>
              <a:lnTo>
                <a:pt x="5574" y="14832"/>
              </a:lnTo>
              <a:lnTo>
                <a:pt x="6418" y="14659"/>
              </a:lnTo>
              <a:lnTo>
                <a:pt x="7263" y="15177"/>
              </a:lnTo>
              <a:lnTo>
                <a:pt x="8108" y="14832"/>
              </a:lnTo>
              <a:lnTo>
                <a:pt x="8952" y="15004"/>
              </a:lnTo>
              <a:lnTo>
                <a:pt x="9628" y="15522"/>
              </a:lnTo>
              <a:lnTo>
                <a:pt x="9966" y="16384"/>
              </a:lnTo>
              <a:lnTo>
                <a:pt x="10303" y="16384"/>
              </a:lnTo>
              <a:lnTo>
                <a:pt x="10979" y="15867"/>
              </a:lnTo>
              <a:lnTo>
                <a:pt x="11655" y="15867"/>
              </a:lnTo>
              <a:lnTo>
                <a:pt x="11992" y="1517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257175</xdr:colOff>
      <xdr:row>13</xdr:row>
      <xdr:rowOff>76200</xdr:rowOff>
    </xdr:from>
    <xdr:to>
      <xdr:col>13</xdr:col>
      <xdr:colOff>266700</xdr:colOff>
      <xdr:row>17</xdr:row>
      <xdr:rowOff>133350</xdr:rowOff>
    </xdr:to>
    <xdr:sp macro="" textlink="">
      <xdr:nvSpPr>
        <xdr:cNvPr id="149" name="d14113">
          <a:extLst>
            <a:ext uri="{FF2B5EF4-FFF2-40B4-BE49-F238E27FC236}">
              <a16:creationId xmlns:a16="http://schemas.microsoft.com/office/drawing/2014/main" id="{00000000-0008-0000-0000-000095000000}"/>
            </a:ext>
          </a:extLst>
        </xdr:cNvPr>
        <xdr:cNvSpPr>
          <a:spLocks/>
        </xdr:cNvSpPr>
      </xdr:nvSpPr>
      <xdr:spPr bwMode="auto">
        <a:xfrm>
          <a:off x="6962775" y="2057400"/>
          <a:ext cx="1228725" cy="666750"/>
        </a:xfrm>
        <a:custGeom>
          <a:avLst/>
          <a:gdLst/>
          <a:ahLst/>
          <a:cxnLst>
            <a:cxn ang="0">
              <a:pos x="762" y="1170"/>
            </a:cxn>
            <a:cxn ang="0">
              <a:pos x="889" y="4681"/>
            </a:cxn>
            <a:cxn ang="0">
              <a:pos x="508" y="6788"/>
            </a:cxn>
            <a:cxn ang="0">
              <a:pos x="0" y="9128"/>
            </a:cxn>
            <a:cxn ang="0">
              <a:pos x="635" y="11235"/>
            </a:cxn>
            <a:cxn ang="0">
              <a:pos x="1270" y="11937"/>
            </a:cxn>
            <a:cxn ang="0">
              <a:pos x="1778" y="10533"/>
            </a:cxn>
            <a:cxn ang="0">
              <a:pos x="2667" y="9596"/>
            </a:cxn>
            <a:cxn ang="0">
              <a:pos x="3810" y="10064"/>
            </a:cxn>
            <a:cxn ang="0">
              <a:pos x="3937" y="11469"/>
            </a:cxn>
            <a:cxn ang="0">
              <a:pos x="4699" y="12405"/>
            </a:cxn>
            <a:cxn ang="0">
              <a:pos x="5461" y="12873"/>
            </a:cxn>
            <a:cxn ang="0">
              <a:pos x="5842" y="12171"/>
            </a:cxn>
            <a:cxn ang="0">
              <a:pos x="6731" y="11703"/>
            </a:cxn>
            <a:cxn ang="0">
              <a:pos x="7239" y="11469"/>
            </a:cxn>
            <a:cxn ang="0">
              <a:pos x="8001" y="12873"/>
            </a:cxn>
            <a:cxn ang="0">
              <a:pos x="9145" y="12639"/>
            </a:cxn>
            <a:cxn ang="0">
              <a:pos x="9907" y="13341"/>
            </a:cxn>
            <a:cxn ang="0">
              <a:pos x="10669" y="14043"/>
            </a:cxn>
            <a:cxn ang="0">
              <a:pos x="11050" y="14277"/>
            </a:cxn>
            <a:cxn ang="0">
              <a:pos x="11812" y="14980"/>
            </a:cxn>
            <a:cxn ang="0">
              <a:pos x="12066" y="16384"/>
            </a:cxn>
            <a:cxn ang="0">
              <a:pos x="12701" y="14746"/>
            </a:cxn>
            <a:cxn ang="0">
              <a:pos x="13209" y="13575"/>
            </a:cxn>
            <a:cxn ang="0">
              <a:pos x="13590" y="12873"/>
            </a:cxn>
            <a:cxn ang="0">
              <a:pos x="14098" y="11703"/>
            </a:cxn>
            <a:cxn ang="0">
              <a:pos x="14860" y="11235"/>
            </a:cxn>
            <a:cxn ang="0">
              <a:pos x="15749" y="11469"/>
            </a:cxn>
            <a:cxn ang="0">
              <a:pos x="16257" y="9830"/>
            </a:cxn>
            <a:cxn ang="0">
              <a:pos x="16384" y="8192"/>
            </a:cxn>
            <a:cxn ang="0">
              <a:pos x="15114" y="8192"/>
            </a:cxn>
            <a:cxn ang="0">
              <a:pos x="14225" y="9362"/>
            </a:cxn>
            <a:cxn ang="0">
              <a:pos x="11939" y="10064"/>
            </a:cxn>
            <a:cxn ang="0">
              <a:pos x="10542" y="5851"/>
            </a:cxn>
            <a:cxn ang="0">
              <a:pos x="9145" y="1638"/>
            </a:cxn>
            <a:cxn ang="0">
              <a:pos x="7112" y="2809"/>
            </a:cxn>
            <a:cxn ang="0">
              <a:pos x="6096" y="3511"/>
            </a:cxn>
            <a:cxn ang="0">
              <a:pos x="4572" y="1872"/>
            </a:cxn>
            <a:cxn ang="0">
              <a:pos x="2540" y="702"/>
            </a:cxn>
          </a:cxnLst>
          <a:rect l="0" t="0" r="r" b="b"/>
          <a:pathLst>
            <a:path w="16384" h="16384">
              <a:moveTo>
                <a:pt x="889" y="0"/>
              </a:moveTo>
              <a:lnTo>
                <a:pt x="762" y="1170"/>
              </a:lnTo>
              <a:lnTo>
                <a:pt x="1270" y="2575"/>
              </a:lnTo>
              <a:lnTo>
                <a:pt x="889" y="4681"/>
              </a:lnTo>
              <a:lnTo>
                <a:pt x="889" y="5851"/>
              </a:lnTo>
              <a:lnTo>
                <a:pt x="508" y="6788"/>
              </a:lnTo>
              <a:lnTo>
                <a:pt x="381" y="7724"/>
              </a:lnTo>
              <a:lnTo>
                <a:pt x="0" y="9128"/>
              </a:lnTo>
              <a:lnTo>
                <a:pt x="635" y="10533"/>
              </a:lnTo>
              <a:lnTo>
                <a:pt x="635" y="11235"/>
              </a:lnTo>
              <a:lnTo>
                <a:pt x="1143" y="12171"/>
              </a:lnTo>
              <a:lnTo>
                <a:pt x="1270" y="11937"/>
              </a:lnTo>
              <a:lnTo>
                <a:pt x="1397" y="11235"/>
              </a:lnTo>
              <a:lnTo>
                <a:pt x="1778" y="10533"/>
              </a:lnTo>
              <a:lnTo>
                <a:pt x="2286" y="10064"/>
              </a:lnTo>
              <a:lnTo>
                <a:pt x="2667" y="9596"/>
              </a:lnTo>
              <a:lnTo>
                <a:pt x="3302" y="9596"/>
              </a:lnTo>
              <a:lnTo>
                <a:pt x="3810" y="10064"/>
              </a:lnTo>
              <a:lnTo>
                <a:pt x="3937" y="10767"/>
              </a:lnTo>
              <a:lnTo>
                <a:pt x="3937" y="11469"/>
              </a:lnTo>
              <a:lnTo>
                <a:pt x="4318" y="11937"/>
              </a:lnTo>
              <a:lnTo>
                <a:pt x="4699" y="12405"/>
              </a:lnTo>
              <a:lnTo>
                <a:pt x="5080" y="12873"/>
              </a:lnTo>
              <a:lnTo>
                <a:pt x="5461" y="12873"/>
              </a:lnTo>
              <a:lnTo>
                <a:pt x="5588" y="12405"/>
              </a:lnTo>
              <a:lnTo>
                <a:pt x="5842" y="12171"/>
              </a:lnTo>
              <a:lnTo>
                <a:pt x="6223" y="12171"/>
              </a:lnTo>
              <a:lnTo>
                <a:pt x="6731" y="11703"/>
              </a:lnTo>
              <a:lnTo>
                <a:pt x="6985" y="11235"/>
              </a:lnTo>
              <a:lnTo>
                <a:pt x="7239" y="11469"/>
              </a:lnTo>
              <a:lnTo>
                <a:pt x="7747" y="11937"/>
              </a:lnTo>
              <a:lnTo>
                <a:pt x="8001" y="12873"/>
              </a:lnTo>
              <a:lnTo>
                <a:pt x="8637" y="12639"/>
              </a:lnTo>
              <a:lnTo>
                <a:pt x="9145" y="12639"/>
              </a:lnTo>
              <a:lnTo>
                <a:pt x="9526" y="13341"/>
              </a:lnTo>
              <a:lnTo>
                <a:pt x="9907" y="13341"/>
              </a:lnTo>
              <a:lnTo>
                <a:pt x="10415" y="13341"/>
              </a:lnTo>
              <a:lnTo>
                <a:pt x="10669" y="14043"/>
              </a:lnTo>
              <a:lnTo>
                <a:pt x="10923" y="14043"/>
              </a:lnTo>
              <a:lnTo>
                <a:pt x="11050" y="14277"/>
              </a:lnTo>
              <a:lnTo>
                <a:pt x="11558" y="14512"/>
              </a:lnTo>
              <a:lnTo>
                <a:pt x="11812" y="14980"/>
              </a:lnTo>
              <a:lnTo>
                <a:pt x="11812" y="16150"/>
              </a:lnTo>
              <a:lnTo>
                <a:pt x="12066" y="16384"/>
              </a:lnTo>
              <a:lnTo>
                <a:pt x="12320" y="15682"/>
              </a:lnTo>
              <a:lnTo>
                <a:pt x="12701" y="14746"/>
              </a:lnTo>
              <a:lnTo>
                <a:pt x="12955" y="13809"/>
              </a:lnTo>
              <a:lnTo>
                <a:pt x="13209" y="13575"/>
              </a:lnTo>
              <a:lnTo>
                <a:pt x="13336" y="13341"/>
              </a:lnTo>
              <a:lnTo>
                <a:pt x="13590" y="12873"/>
              </a:lnTo>
              <a:lnTo>
                <a:pt x="13844" y="12171"/>
              </a:lnTo>
              <a:lnTo>
                <a:pt x="14098" y="11703"/>
              </a:lnTo>
              <a:lnTo>
                <a:pt x="14352" y="11001"/>
              </a:lnTo>
              <a:lnTo>
                <a:pt x="14860" y="11235"/>
              </a:lnTo>
              <a:lnTo>
                <a:pt x="15368" y="11469"/>
              </a:lnTo>
              <a:lnTo>
                <a:pt x="15749" y="11469"/>
              </a:lnTo>
              <a:lnTo>
                <a:pt x="16130" y="10533"/>
              </a:lnTo>
              <a:lnTo>
                <a:pt x="16257" y="9830"/>
              </a:lnTo>
              <a:lnTo>
                <a:pt x="16384" y="9128"/>
              </a:lnTo>
              <a:lnTo>
                <a:pt x="16384" y="8192"/>
              </a:lnTo>
              <a:lnTo>
                <a:pt x="15622" y="8894"/>
              </a:lnTo>
              <a:lnTo>
                <a:pt x="15114" y="8192"/>
              </a:lnTo>
              <a:lnTo>
                <a:pt x="14479" y="8426"/>
              </a:lnTo>
              <a:lnTo>
                <a:pt x="14225" y="9362"/>
              </a:lnTo>
              <a:lnTo>
                <a:pt x="12701" y="10064"/>
              </a:lnTo>
              <a:lnTo>
                <a:pt x="11939" y="10064"/>
              </a:lnTo>
              <a:lnTo>
                <a:pt x="11431" y="8894"/>
              </a:lnTo>
              <a:lnTo>
                <a:pt x="10542" y="5851"/>
              </a:lnTo>
              <a:lnTo>
                <a:pt x="9780" y="1404"/>
              </a:lnTo>
              <a:lnTo>
                <a:pt x="9145" y="1638"/>
              </a:lnTo>
              <a:lnTo>
                <a:pt x="8510" y="1170"/>
              </a:lnTo>
              <a:lnTo>
                <a:pt x="7112" y="2809"/>
              </a:lnTo>
              <a:lnTo>
                <a:pt x="6731" y="4213"/>
              </a:lnTo>
              <a:lnTo>
                <a:pt x="6096" y="3511"/>
              </a:lnTo>
              <a:lnTo>
                <a:pt x="5334" y="3745"/>
              </a:lnTo>
              <a:lnTo>
                <a:pt x="4572" y="1872"/>
              </a:lnTo>
              <a:lnTo>
                <a:pt x="3556" y="1872"/>
              </a:lnTo>
              <a:lnTo>
                <a:pt x="2540" y="702"/>
              </a:lnTo>
              <a:lnTo>
                <a:pt x="889" y="0"/>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76200</xdr:colOff>
      <xdr:row>16</xdr:row>
      <xdr:rowOff>76200</xdr:rowOff>
    </xdr:from>
    <xdr:to>
      <xdr:col>12</xdr:col>
      <xdr:colOff>0</xdr:colOff>
      <xdr:row>22</xdr:row>
      <xdr:rowOff>104776</xdr:rowOff>
    </xdr:to>
    <xdr:sp macro="" textlink="">
      <xdr:nvSpPr>
        <xdr:cNvPr id="150" name="d14114">
          <a:extLst>
            <a:ext uri="{FF2B5EF4-FFF2-40B4-BE49-F238E27FC236}">
              <a16:creationId xmlns:a16="http://schemas.microsoft.com/office/drawing/2014/main" id="{00000000-0008-0000-0000-000096000000}"/>
            </a:ext>
          </a:extLst>
        </xdr:cNvPr>
        <xdr:cNvSpPr>
          <a:spLocks/>
        </xdr:cNvSpPr>
      </xdr:nvSpPr>
      <xdr:spPr bwMode="auto">
        <a:xfrm>
          <a:off x="6781800" y="2514600"/>
          <a:ext cx="533400" cy="942976"/>
        </a:xfrm>
        <a:custGeom>
          <a:avLst/>
          <a:gdLst/>
          <a:ahLst/>
          <a:cxnLst>
            <a:cxn ang="0">
              <a:pos x="7022" y="0"/>
            </a:cxn>
            <a:cxn ang="0">
              <a:pos x="5266" y="331"/>
            </a:cxn>
            <a:cxn ang="0">
              <a:pos x="3218" y="496"/>
            </a:cxn>
            <a:cxn ang="0">
              <a:pos x="1463" y="496"/>
            </a:cxn>
            <a:cxn ang="0">
              <a:pos x="585" y="1158"/>
            </a:cxn>
            <a:cxn ang="0">
              <a:pos x="0" y="1489"/>
            </a:cxn>
            <a:cxn ang="0">
              <a:pos x="585" y="1986"/>
            </a:cxn>
            <a:cxn ang="0">
              <a:pos x="1463" y="2151"/>
            </a:cxn>
            <a:cxn ang="0">
              <a:pos x="2633" y="3641"/>
            </a:cxn>
            <a:cxn ang="0">
              <a:pos x="2048" y="4468"/>
            </a:cxn>
            <a:cxn ang="0">
              <a:pos x="2341" y="5296"/>
            </a:cxn>
            <a:cxn ang="0">
              <a:pos x="2341" y="6123"/>
            </a:cxn>
            <a:cxn ang="0">
              <a:pos x="2341" y="6785"/>
            </a:cxn>
            <a:cxn ang="0">
              <a:pos x="3511" y="8109"/>
            </a:cxn>
            <a:cxn ang="0">
              <a:pos x="3511" y="8937"/>
            </a:cxn>
            <a:cxn ang="0">
              <a:pos x="2926" y="9599"/>
            </a:cxn>
            <a:cxn ang="0">
              <a:pos x="3511" y="10757"/>
            </a:cxn>
            <a:cxn ang="0">
              <a:pos x="4681" y="12081"/>
            </a:cxn>
            <a:cxn ang="0">
              <a:pos x="5559" y="13571"/>
            </a:cxn>
            <a:cxn ang="0">
              <a:pos x="6729" y="13571"/>
            </a:cxn>
            <a:cxn ang="0">
              <a:pos x="6729" y="14564"/>
            </a:cxn>
            <a:cxn ang="0">
              <a:pos x="7314" y="14564"/>
            </a:cxn>
            <a:cxn ang="0">
              <a:pos x="9070" y="14398"/>
            </a:cxn>
            <a:cxn ang="0">
              <a:pos x="10533" y="14398"/>
            </a:cxn>
            <a:cxn ang="0">
              <a:pos x="10825" y="14729"/>
            </a:cxn>
            <a:cxn ang="0">
              <a:pos x="10825" y="15557"/>
            </a:cxn>
            <a:cxn ang="0">
              <a:pos x="11995" y="16053"/>
            </a:cxn>
            <a:cxn ang="0">
              <a:pos x="13458" y="16384"/>
            </a:cxn>
            <a:cxn ang="0">
              <a:pos x="14921" y="16053"/>
            </a:cxn>
            <a:cxn ang="0">
              <a:pos x="16384" y="15888"/>
            </a:cxn>
            <a:cxn ang="0">
              <a:pos x="16384" y="15557"/>
            </a:cxn>
            <a:cxn ang="0">
              <a:pos x="15799" y="15226"/>
            </a:cxn>
            <a:cxn ang="0">
              <a:pos x="16091" y="14895"/>
            </a:cxn>
            <a:cxn ang="0">
              <a:pos x="16384" y="14729"/>
            </a:cxn>
            <a:cxn ang="0">
              <a:pos x="16384" y="13902"/>
            </a:cxn>
            <a:cxn ang="0">
              <a:pos x="15799" y="13736"/>
            </a:cxn>
            <a:cxn ang="0">
              <a:pos x="15799" y="13074"/>
            </a:cxn>
            <a:cxn ang="0">
              <a:pos x="15214" y="12743"/>
            </a:cxn>
            <a:cxn ang="0">
              <a:pos x="15214" y="12081"/>
            </a:cxn>
            <a:cxn ang="0">
              <a:pos x="15799" y="11254"/>
            </a:cxn>
            <a:cxn ang="0">
              <a:pos x="15214" y="10923"/>
            </a:cxn>
            <a:cxn ang="0">
              <a:pos x="14629" y="10261"/>
            </a:cxn>
            <a:cxn ang="0">
              <a:pos x="14629" y="9599"/>
            </a:cxn>
            <a:cxn ang="0">
              <a:pos x="14336" y="8606"/>
            </a:cxn>
            <a:cxn ang="0">
              <a:pos x="13458" y="8275"/>
            </a:cxn>
            <a:cxn ang="0">
              <a:pos x="12873" y="7613"/>
            </a:cxn>
            <a:cxn ang="0">
              <a:pos x="13166" y="6951"/>
            </a:cxn>
            <a:cxn ang="0">
              <a:pos x="13751" y="6123"/>
            </a:cxn>
            <a:cxn ang="0">
              <a:pos x="12288" y="5958"/>
            </a:cxn>
            <a:cxn ang="0">
              <a:pos x="11410" y="5130"/>
            </a:cxn>
            <a:cxn ang="0">
              <a:pos x="10533" y="4965"/>
            </a:cxn>
            <a:cxn ang="0">
              <a:pos x="9655" y="4634"/>
            </a:cxn>
            <a:cxn ang="0">
              <a:pos x="8485" y="3806"/>
            </a:cxn>
            <a:cxn ang="0">
              <a:pos x="8485" y="2813"/>
            </a:cxn>
            <a:cxn ang="0">
              <a:pos x="8192" y="1820"/>
            </a:cxn>
            <a:cxn ang="0">
              <a:pos x="8192" y="662"/>
            </a:cxn>
            <a:cxn ang="0">
              <a:pos x="7022" y="0"/>
            </a:cxn>
          </a:cxnLst>
          <a:rect l="0" t="0" r="r" b="b"/>
          <a:pathLst>
            <a:path w="16384" h="16384">
              <a:moveTo>
                <a:pt x="7022" y="0"/>
              </a:moveTo>
              <a:lnTo>
                <a:pt x="5266" y="331"/>
              </a:lnTo>
              <a:lnTo>
                <a:pt x="3218" y="496"/>
              </a:lnTo>
              <a:lnTo>
                <a:pt x="1463" y="496"/>
              </a:lnTo>
              <a:lnTo>
                <a:pt x="585" y="1158"/>
              </a:lnTo>
              <a:lnTo>
                <a:pt x="0" y="1489"/>
              </a:lnTo>
              <a:lnTo>
                <a:pt x="585" y="1986"/>
              </a:lnTo>
              <a:lnTo>
                <a:pt x="1463" y="2151"/>
              </a:lnTo>
              <a:lnTo>
                <a:pt x="2633" y="3641"/>
              </a:lnTo>
              <a:lnTo>
                <a:pt x="2048" y="4468"/>
              </a:lnTo>
              <a:lnTo>
                <a:pt x="2341" y="5296"/>
              </a:lnTo>
              <a:lnTo>
                <a:pt x="2341" y="6123"/>
              </a:lnTo>
              <a:lnTo>
                <a:pt x="2341" y="6785"/>
              </a:lnTo>
              <a:lnTo>
                <a:pt x="3511" y="8109"/>
              </a:lnTo>
              <a:lnTo>
                <a:pt x="3511" y="8937"/>
              </a:lnTo>
              <a:lnTo>
                <a:pt x="2926" y="9599"/>
              </a:lnTo>
              <a:lnTo>
                <a:pt x="3511" y="10757"/>
              </a:lnTo>
              <a:lnTo>
                <a:pt x="4681" y="12081"/>
              </a:lnTo>
              <a:lnTo>
                <a:pt x="5559" y="13571"/>
              </a:lnTo>
              <a:lnTo>
                <a:pt x="6729" y="13571"/>
              </a:lnTo>
              <a:lnTo>
                <a:pt x="6729" y="14564"/>
              </a:lnTo>
              <a:lnTo>
                <a:pt x="7314" y="14564"/>
              </a:lnTo>
              <a:lnTo>
                <a:pt x="9070" y="14398"/>
              </a:lnTo>
              <a:lnTo>
                <a:pt x="10533" y="14398"/>
              </a:lnTo>
              <a:lnTo>
                <a:pt x="10825" y="14729"/>
              </a:lnTo>
              <a:lnTo>
                <a:pt x="10825" y="15557"/>
              </a:lnTo>
              <a:lnTo>
                <a:pt x="11995" y="16053"/>
              </a:lnTo>
              <a:lnTo>
                <a:pt x="13458" y="16384"/>
              </a:lnTo>
              <a:lnTo>
                <a:pt x="14921" y="16053"/>
              </a:lnTo>
              <a:lnTo>
                <a:pt x="16384" y="15888"/>
              </a:lnTo>
              <a:lnTo>
                <a:pt x="16384" y="15557"/>
              </a:lnTo>
              <a:lnTo>
                <a:pt x="15799" y="15226"/>
              </a:lnTo>
              <a:lnTo>
                <a:pt x="16091" y="14895"/>
              </a:lnTo>
              <a:lnTo>
                <a:pt x="16384" y="14729"/>
              </a:lnTo>
              <a:lnTo>
                <a:pt x="16384" y="13902"/>
              </a:lnTo>
              <a:lnTo>
                <a:pt x="15799" y="13736"/>
              </a:lnTo>
              <a:lnTo>
                <a:pt x="15799" y="13074"/>
              </a:lnTo>
              <a:lnTo>
                <a:pt x="15214" y="12743"/>
              </a:lnTo>
              <a:lnTo>
                <a:pt x="15214" y="12081"/>
              </a:lnTo>
              <a:lnTo>
                <a:pt x="15799" y="11254"/>
              </a:lnTo>
              <a:lnTo>
                <a:pt x="15214" y="10923"/>
              </a:lnTo>
              <a:lnTo>
                <a:pt x="14629" y="10261"/>
              </a:lnTo>
              <a:lnTo>
                <a:pt x="14629" y="9599"/>
              </a:lnTo>
              <a:lnTo>
                <a:pt x="14336" y="8606"/>
              </a:lnTo>
              <a:lnTo>
                <a:pt x="13458" y="8275"/>
              </a:lnTo>
              <a:lnTo>
                <a:pt x="12873" y="7613"/>
              </a:lnTo>
              <a:lnTo>
                <a:pt x="13166" y="6951"/>
              </a:lnTo>
              <a:lnTo>
                <a:pt x="13751" y="6123"/>
              </a:lnTo>
              <a:lnTo>
                <a:pt x="12288" y="5958"/>
              </a:lnTo>
              <a:lnTo>
                <a:pt x="11410" y="5130"/>
              </a:lnTo>
              <a:lnTo>
                <a:pt x="10533" y="4965"/>
              </a:lnTo>
              <a:lnTo>
                <a:pt x="9655" y="4634"/>
              </a:lnTo>
              <a:lnTo>
                <a:pt x="8485" y="3806"/>
              </a:lnTo>
              <a:lnTo>
                <a:pt x="8485" y="2813"/>
              </a:lnTo>
              <a:lnTo>
                <a:pt x="8192" y="1820"/>
              </a:lnTo>
              <a:lnTo>
                <a:pt x="8192" y="662"/>
              </a:lnTo>
              <a:lnTo>
                <a:pt x="7022" y="0"/>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76200</xdr:colOff>
      <xdr:row>27</xdr:row>
      <xdr:rowOff>47625</xdr:rowOff>
    </xdr:from>
    <xdr:to>
      <xdr:col>13</xdr:col>
      <xdr:colOff>323850</xdr:colOff>
      <xdr:row>31</xdr:row>
      <xdr:rowOff>114300</xdr:rowOff>
    </xdr:to>
    <xdr:sp macro="" textlink="">
      <xdr:nvSpPr>
        <xdr:cNvPr id="152" name="d14115">
          <a:extLst>
            <a:ext uri="{FF2B5EF4-FFF2-40B4-BE49-F238E27FC236}">
              <a16:creationId xmlns:a16="http://schemas.microsoft.com/office/drawing/2014/main" id="{00000000-0008-0000-0000-000098000000}"/>
            </a:ext>
          </a:extLst>
        </xdr:cNvPr>
        <xdr:cNvSpPr>
          <a:spLocks/>
        </xdr:cNvSpPr>
      </xdr:nvSpPr>
      <xdr:spPr bwMode="auto">
        <a:xfrm>
          <a:off x="7391400" y="4162425"/>
          <a:ext cx="857250" cy="676275"/>
        </a:xfrm>
        <a:custGeom>
          <a:avLst/>
          <a:gdLst/>
          <a:ahLst/>
          <a:cxnLst>
            <a:cxn ang="0">
              <a:pos x="16020" y="9923"/>
            </a:cxn>
            <a:cxn ang="0">
              <a:pos x="15474" y="9230"/>
            </a:cxn>
            <a:cxn ang="0">
              <a:pos x="16020" y="8769"/>
            </a:cxn>
            <a:cxn ang="0">
              <a:pos x="16384" y="8307"/>
            </a:cxn>
            <a:cxn ang="0">
              <a:pos x="16384" y="7846"/>
            </a:cxn>
            <a:cxn ang="0">
              <a:pos x="16202" y="7154"/>
            </a:cxn>
            <a:cxn ang="0">
              <a:pos x="15474" y="6923"/>
            </a:cxn>
            <a:cxn ang="0">
              <a:pos x="14017" y="6461"/>
            </a:cxn>
            <a:cxn ang="0">
              <a:pos x="13471" y="5307"/>
            </a:cxn>
            <a:cxn ang="0">
              <a:pos x="12379" y="5307"/>
            </a:cxn>
            <a:cxn ang="0">
              <a:pos x="11651" y="4384"/>
            </a:cxn>
            <a:cxn ang="0">
              <a:pos x="10012" y="3923"/>
            </a:cxn>
            <a:cxn ang="0">
              <a:pos x="9648" y="3461"/>
            </a:cxn>
            <a:cxn ang="0">
              <a:pos x="10194" y="2769"/>
            </a:cxn>
            <a:cxn ang="0">
              <a:pos x="10012" y="2308"/>
            </a:cxn>
            <a:cxn ang="0">
              <a:pos x="8920" y="2077"/>
            </a:cxn>
            <a:cxn ang="0">
              <a:pos x="8920" y="923"/>
            </a:cxn>
            <a:cxn ang="0">
              <a:pos x="7828" y="0"/>
            </a:cxn>
            <a:cxn ang="0">
              <a:pos x="7282" y="462"/>
            </a:cxn>
            <a:cxn ang="0">
              <a:pos x="6918" y="923"/>
            </a:cxn>
            <a:cxn ang="0">
              <a:pos x="6554" y="2077"/>
            </a:cxn>
            <a:cxn ang="0">
              <a:pos x="6372" y="2308"/>
            </a:cxn>
            <a:cxn ang="0">
              <a:pos x="4733" y="2077"/>
            </a:cxn>
            <a:cxn ang="0">
              <a:pos x="3823" y="1385"/>
            </a:cxn>
            <a:cxn ang="0">
              <a:pos x="3459" y="1154"/>
            </a:cxn>
            <a:cxn ang="0">
              <a:pos x="3095" y="2769"/>
            </a:cxn>
            <a:cxn ang="0">
              <a:pos x="2367" y="2538"/>
            </a:cxn>
            <a:cxn ang="0">
              <a:pos x="2185" y="2077"/>
            </a:cxn>
            <a:cxn ang="0">
              <a:pos x="1274" y="2077"/>
            </a:cxn>
            <a:cxn ang="0">
              <a:pos x="546" y="1385"/>
            </a:cxn>
            <a:cxn ang="0">
              <a:pos x="182" y="2308"/>
            </a:cxn>
            <a:cxn ang="0">
              <a:pos x="728" y="2769"/>
            </a:cxn>
            <a:cxn ang="0">
              <a:pos x="910" y="3231"/>
            </a:cxn>
            <a:cxn ang="0">
              <a:pos x="1274" y="4154"/>
            </a:cxn>
            <a:cxn ang="0">
              <a:pos x="728" y="4154"/>
            </a:cxn>
            <a:cxn ang="0">
              <a:pos x="0" y="4384"/>
            </a:cxn>
            <a:cxn ang="0">
              <a:pos x="546" y="5769"/>
            </a:cxn>
            <a:cxn ang="0">
              <a:pos x="728" y="8077"/>
            </a:cxn>
            <a:cxn ang="0">
              <a:pos x="1092" y="7846"/>
            </a:cxn>
            <a:cxn ang="0">
              <a:pos x="2185" y="9000"/>
            </a:cxn>
            <a:cxn ang="0">
              <a:pos x="3823" y="9692"/>
            </a:cxn>
            <a:cxn ang="0">
              <a:pos x="5279" y="8538"/>
            </a:cxn>
            <a:cxn ang="0">
              <a:pos x="5825" y="7154"/>
            </a:cxn>
            <a:cxn ang="0">
              <a:pos x="6554" y="7615"/>
            </a:cxn>
            <a:cxn ang="0">
              <a:pos x="6918" y="9230"/>
            </a:cxn>
            <a:cxn ang="0">
              <a:pos x="7100" y="10153"/>
            </a:cxn>
            <a:cxn ang="0">
              <a:pos x="8010" y="11307"/>
            </a:cxn>
            <a:cxn ang="0">
              <a:pos x="9102" y="12461"/>
            </a:cxn>
            <a:cxn ang="0">
              <a:pos x="9830" y="12692"/>
            </a:cxn>
            <a:cxn ang="0">
              <a:pos x="11105" y="12692"/>
            </a:cxn>
            <a:cxn ang="0">
              <a:pos x="11469" y="12692"/>
            </a:cxn>
            <a:cxn ang="0">
              <a:pos x="11833" y="14538"/>
            </a:cxn>
            <a:cxn ang="0">
              <a:pos x="11833" y="15692"/>
            </a:cxn>
            <a:cxn ang="0">
              <a:pos x="12743" y="16153"/>
            </a:cxn>
            <a:cxn ang="0">
              <a:pos x="13471" y="16384"/>
            </a:cxn>
            <a:cxn ang="0">
              <a:pos x="15110" y="16153"/>
            </a:cxn>
            <a:cxn ang="0">
              <a:pos x="15474" y="14999"/>
            </a:cxn>
            <a:cxn ang="0">
              <a:pos x="15656" y="13615"/>
            </a:cxn>
            <a:cxn ang="0">
              <a:pos x="15292" y="12692"/>
            </a:cxn>
            <a:cxn ang="0">
              <a:pos x="15292" y="12000"/>
            </a:cxn>
            <a:cxn ang="0">
              <a:pos x="16020" y="11307"/>
            </a:cxn>
            <a:cxn ang="0">
              <a:pos x="16202" y="10615"/>
            </a:cxn>
            <a:cxn ang="0">
              <a:pos x="16020" y="9923"/>
            </a:cxn>
          </a:cxnLst>
          <a:rect l="0" t="0" r="r" b="b"/>
          <a:pathLst>
            <a:path w="16384" h="16384">
              <a:moveTo>
                <a:pt x="16020" y="9923"/>
              </a:moveTo>
              <a:lnTo>
                <a:pt x="15474" y="9230"/>
              </a:lnTo>
              <a:lnTo>
                <a:pt x="16020" y="8769"/>
              </a:lnTo>
              <a:lnTo>
                <a:pt x="16384" y="8307"/>
              </a:lnTo>
              <a:lnTo>
                <a:pt x="16384" y="7846"/>
              </a:lnTo>
              <a:lnTo>
                <a:pt x="16202" y="7154"/>
              </a:lnTo>
              <a:lnTo>
                <a:pt x="15474" y="6923"/>
              </a:lnTo>
              <a:lnTo>
                <a:pt x="14017" y="6461"/>
              </a:lnTo>
              <a:lnTo>
                <a:pt x="13471" y="5307"/>
              </a:lnTo>
              <a:lnTo>
                <a:pt x="12379" y="5307"/>
              </a:lnTo>
              <a:lnTo>
                <a:pt x="11651" y="4384"/>
              </a:lnTo>
              <a:lnTo>
                <a:pt x="10012" y="3923"/>
              </a:lnTo>
              <a:lnTo>
                <a:pt x="9648" y="3461"/>
              </a:lnTo>
              <a:lnTo>
                <a:pt x="10194" y="2769"/>
              </a:lnTo>
              <a:lnTo>
                <a:pt x="10012" y="2308"/>
              </a:lnTo>
              <a:lnTo>
                <a:pt x="8920" y="2077"/>
              </a:lnTo>
              <a:lnTo>
                <a:pt x="8920" y="923"/>
              </a:lnTo>
              <a:lnTo>
                <a:pt x="7828" y="0"/>
              </a:lnTo>
              <a:lnTo>
                <a:pt x="7282" y="462"/>
              </a:lnTo>
              <a:lnTo>
                <a:pt x="6918" y="923"/>
              </a:lnTo>
              <a:lnTo>
                <a:pt x="6554" y="2077"/>
              </a:lnTo>
              <a:lnTo>
                <a:pt x="6372" y="2308"/>
              </a:lnTo>
              <a:lnTo>
                <a:pt x="4733" y="2077"/>
              </a:lnTo>
              <a:lnTo>
                <a:pt x="3823" y="1385"/>
              </a:lnTo>
              <a:lnTo>
                <a:pt x="3459" y="1154"/>
              </a:lnTo>
              <a:lnTo>
                <a:pt x="3095" y="2769"/>
              </a:lnTo>
              <a:lnTo>
                <a:pt x="2367" y="2538"/>
              </a:lnTo>
              <a:lnTo>
                <a:pt x="2185" y="2077"/>
              </a:lnTo>
              <a:lnTo>
                <a:pt x="1274" y="2077"/>
              </a:lnTo>
              <a:lnTo>
                <a:pt x="546" y="1385"/>
              </a:lnTo>
              <a:lnTo>
                <a:pt x="182" y="2308"/>
              </a:lnTo>
              <a:lnTo>
                <a:pt x="728" y="2769"/>
              </a:lnTo>
              <a:lnTo>
                <a:pt x="910" y="3231"/>
              </a:lnTo>
              <a:lnTo>
                <a:pt x="1274" y="4154"/>
              </a:lnTo>
              <a:lnTo>
                <a:pt x="728" y="4154"/>
              </a:lnTo>
              <a:lnTo>
                <a:pt x="0" y="4384"/>
              </a:lnTo>
              <a:lnTo>
                <a:pt x="546" y="5769"/>
              </a:lnTo>
              <a:lnTo>
                <a:pt x="728" y="8077"/>
              </a:lnTo>
              <a:lnTo>
                <a:pt x="1092" y="7846"/>
              </a:lnTo>
              <a:lnTo>
                <a:pt x="2185" y="9000"/>
              </a:lnTo>
              <a:lnTo>
                <a:pt x="3823" y="9692"/>
              </a:lnTo>
              <a:lnTo>
                <a:pt x="5279" y="8538"/>
              </a:lnTo>
              <a:lnTo>
                <a:pt x="5825" y="7154"/>
              </a:lnTo>
              <a:lnTo>
                <a:pt x="6554" y="7615"/>
              </a:lnTo>
              <a:lnTo>
                <a:pt x="6918" y="9230"/>
              </a:lnTo>
              <a:lnTo>
                <a:pt x="7100" y="10153"/>
              </a:lnTo>
              <a:lnTo>
                <a:pt x="8010" y="11307"/>
              </a:lnTo>
              <a:lnTo>
                <a:pt x="9102" y="12461"/>
              </a:lnTo>
              <a:lnTo>
                <a:pt x="9830" y="12692"/>
              </a:lnTo>
              <a:lnTo>
                <a:pt x="11105" y="12692"/>
              </a:lnTo>
              <a:lnTo>
                <a:pt x="11469" y="12692"/>
              </a:lnTo>
              <a:lnTo>
                <a:pt x="11833" y="14538"/>
              </a:lnTo>
              <a:lnTo>
                <a:pt x="11833" y="15692"/>
              </a:lnTo>
              <a:lnTo>
                <a:pt x="12743" y="16153"/>
              </a:lnTo>
              <a:lnTo>
                <a:pt x="13471" y="16384"/>
              </a:lnTo>
              <a:lnTo>
                <a:pt x="15110" y="16153"/>
              </a:lnTo>
              <a:lnTo>
                <a:pt x="15474" y="14999"/>
              </a:lnTo>
              <a:lnTo>
                <a:pt x="15656" y="13615"/>
              </a:lnTo>
              <a:lnTo>
                <a:pt x="15292" y="12692"/>
              </a:lnTo>
              <a:lnTo>
                <a:pt x="15292" y="12000"/>
              </a:lnTo>
              <a:lnTo>
                <a:pt x="16020" y="11307"/>
              </a:lnTo>
              <a:lnTo>
                <a:pt x="16202" y="10615"/>
              </a:lnTo>
              <a:lnTo>
                <a:pt x="16020" y="9923"/>
              </a:lnTo>
              <a:close/>
            </a:path>
          </a:pathLst>
        </a:custGeom>
        <a:solidFill>
          <a:srgbClr val="FF6600"/>
        </a:solidFill>
        <a:ln w="9525" cap="flat">
          <a:solidFill>
            <a:srgbClr val="000000"/>
          </a:solidFill>
          <a:prstDash val="solid"/>
          <a:round/>
          <a:headEnd/>
          <a:tailEnd/>
        </a:ln>
      </xdr:spPr>
    </xdr:sp>
    <xdr:clientData/>
  </xdr:twoCellAnchor>
  <xdr:twoCellAnchor editAs="oneCell">
    <xdr:from>
      <xdr:col>11</xdr:col>
      <xdr:colOff>161925</xdr:colOff>
      <xdr:row>21</xdr:row>
      <xdr:rowOff>57150</xdr:rowOff>
    </xdr:from>
    <xdr:to>
      <xdr:col>12</xdr:col>
      <xdr:colOff>238125</xdr:colOff>
      <xdr:row>27</xdr:row>
      <xdr:rowOff>19051</xdr:rowOff>
    </xdr:to>
    <xdr:sp macro="" textlink="">
      <xdr:nvSpPr>
        <xdr:cNvPr id="153" name="d14116">
          <a:extLst>
            <a:ext uri="{FF2B5EF4-FFF2-40B4-BE49-F238E27FC236}">
              <a16:creationId xmlns:a16="http://schemas.microsoft.com/office/drawing/2014/main" id="{00000000-0008-0000-0000-000099000000}"/>
            </a:ext>
          </a:extLst>
        </xdr:cNvPr>
        <xdr:cNvSpPr>
          <a:spLocks/>
        </xdr:cNvSpPr>
      </xdr:nvSpPr>
      <xdr:spPr bwMode="auto">
        <a:xfrm>
          <a:off x="6867525" y="3257550"/>
          <a:ext cx="685800" cy="876301"/>
        </a:xfrm>
        <a:custGeom>
          <a:avLst/>
          <a:gdLst/>
          <a:ahLst/>
          <a:cxnLst>
            <a:cxn ang="0">
              <a:pos x="10695" y="1069"/>
            </a:cxn>
            <a:cxn ang="0">
              <a:pos x="10695" y="1959"/>
            </a:cxn>
            <a:cxn ang="0">
              <a:pos x="10468" y="2137"/>
            </a:cxn>
            <a:cxn ang="0">
              <a:pos x="10240" y="2493"/>
            </a:cxn>
            <a:cxn ang="0">
              <a:pos x="10695" y="2849"/>
            </a:cxn>
            <a:cxn ang="0">
              <a:pos x="10695" y="3206"/>
            </a:cxn>
            <a:cxn ang="0">
              <a:pos x="9557" y="3384"/>
            </a:cxn>
            <a:cxn ang="0">
              <a:pos x="8420" y="3740"/>
            </a:cxn>
            <a:cxn ang="0">
              <a:pos x="7282" y="3384"/>
            </a:cxn>
            <a:cxn ang="0">
              <a:pos x="6372" y="2849"/>
            </a:cxn>
            <a:cxn ang="0">
              <a:pos x="6372" y="1959"/>
            </a:cxn>
            <a:cxn ang="0">
              <a:pos x="6144" y="1603"/>
            </a:cxn>
            <a:cxn ang="0">
              <a:pos x="5006" y="1603"/>
            </a:cxn>
            <a:cxn ang="0">
              <a:pos x="3641" y="1781"/>
            </a:cxn>
            <a:cxn ang="0">
              <a:pos x="3186" y="1781"/>
            </a:cxn>
            <a:cxn ang="0">
              <a:pos x="3186" y="712"/>
            </a:cxn>
            <a:cxn ang="0">
              <a:pos x="2276" y="712"/>
            </a:cxn>
            <a:cxn ang="0">
              <a:pos x="1365" y="2315"/>
            </a:cxn>
            <a:cxn ang="0">
              <a:pos x="228" y="4274"/>
            </a:cxn>
            <a:cxn ang="0">
              <a:pos x="455" y="5165"/>
            </a:cxn>
            <a:cxn ang="0">
              <a:pos x="0" y="6945"/>
            </a:cxn>
            <a:cxn ang="0">
              <a:pos x="910" y="7480"/>
            </a:cxn>
            <a:cxn ang="0">
              <a:pos x="1593" y="8014"/>
            </a:cxn>
            <a:cxn ang="0">
              <a:pos x="1593" y="8726"/>
            </a:cxn>
            <a:cxn ang="0">
              <a:pos x="1365" y="9795"/>
            </a:cxn>
            <a:cxn ang="0">
              <a:pos x="1138" y="10863"/>
            </a:cxn>
            <a:cxn ang="0">
              <a:pos x="1365" y="11576"/>
            </a:cxn>
            <a:cxn ang="0">
              <a:pos x="1138" y="12466"/>
            </a:cxn>
            <a:cxn ang="0">
              <a:pos x="1593" y="13178"/>
            </a:cxn>
            <a:cxn ang="0">
              <a:pos x="1820" y="14069"/>
            </a:cxn>
            <a:cxn ang="0">
              <a:pos x="1820" y="14959"/>
            </a:cxn>
            <a:cxn ang="0">
              <a:pos x="2731" y="15494"/>
            </a:cxn>
            <a:cxn ang="0">
              <a:pos x="3186" y="16028"/>
            </a:cxn>
            <a:cxn ang="0">
              <a:pos x="3641" y="16206"/>
            </a:cxn>
            <a:cxn ang="0">
              <a:pos x="4779" y="16384"/>
            </a:cxn>
            <a:cxn ang="0">
              <a:pos x="5461" y="15850"/>
            </a:cxn>
            <a:cxn ang="0">
              <a:pos x="6599" y="16206"/>
            </a:cxn>
            <a:cxn ang="0">
              <a:pos x="6372" y="15494"/>
            </a:cxn>
            <a:cxn ang="0">
              <a:pos x="7054" y="14781"/>
            </a:cxn>
            <a:cxn ang="0">
              <a:pos x="7737" y="15137"/>
            </a:cxn>
            <a:cxn ang="0">
              <a:pos x="9557" y="15137"/>
            </a:cxn>
            <a:cxn ang="0">
              <a:pos x="9785" y="13535"/>
            </a:cxn>
            <a:cxn ang="0">
              <a:pos x="10240" y="13178"/>
            </a:cxn>
            <a:cxn ang="0">
              <a:pos x="10923" y="12288"/>
            </a:cxn>
            <a:cxn ang="0">
              <a:pos x="13198" y="12288"/>
            </a:cxn>
            <a:cxn ang="0">
              <a:pos x="13198" y="9973"/>
            </a:cxn>
            <a:cxn ang="0">
              <a:pos x="14108" y="9439"/>
            </a:cxn>
            <a:cxn ang="0">
              <a:pos x="14564" y="8548"/>
            </a:cxn>
            <a:cxn ang="0">
              <a:pos x="15474" y="7836"/>
            </a:cxn>
            <a:cxn ang="0">
              <a:pos x="15246" y="6589"/>
            </a:cxn>
            <a:cxn ang="0">
              <a:pos x="15701" y="4986"/>
            </a:cxn>
            <a:cxn ang="0">
              <a:pos x="14791" y="3918"/>
            </a:cxn>
            <a:cxn ang="0">
              <a:pos x="15929" y="3562"/>
            </a:cxn>
            <a:cxn ang="0">
              <a:pos x="16156" y="2137"/>
            </a:cxn>
            <a:cxn ang="0">
              <a:pos x="15019" y="1603"/>
            </a:cxn>
            <a:cxn ang="0">
              <a:pos x="16384" y="356"/>
            </a:cxn>
            <a:cxn ang="0">
              <a:pos x="15246" y="178"/>
            </a:cxn>
            <a:cxn ang="0">
              <a:pos x="14108" y="534"/>
            </a:cxn>
            <a:cxn ang="0">
              <a:pos x="12971" y="0"/>
            </a:cxn>
            <a:cxn ang="0">
              <a:pos x="11833" y="178"/>
            </a:cxn>
            <a:cxn ang="0">
              <a:pos x="11378" y="1069"/>
            </a:cxn>
            <a:cxn ang="0">
              <a:pos x="10695" y="1069"/>
            </a:cxn>
          </a:cxnLst>
          <a:rect l="0" t="0" r="r" b="b"/>
          <a:pathLst>
            <a:path w="16384" h="16384">
              <a:moveTo>
                <a:pt x="10695" y="1069"/>
              </a:moveTo>
              <a:lnTo>
                <a:pt x="10695" y="1959"/>
              </a:lnTo>
              <a:lnTo>
                <a:pt x="10468" y="2137"/>
              </a:lnTo>
              <a:lnTo>
                <a:pt x="10240" y="2493"/>
              </a:lnTo>
              <a:lnTo>
                <a:pt x="10695" y="2849"/>
              </a:lnTo>
              <a:lnTo>
                <a:pt x="10695" y="3206"/>
              </a:lnTo>
              <a:lnTo>
                <a:pt x="9557" y="3384"/>
              </a:lnTo>
              <a:lnTo>
                <a:pt x="8420" y="3740"/>
              </a:lnTo>
              <a:lnTo>
                <a:pt x="7282" y="3384"/>
              </a:lnTo>
              <a:lnTo>
                <a:pt x="6372" y="2849"/>
              </a:lnTo>
              <a:lnTo>
                <a:pt x="6372" y="1959"/>
              </a:lnTo>
              <a:lnTo>
                <a:pt x="6144" y="1603"/>
              </a:lnTo>
              <a:lnTo>
                <a:pt x="5006" y="1603"/>
              </a:lnTo>
              <a:lnTo>
                <a:pt x="3641" y="1781"/>
              </a:lnTo>
              <a:lnTo>
                <a:pt x="3186" y="1781"/>
              </a:lnTo>
              <a:lnTo>
                <a:pt x="3186" y="712"/>
              </a:lnTo>
              <a:lnTo>
                <a:pt x="2276" y="712"/>
              </a:lnTo>
              <a:lnTo>
                <a:pt x="1365" y="2315"/>
              </a:lnTo>
              <a:lnTo>
                <a:pt x="228" y="4274"/>
              </a:lnTo>
              <a:lnTo>
                <a:pt x="455" y="5165"/>
              </a:lnTo>
              <a:lnTo>
                <a:pt x="0" y="6945"/>
              </a:lnTo>
              <a:lnTo>
                <a:pt x="910" y="7480"/>
              </a:lnTo>
              <a:lnTo>
                <a:pt x="1593" y="8014"/>
              </a:lnTo>
              <a:lnTo>
                <a:pt x="1593" y="8726"/>
              </a:lnTo>
              <a:lnTo>
                <a:pt x="1365" y="9795"/>
              </a:lnTo>
              <a:lnTo>
                <a:pt x="1138" y="10863"/>
              </a:lnTo>
              <a:lnTo>
                <a:pt x="1365" y="11576"/>
              </a:lnTo>
              <a:lnTo>
                <a:pt x="1138" y="12466"/>
              </a:lnTo>
              <a:lnTo>
                <a:pt x="1593" y="13178"/>
              </a:lnTo>
              <a:lnTo>
                <a:pt x="1820" y="14069"/>
              </a:lnTo>
              <a:lnTo>
                <a:pt x="1820" y="14959"/>
              </a:lnTo>
              <a:lnTo>
                <a:pt x="2731" y="15494"/>
              </a:lnTo>
              <a:lnTo>
                <a:pt x="3186" y="16028"/>
              </a:lnTo>
              <a:lnTo>
                <a:pt x="3641" y="16206"/>
              </a:lnTo>
              <a:lnTo>
                <a:pt x="4779" y="16384"/>
              </a:lnTo>
              <a:lnTo>
                <a:pt x="5461" y="15850"/>
              </a:lnTo>
              <a:lnTo>
                <a:pt x="6599" y="16206"/>
              </a:lnTo>
              <a:lnTo>
                <a:pt x="6372" y="15494"/>
              </a:lnTo>
              <a:lnTo>
                <a:pt x="7054" y="14781"/>
              </a:lnTo>
              <a:lnTo>
                <a:pt x="7737" y="15137"/>
              </a:lnTo>
              <a:lnTo>
                <a:pt x="9557" y="15137"/>
              </a:lnTo>
              <a:lnTo>
                <a:pt x="9785" y="13535"/>
              </a:lnTo>
              <a:lnTo>
                <a:pt x="10240" y="13178"/>
              </a:lnTo>
              <a:lnTo>
                <a:pt x="10923" y="12288"/>
              </a:lnTo>
              <a:lnTo>
                <a:pt x="13198" y="12288"/>
              </a:lnTo>
              <a:lnTo>
                <a:pt x="13198" y="9973"/>
              </a:lnTo>
              <a:lnTo>
                <a:pt x="14108" y="9439"/>
              </a:lnTo>
              <a:lnTo>
                <a:pt x="14564" y="8548"/>
              </a:lnTo>
              <a:lnTo>
                <a:pt x="15474" y="7836"/>
              </a:lnTo>
              <a:lnTo>
                <a:pt x="15246" y="6589"/>
              </a:lnTo>
              <a:lnTo>
                <a:pt x="15701" y="4986"/>
              </a:lnTo>
              <a:lnTo>
                <a:pt x="14791" y="3918"/>
              </a:lnTo>
              <a:lnTo>
                <a:pt x="15929" y="3562"/>
              </a:lnTo>
              <a:lnTo>
                <a:pt x="16156" y="2137"/>
              </a:lnTo>
              <a:lnTo>
                <a:pt x="15019" y="1603"/>
              </a:lnTo>
              <a:lnTo>
                <a:pt x="16384" y="356"/>
              </a:lnTo>
              <a:lnTo>
                <a:pt x="15246" y="178"/>
              </a:lnTo>
              <a:lnTo>
                <a:pt x="14108" y="534"/>
              </a:lnTo>
              <a:lnTo>
                <a:pt x="12971" y="0"/>
              </a:lnTo>
              <a:lnTo>
                <a:pt x="11833" y="178"/>
              </a:lnTo>
              <a:lnTo>
                <a:pt x="11378" y="1069"/>
              </a:lnTo>
              <a:lnTo>
                <a:pt x="10695" y="1069"/>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142875</xdr:colOff>
      <xdr:row>8</xdr:row>
      <xdr:rowOff>66675</xdr:rowOff>
    </xdr:from>
    <xdr:to>
      <xdr:col>13</xdr:col>
      <xdr:colOff>47625</xdr:colOff>
      <xdr:row>14</xdr:row>
      <xdr:rowOff>95250</xdr:rowOff>
    </xdr:to>
    <xdr:sp macro="" textlink="">
      <xdr:nvSpPr>
        <xdr:cNvPr id="154" name="d14117">
          <a:extLst>
            <a:ext uri="{FF2B5EF4-FFF2-40B4-BE49-F238E27FC236}">
              <a16:creationId xmlns:a16="http://schemas.microsoft.com/office/drawing/2014/main" id="{00000000-0008-0000-0000-00009A000000}"/>
            </a:ext>
          </a:extLst>
        </xdr:cNvPr>
        <xdr:cNvSpPr>
          <a:spLocks/>
        </xdr:cNvSpPr>
      </xdr:nvSpPr>
      <xdr:spPr bwMode="auto">
        <a:xfrm>
          <a:off x="6848475" y="1285875"/>
          <a:ext cx="1123950" cy="942975"/>
        </a:xfrm>
        <a:custGeom>
          <a:avLst/>
          <a:gdLst/>
          <a:ahLst/>
          <a:cxnLst>
            <a:cxn ang="0">
              <a:pos x="0" y="6123"/>
            </a:cxn>
            <a:cxn ang="0">
              <a:pos x="1111" y="7282"/>
            </a:cxn>
            <a:cxn ang="0">
              <a:pos x="1388" y="7944"/>
            </a:cxn>
            <a:cxn ang="0">
              <a:pos x="2360" y="10592"/>
            </a:cxn>
            <a:cxn ang="0">
              <a:pos x="1805" y="12578"/>
            </a:cxn>
            <a:cxn ang="0">
              <a:pos x="2638" y="13405"/>
            </a:cxn>
            <a:cxn ang="0">
              <a:pos x="5554" y="14729"/>
            </a:cxn>
            <a:cxn ang="0">
              <a:pos x="7498" y="16053"/>
            </a:cxn>
            <a:cxn ang="0">
              <a:pos x="9025" y="16384"/>
            </a:cxn>
            <a:cxn ang="0">
              <a:pos x="10969" y="14233"/>
            </a:cxn>
            <a:cxn ang="0">
              <a:pos x="12357" y="14398"/>
            </a:cxn>
            <a:cxn ang="0">
              <a:pos x="13607" y="13736"/>
            </a:cxn>
            <a:cxn ang="0">
              <a:pos x="13607" y="12578"/>
            </a:cxn>
            <a:cxn ang="0">
              <a:pos x="14024" y="11254"/>
            </a:cxn>
            <a:cxn ang="0">
              <a:pos x="15551" y="10261"/>
            </a:cxn>
            <a:cxn ang="0">
              <a:pos x="15551" y="7944"/>
            </a:cxn>
            <a:cxn ang="0">
              <a:pos x="15829" y="6454"/>
            </a:cxn>
            <a:cxn ang="0">
              <a:pos x="15967" y="3972"/>
            </a:cxn>
            <a:cxn ang="0">
              <a:pos x="14579" y="2151"/>
            </a:cxn>
            <a:cxn ang="0">
              <a:pos x="13468" y="1324"/>
            </a:cxn>
            <a:cxn ang="0">
              <a:pos x="11385" y="331"/>
            </a:cxn>
            <a:cxn ang="0">
              <a:pos x="9580" y="0"/>
            </a:cxn>
            <a:cxn ang="0">
              <a:pos x="9580" y="1324"/>
            </a:cxn>
            <a:cxn ang="0">
              <a:pos x="9858" y="2648"/>
            </a:cxn>
            <a:cxn ang="0">
              <a:pos x="8886" y="2979"/>
            </a:cxn>
            <a:cxn ang="0">
              <a:pos x="9580" y="3972"/>
            </a:cxn>
            <a:cxn ang="0">
              <a:pos x="9580" y="4303"/>
            </a:cxn>
            <a:cxn ang="0">
              <a:pos x="8053" y="5627"/>
            </a:cxn>
            <a:cxn ang="0">
              <a:pos x="7081" y="6289"/>
            </a:cxn>
            <a:cxn ang="0">
              <a:pos x="6804" y="5461"/>
            </a:cxn>
            <a:cxn ang="0">
              <a:pos x="6526" y="4799"/>
            </a:cxn>
            <a:cxn ang="0">
              <a:pos x="6109" y="5130"/>
            </a:cxn>
            <a:cxn ang="0">
              <a:pos x="4860" y="6620"/>
            </a:cxn>
            <a:cxn ang="0">
              <a:pos x="4027" y="7282"/>
            </a:cxn>
            <a:cxn ang="0">
              <a:pos x="2916" y="6620"/>
            </a:cxn>
            <a:cxn ang="0">
              <a:pos x="2499" y="5296"/>
            </a:cxn>
          </a:cxnLst>
          <a:rect l="0" t="0" r="r" b="b"/>
          <a:pathLst>
            <a:path w="16384" h="16384">
              <a:moveTo>
                <a:pt x="555" y="4965"/>
              </a:moveTo>
              <a:lnTo>
                <a:pt x="0" y="6123"/>
              </a:lnTo>
              <a:lnTo>
                <a:pt x="278" y="7944"/>
              </a:lnTo>
              <a:lnTo>
                <a:pt x="1111" y="7282"/>
              </a:lnTo>
              <a:lnTo>
                <a:pt x="1388" y="7282"/>
              </a:lnTo>
              <a:lnTo>
                <a:pt x="1388" y="7944"/>
              </a:lnTo>
              <a:lnTo>
                <a:pt x="1944" y="8606"/>
              </a:lnTo>
              <a:lnTo>
                <a:pt x="2360" y="10592"/>
              </a:lnTo>
              <a:lnTo>
                <a:pt x="1805" y="11916"/>
              </a:lnTo>
              <a:lnTo>
                <a:pt x="1805" y="12578"/>
              </a:lnTo>
              <a:lnTo>
                <a:pt x="2360" y="12909"/>
              </a:lnTo>
              <a:lnTo>
                <a:pt x="2638" y="13405"/>
              </a:lnTo>
              <a:lnTo>
                <a:pt x="4443" y="13902"/>
              </a:lnTo>
              <a:lnTo>
                <a:pt x="5554" y="14729"/>
              </a:lnTo>
              <a:lnTo>
                <a:pt x="6665" y="14729"/>
              </a:lnTo>
              <a:lnTo>
                <a:pt x="7498" y="16053"/>
              </a:lnTo>
              <a:lnTo>
                <a:pt x="8331" y="15888"/>
              </a:lnTo>
              <a:lnTo>
                <a:pt x="9025" y="16384"/>
              </a:lnTo>
              <a:lnTo>
                <a:pt x="9442" y="15391"/>
              </a:lnTo>
              <a:lnTo>
                <a:pt x="10969" y="14233"/>
              </a:lnTo>
              <a:lnTo>
                <a:pt x="11663" y="14564"/>
              </a:lnTo>
              <a:lnTo>
                <a:pt x="12357" y="14398"/>
              </a:lnTo>
              <a:lnTo>
                <a:pt x="13329" y="13571"/>
              </a:lnTo>
              <a:lnTo>
                <a:pt x="13607" y="13736"/>
              </a:lnTo>
              <a:lnTo>
                <a:pt x="14024" y="13074"/>
              </a:lnTo>
              <a:lnTo>
                <a:pt x="13607" y="12578"/>
              </a:lnTo>
              <a:lnTo>
                <a:pt x="14024" y="12081"/>
              </a:lnTo>
              <a:lnTo>
                <a:pt x="14024" y="11254"/>
              </a:lnTo>
              <a:lnTo>
                <a:pt x="14996" y="10095"/>
              </a:lnTo>
              <a:lnTo>
                <a:pt x="15551" y="10261"/>
              </a:lnTo>
              <a:lnTo>
                <a:pt x="15829" y="8606"/>
              </a:lnTo>
              <a:lnTo>
                <a:pt x="15551" y="7944"/>
              </a:lnTo>
              <a:lnTo>
                <a:pt x="16245" y="6785"/>
              </a:lnTo>
              <a:lnTo>
                <a:pt x="15829" y="6454"/>
              </a:lnTo>
              <a:lnTo>
                <a:pt x="16384" y="5296"/>
              </a:lnTo>
              <a:lnTo>
                <a:pt x="15967" y="3972"/>
              </a:lnTo>
              <a:lnTo>
                <a:pt x="15412" y="2648"/>
              </a:lnTo>
              <a:lnTo>
                <a:pt x="14579" y="2151"/>
              </a:lnTo>
              <a:lnTo>
                <a:pt x="14440" y="1489"/>
              </a:lnTo>
              <a:lnTo>
                <a:pt x="13468" y="1324"/>
              </a:lnTo>
              <a:lnTo>
                <a:pt x="12357" y="827"/>
              </a:lnTo>
              <a:lnTo>
                <a:pt x="11385" y="331"/>
              </a:lnTo>
              <a:lnTo>
                <a:pt x="10552" y="331"/>
              </a:lnTo>
              <a:lnTo>
                <a:pt x="9580" y="0"/>
              </a:lnTo>
              <a:lnTo>
                <a:pt x="9719" y="993"/>
              </a:lnTo>
              <a:lnTo>
                <a:pt x="9580" y="1324"/>
              </a:lnTo>
              <a:lnTo>
                <a:pt x="9858" y="2151"/>
              </a:lnTo>
              <a:lnTo>
                <a:pt x="9858" y="2648"/>
              </a:lnTo>
              <a:lnTo>
                <a:pt x="9719" y="2979"/>
              </a:lnTo>
              <a:lnTo>
                <a:pt x="8886" y="2979"/>
              </a:lnTo>
              <a:lnTo>
                <a:pt x="9164" y="3310"/>
              </a:lnTo>
              <a:lnTo>
                <a:pt x="9580" y="3972"/>
              </a:lnTo>
              <a:lnTo>
                <a:pt x="9303" y="4137"/>
              </a:lnTo>
              <a:lnTo>
                <a:pt x="9580" y="4303"/>
              </a:lnTo>
              <a:lnTo>
                <a:pt x="8609" y="5627"/>
              </a:lnTo>
              <a:lnTo>
                <a:pt x="8053" y="5627"/>
              </a:lnTo>
              <a:lnTo>
                <a:pt x="7220" y="6289"/>
              </a:lnTo>
              <a:lnTo>
                <a:pt x="7081" y="6289"/>
              </a:lnTo>
              <a:lnTo>
                <a:pt x="7081" y="5792"/>
              </a:lnTo>
              <a:lnTo>
                <a:pt x="6804" y="5461"/>
              </a:lnTo>
              <a:lnTo>
                <a:pt x="6665" y="5296"/>
              </a:lnTo>
              <a:lnTo>
                <a:pt x="6526" y="4799"/>
              </a:lnTo>
              <a:lnTo>
                <a:pt x="6248" y="4634"/>
              </a:lnTo>
              <a:lnTo>
                <a:pt x="6109" y="5130"/>
              </a:lnTo>
              <a:lnTo>
                <a:pt x="5137" y="5461"/>
              </a:lnTo>
              <a:lnTo>
                <a:pt x="4860" y="6620"/>
              </a:lnTo>
              <a:lnTo>
                <a:pt x="4165" y="6620"/>
              </a:lnTo>
              <a:lnTo>
                <a:pt x="4027" y="7282"/>
              </a:lnTo>
              <a:lnTo>
                <a:pt x="3193" y="7282"/>
              </a:lnTo>
              <a:lnTo>
                <a:pt x="2916" y="6620"/>
              </a:lnTo>
              <a:lnTo>
                <a:pt x="3055" y="5792"/>
              </a:lnTo>
              <a:lnTo>
                <a:pt x="2499" y="5296"/>
              </a:lnTo>
              <a:lnTo>
                <a:pt x="555" y="4965"/>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381000</xdr:colOff>
      <xdr:row>10</xdr:row>
      <xdr:rowOff>66675</xdr:rowOff>
    </xdr:from>
    <xdr:to>
      <xdr:col>13</xdr:col>
      <xdr:colOff>590550</xdr:colOff>
      <xdr:row>16</xdr:row>
      <xdr:rowOff>28575</xdr:rowOff>
    </xdr:to>
    <xdr:sp macro="" textlink="">
      <xdr:nvSpPr>
        <xdr:cNvPr id="155" name="d14118">
          <a:extLst>
            <a:ext uri="{FF2B5EF4-FFF2-40B4-BE49-F238E27FC236}">
              <a16:creationId xmlns:a16="http://schemas.microsoft.com/office/drawing/2014/main" id="{00000000-0008-0000-0000-00009B000000}"/>
            </a:ext>
          </a:extLst>
        </xdr:cNvPr>
        <xdr:cNvSpPr>
          <a:spLocks/>
        </xdr:cNvSpPr>
      </xdr:nvSpPr>
      <xdr:spPr bwMode="auto">
        <a:xfrm>
          <a:off x="7696200" y="1590675"/>
          <a:ext cx="819150" cy="876300"/>
        </a:xfrm>
        <a:custGeom>
          <a:avLst/>
          <a:gdLst/>
          <a:ahLst/>
          <a:cxnLst>
            <a:cxn ang="0">
              <a:pos x="16384" y="3027"/>
            </a:cxn>
            <a:cxn ang="0">
              <a:pos x="14669" y="1603"/>
            </a:cxn>
            <a:cxn ang="0">
              <a:pos x="15241" y="1959"/>
            </a:cxn>
            <a:cxn ang="0">
              <a:pos x="13717" y="1959"/>
            </a:cxn>
            <a:cxn ang="0">
              <a:pos x="12574" y="1069"/>
            </a:cxn>
            <a:cxn ang="0">
              <a:pos x="12002" y="1247"/>
            </a:cxn>
            <a:cxn ang="0">
              <a:pos x="11050" y="1247"/>
            </a:cxn>
            <a:cxn ang="0">
              <a:pos x="9716" y="890"/>
            </a:cxn>
            <a:cxn ang="0">
              <a:pos x="9145" y="712"/>
            </a:cxn>
            <a:cxn ang="0">
              <a:pos x="7430" y="712"/>
            </a:cxn>
            <a:cxn ang="0">
              <a:pos x="6668" y="178"/>
            </a:cxn>
            <a:cxn ang="0">
              <a:pos x="5525" y="0"/>
            </a:cxn>
            <a:cxn ang="0">
              <a:pos x="4763" y="1247"/>
            </a:cxn>
            <a:cxn ang="0">
              <a:pos x="5334" y="1603"/>
            </a:cxn>
            <a:cxn ang="0">
              <a:pos x="4382" y="2849"/>
            </a:cxn>
            <a:cxn ang="0">
              <a:pos x="4763" y="3562"/>
            </a:cxn>
            <a:cxn ang="0">
              <a:pos x="4382" y="5343"/>
            </a:cxn>
            <a:cxn ang="0">
              <a:pos x="3620" y="5165"/>
            </a:cxn>
            <a:cxn ang="0">
              <a:pos x="2286" y="6411"/>
            </a:cxn>
            <a:cxn ang="0">
              <a:pos x="2286" y="7302"/>
            </a:cxn>
            <a:cxn ang="0">
              <a:pos x="1715" y="7836"/>
            </a:cxn>
            <a:cxn ang="0">
              <a:pos x="2286" y="8370"/>
            </a:cxn>
            <a:cxn ang="0">
              <a:pos x="1715" y="9082"/>
            </a:cxn>
            <a:cxn ang="0">
              <a:pos x="1334" y="8904"/>
            </a:cxn>
            <a:cxn ang="0">
              <a:pos x="0" y="9795"/>
            </a:cxn>
            <a:cxn ang="0">
              <a:pos x="1143" y="13178"/>
            </a:cxn>
            <a:cxn ang="0">
              <a:pos x="2477" y="15494"/>
            </a:cxn>
            <a:cxn ang="0">
              <a:pos x="3239" y="16384"/>
            </a:cxn>
            <a:cxn ang="0">
              <a:pos x="4382" y="16384"/>
            </a:cxn>
            <a:cxn ang="0">
              <a:pos x="6668" y="15850"/>
            </a:cxn>
            <a:cxn ang="0">
              <a:pos x="7049" y="15137"/>
            </a:cxn>
            <a:cxn ang="0">
              <a:pos x="8001" y="14959"/>
            </a:cxn>
            <a:cxn ang="0">
              <a:pos x="8764" y="15494"/>
            </a:cxn>
            <a:cxn ang="0">
              <a:pos x="9907" y="14959"/>
            </a:cxn>
            <a:cxn ang="0">
              <a:pos x="11812" y="14959"/>
            </a:cxn>
            <a:cxn ang="0">
              <a:pos x="12193" y="14781"/>
            </a:cxn>
            <a:cxn ang="0">
              <a:pos x="12383" y="14247"/>
            </a:cxn>
            <a:cxn ang="0">
              <a:pos x="13907" y="14247"/>
            </a:cxn>
            <a:cxn ang="0">
              <a:pos x="14098" y="12466"/>
            </a:cxn>
            <a:cxn ang="0">
              <a:pos x="13336" y="11398"/>
            </a:cxn>
            <a:cxn ang="0">
              <a:pos x="13145" y="10329"/>
            </a:cxn>
            <a:cxn ang="0">
              <a:pos x="12574" y="10151"/>
            </a:cxn>
            <a:cxn ang="0">
              <a:pos x="12574" y="8548"/>
            </a:cxn>
            <a:cxn ang="0">
              <a:pos x="13145" y="8370"/>
            </a:cxn>
            <a:cxn ang="0">
              <a:pos x="13717" y="8014"/>
            </a:cxn>
            <a:cxn ang="0">
              <a:pos x="13907" y="6767"/>
            </a:cxn>
            <a:cxn ang="0">
              <a:pos x="14479" y="5343"/>
            </a:cxn>
            <a:cxn ang="0">
              <a:pos x="15622" y="5165"/>
            </a:cxn>
            <a:cxn ang="0">
              <a:pos x="16384" y="4096"/>
            </a:cxn>
            <a:cxn ang="0">
              <a:pos x="16384" y="3027"/>
            </a:cxn>
          </a:cxnLst>
          <a:rect l="0" t="0" r="r" b="b"/>
          <a:pathLst>
            <a:path w="16384" h="16384">
              <a:moveTo>
                <a:pt x="16384" y="3027"/>
              </a:moveTo>
              <a:lnTo>
                <a:pt x="14669" y="1603"/>
              </a:lnTo>
              <a:lnTo>
                <a:pt x="15241" y="1959"/>
              </a:lnTo>
              <a:lnTo>
                <a:pt x="13717" y="1959"/>
              </a:lnTo>
              <a:lnTo>
                <a:pt x="12574" y="1069"/>
              </a:lnTo>
              <a:lnTo>
                <a:pt x="12002" y="1247"/>
              </a:lnTo>
              <a:lnTo>
                <a:pt x="11050" y="1247"/>
              </a:lnTo>
              <a:lnTo>
                <a:pt x="9716" y="890"/>
              </a:lnTo>
              <a:lnTo>
                <a:pt x="9145" y="712"/>
              </a:lnTo>
              <a:lnTo>
                <a:pt x="7430" y="712"/>
              </a:lnTo>
              <a:lnTo>
                <a:pt x="6668" y="178"/>
              </a:lnTo>
              <a:lnTo>
                <a:pt x="5525" y="0"/>
              </a:lnTo>
              <a:lnTo>
                <a:pt x="4763" y="1247"/>
              </a:lnTo>
              <a:lnTo>
                <a:pt x="5334" y="1603"/>
              </a:lnTo>
              <a:lnTo>
                <a:pt x="4382" y="2849"/>
              </a:lnTo>
              <a:lnTo>
                <a:pt x="4763" y="3562"/>
              </a:lnTo>
              <a:lnTo>
                <a:pt x="4382" y="5343"/>
              </a:lnTo>
              <a:lnTo>
                <a:pt x="3620" y="5165"/>
              </a:lnTo>
              <a:lnTo>
                <a:pt x="2286" y="6411"/>
              </a:lnTo>
              <a:lnTo>
                <a:pt x="2286" y="7302"/>
              </a:lnTo>
              <a:lnTo>
                <a:pt x="1715" y="7836"/>
              </a:lnTo>
              <a:lnTo>
                <a:pt x="2286" y="8370"/>
              </a:lnTo>
              <a:lnTo>
                <a:pt x="1715" y="9082"/>
              </a:lnTo>
              <a:lnTo>
                <a:pt x="1334" y="8904"/>
              </a:lnTo>
              <a:lnTo>
                <a:pt x="0" y="9795"/>
              </a:lnTo>
              <a:lnTo>
                <a:pt x="1143" y="13178"/>
              </a:lnTo>
              <a:lnTo>
                <a:pt x="2477" y="15494"/>
              </a:lnTo>
              <a:lnTo>
                <a:pt x="3239" y="16384"/>
              </a:lnTo>
              <a:lnTo>
                <a:pt x="4382" y="16384"/>
              </a:lnTo>
              <a:lnTo>
                <a:pt x="6668" y="15850"/>
              </a:lnTo>
              <a:lnTo>
                <a:pt x="7049" y="15137"/>
              </a:lnTo>
              <a:lnTo>
                <a:pt x="8001" y="14959"/>
              </a:lnTo>
              <a:lnTo>
                <a:pt x="8764" y="15494"/>
              </a:lnTo>
              <a:lnTo>
                <a:pt x="9907" y="14959"/>
              </a:lnTo>
              <a:lnTo>
                <a:pt x="11812" y="14959"/>
              </a:lnTo>
              <a:lnTo>
                <a:pt x="12193" y="14781"/>
              </a:lnTo>
              <a:lnTo>
                <a:pt x="12383" y="14247"/>
              </a:lnTo>
              <a:lnTo>
                <a:pt x="13907" y="14247"/>
              </a:lnTo>
              <a:lnTo>
                <a:pt x="14098" y="12466"/>
              </a:lnTo>
              <a:lnTo>
                <a:pt x="13336" y="11398"/>
              </a:lnTo>
              <a:lnTo>
                <a:pt x="13145" y="10329"/>
              </a:lnTo>
              <a:lnTo>
                <a:pt x="12574" y="10151"/>
              </a:lnTo>
              <a:lnTo>
                <a:pt x="12574" y="8548"/>
              </a:lnTo>
              <a:lnTo>
                <a:pt x="13145" y="8370"/>
              </a:lnTo>
              <a:lnTo>
                <a:pt x="13717" y="8014"/>
              </a:lnTo>
              <a:lnTo>
                <a:pt x="13907" y="6767"/>
              </a:lnTo>
              <a:lnTo>
                <a:pt x="14479" y="5343"/>
              </a:lnTo>
              <a:lnTo>
                <a:pt x="15622" y="5165"/>
              </a:lnTo>
              <a:lnTo>
                <a:pt x="16384" y="4096"/>
              </a:lnTo>
              <a:lnTo>
                <a:pt x="16384" y="302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5</xdr:col>
      <xdr:colOff>200025</xdr:colOff>
      <xdr:row>12</xdr:row>
      <xdr:rowOff>142875</xdr:rowOff>
    </xdr:from>
    <xdr:to>
      <xdr:col>17</xdr:col>
      <xdr:colOff>142875</xdr:colOff>
      <xdr:row>17</xdr:row>
      <xdr:rowOff>114300</xdr:rowOff>
    </xdr:to>
    <xdr:sp macro="" textlink="">
      <xdr:nvSpPr>
        <xdr:cNvPr id="156" name="d14131">
          <a:extLst>
            <a:ext uri="{FF2B5EF4-FFF2-40B4-BE49-F238E27FC236}">
              <a16:creationId xmlns:a16="http://schemas.microsoft.com/office/drawing/2014/main" id="{00000000-0008-0000-0000-00009C000000}"/>
            </a:ext>
          </a:extLst>
        </xdr:cNvPr>
        <xdr:cNvSpPr>
          <a:spLocks/>
        </xdr:cNvSpPr>
      </xdr:nvSpPr>
      <xdr:spPr bwMode="auto">
        <a:xfrm>
          <a:off x="9344025" y="1971675"/>
          <a:ext cx="1162050" cy="733425"/>
        </a:xfrm>
        <a:custGeom>
          <a:avLst/>
          <a:gdLst/>
          <a:ahLst/>
          <a:cxnLst>
            <a:cxn ang="0">
              <a:pos x="0" y="5745"/>
            </a:cxn>
            <a:cxn ang="0">
              <a:pos x="134" y="6809"/>
            </a:cxn>
            <a:cxn ang="0">
              <a:pos x="0" y="7447"/>
            </a:cxn>
            <a:cxn ang="0">
              <a:pos x="537" y="7873"/>
            </a:cxn>
            <a:cxn ang="0">
              <a:pos x="940" y="9150"/>
            </a:cxn>
            <a:cxn ang="0">
              <a:pos x="1612" y="13192"/>
            </a:cxn>
            <a:cxn ang="0">
              <a:pos x="2283" y="12767"/>
            </a:cxn>
            <a:cxn ang="0">
              <a:pos x="3760" y="16384"/>
            </a:cxn>
            <a:cxn ang="0">
              <a:pos x="4566" y="15958"/>
            </a:cxn>
            <a:cxn ang="0">
              <a:pos x="4029" y="14256"/>
            </a:cxn>
            <a:cxn ang="0">
              <a:pos x="3760" y="12767"/>
            </a:cxn>
            <a:cxn ang="0">
              <a:pos x="4029" y="12554"/>
            </a:cxn>
            <a:cxn ang="0">
              <a:pos x="5103" y="15320"/>
            </a:cxn>
            <a:cxn ang="0">
              <a:pos x="6849" y="13831"/>
            </a:cxn>
            <a:cxn ang="0">
              <a:pos x="6715" y="8937"/>
            </a:cxn>
            <a:cxn ang="0">
              <a:pos x="7118" y="8937"/>
            </a:cxn>
            <a:cxn ang="0">
              <a:pos x="7118" y="13405"/>
            </a:cxn>
            <a:cxn ang="0">
              <a:pos x="9938" y="11490"/>
            </a:cxn>
            <a:cxn ang="0">
              <a:pos x="9401" y="8511"/>
            </a:cxn>
            <a:cxn ang="0">
              <a:pos x="9804" y="8086"/>
            </a:cxn>
            <a:cxn ang="0">
              <a:pos x="10206" y="11065"/>
            </a:cxn>
            <a:cxn ang="0">
              <a:pos x="12489" y="9788"/>
            </a:cxn>
            <a:cxn ang="0">
              <a:pos x="11281" y="5532"/>
            </a:cxn>
            <a:cxn ang="0">
              <a:pos x="11146" y="4468"/>
            </a:cxn>
            <a:cxn ang="0">
              <a:pos x="11818" y="4681"/>
            </a:cxn>
            <a:cxn ang="0">
              <a:pos x="12355" y="6809"/>
            </a:cxn>
            <a:cxn ang="0">
              <a:pos x="13027" y="6596"/>
            </a:cxn>
            <a:cxn ang="0">
              <a:pos x="12624" y="7660"/>
            </a:cxn>
            <a:cxn ang="0">
              <a:pos x="13967" y="10639"/>
            </a:cxn>
            <a:cxn ang="0">
              <a:pos x="16384" y="6596"/>
            </a:cxn>
            <a:cxn ang="0">
              <a:pos x="15713" y="4894"/>
            </a:cxn>
            <a:cxn ang="0">
              <a:pos x="14370" y="3404"/>
            </a:cxn>
            <a:cxn ang="0">
              <a:pos x="9669" y="0"/>
            </a:cxn>
            <a:cxn ang="0">
              <a:pos x="8729" y="426"/>
            </a:cxn>
            <a:cxn ang="0">
              <a:pos x="7923" y="638"/>
            </a:cxn>
            <a:cxn ang="0">
              <a:pos x="6983" y="638"/>
            </a:cxn>
            <a:cxn ang="0">
              <a:pos x="5775" y="638"/>
            </a:cxn>
            <a:cxn ang="0">
              <a:pos x="4835" y="1489"/>
            </a:cxn>
            <a:cxn ang="0">
              <a:pos x="4029" y="2341"/>
            </a:cxn>
            <a:cxn ang="0">
              <a:pos x="2820" y="2553"/>
            </a:cxn>
            <a:cxn ang="0">
              <a:pos x="1343" y="1915"/>
            </a:cxn>
            <a:cxn ang="0">
              <a:pos x="1209" y="3617"/>
            </a:cxn>
            <a:cxn ang="0">
              <a:pos x="671" y="4894"/>
            </a:cxn>
            <a:cxn ang="0">
              <a:pos x="0" y="5745"/>
            </a:cxn>
          </a:cxnLst>
          <a:rect l="0" t="0" r="r" b="b"/>
          <a:pathLst>
            <a:path w="16384" h="16384">
              <a:moveTo>
                <a:pt x="0" y="5745"/>
              </a:moveTo>
              <a:lnTo>
                <a:pt x="134" y="6809"/>
              </a:lnTo>
              <a:lnTo>
                <a:pt x="0" y="7447"/>
              </a:lnTo>
              <a:lnTo>
                <a:pt x="537" y="7873"/>
              </a:lnTo>
              <a:lnTo>
                <a:pt x="940" y="9150"/>
              </a:lnTo>
              <a:lnTo>
                <a:pt x="1612" y="13192"/>
              </a:lnTo>
              <a:lnTo>
                <a:pt x="2283" y="12767"/>
              </a:lnTo>
              <a:lnTo>
                <a:pt x="3760" y="16384"/>
              </a:lnTo>
              <a:lnTo>
                <a:pt x="4566" y="15958"/>
              </a:lnTo>
              <a:lnTo>
                <a:pt x="4029" y="14256"/>
              </a:lnTo>
              <a:lnTo>
                <a:pt x="3760" y="12767"/>
              </a:lnTo>
              <a:lnTo>
                <a:pt x="4029" y="12554"/>
              </a:lnTo>
              <a:lnTo>
                <a:pt x="5103" y="15320"/>
              </a:lnTo>
              <a:lnTo>
                <a:pt x="6849" y="13831"/>
              </a:lnTo>
              <a:lnTo>
                <a:pt x="6715" y="8937"/>
              </a:lnTo>
              <a:lnTo>
                <a:pt x="7118" y="8937"/>
              </a:lnTo>
              <a:lnTo>
                <a:pt x="7118" y="13405"/>
              </a:lnTo>
              <a:lnTo>
                <a:pt x="9938" y="11490"/>
              </a:lnTo>
              <a:lnTo>
                <a:pt x="9401" y="8511"/>
              </a:lnTo>
              <a:lnTo>
                <a:pt x="9804" y="8086"/>
              </a:lnTo>
              <a:lnTo>
                <a:pt x="10206" y="11065"/>
              </a:lnTo>
              <a:lnTo>
                <a:pt x="12489" y="9788"/>
              </a:lnTo>
              <a:lnTo>
                <a:pt x="11281" y="5532"/>
              </a:lnTo>
              <a:lnTo>
                <a:pt x="11146" y="4468"/>
              </a:lnTo>
              <a:lnTo>
                <a:pt x="11818" y="4681"/>
              </a:lnTo>
              <a:lnTo>
                <a:pt x="12355" y="6809"/>
              </a:lnTo>
              <a:lnTo>
                <a:pt x="13027" y="6596"/>
              </a:lnTo>
              <a:lnTo>
                <a:pt x="12624" y="7660"/>
              </a:lnTo>
              <a:lnTo>
                <a:pt x="13967" y="10639"/>
              </a:lnTo>
              <a:lnTo>
                <a:pt x="16384" y="6596"/>
              </a:lnTo>
              <a:lnTo>
                <a:pt x="15713" y="4894"/>
              </a:lnTo>
              <a:lnTo>
                <a:pt x="14370" y="3404"/>
              </a:lnTo>
              <a:lnTo>
                <a:pt x="9669" y="0"/>
              </a:lnTo>
              <a:lnTo>
                <a:pt x="8729" y="426"/>
              </a:lnTo>
              <a:lnTo>
                <a:pt x="7923" y="638"/>
              </a:lnTo>
              <a:lnTo>
                <a:pt x="6983" y="638"/>
              </a:lnTo>
              <a:lnTo>
                <a:pt x="5775" y="638"/>
              </a:lnTo>
              <a:lnTo>
                <a:pt x="4835" y="1489"/>
              </a:lnTo>
              <a:lnTo>
                <a:pt x="4029" y="2341"/>
              </a:lnTo>
              <a:lnTo>
                <a:pt x="2820" y="2553"/>
              </a:lnTo>
              <a:lnTo>
                <a:pt x="1343" y="1915"/>
              </a:lnTo>
              <a:lnTo>
                <a:pt x="1209" y="3617"/>
              </a:lnTo>
              <a:lnTo>
                <a:pt x="671" y="4894"/>
              </a:lnTo>
              <a:lnTo>
                <a:pt x="0" y="5745"/>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4</xdr:col>
      <xdr:colOff>438150</xdr:colOff>
      <xdr:row>11</xdr:row>
      <xdr:rowOff>66675</xdr:rowOff>
    </xdr:from>
    <xdr:to>
      <xdr:col>15</xdr:col>
      <xdr:colOff>371475</xdr:colOff>
      <xdr:row>14</xdr:row>
      <xdr:rowOff>95249</xdr:rowOff>
    </xdr:to>
    <xdr:sp macro="" textlink="">
      <xdr:nvSpPr>
        <xdr:cNvPr id="157" name="d14132">
          <a:extLst>
            <a:ext uri="{FF2B5EF4-FFF2-40B4-BE49-F238E27FC236}">
              <a16:creationId xmlns:a16="http://schemas.microsoft.com/office/drawing/2014/main" id="{00000000-0008-0000-0000-00009D000000}"/>
            </a:ext>
          </a:extLst>
        </xdr:cNvPr>
        <xdr:cNvSpPr>
          <a:spLocks/>
        </xdr:cNvSpPr>
      </xdr:nvSpPr>
      <xdr:spPr bwMode="auto">
        <a:xfrm>
          <a:off x="8972550" y="1743075"/>
          <a:ext cx="542925" cy="485774"/>
        </a:xfrm>
        <a:custGeom>
          <a:avLst/>
          <a:gdLst/>
          <a:ahLst/>
          <a:cxnLst>
            <a:cxn ang="0">
              <a:pos x="0" y="2249"/>
            </a:cxn>
            <a:cxn ang="0">
              <a:pos x="1150" y="3213"/>
            </a:cxn>
            <a:cxn ang="0">
              <a:pos x="0" y="8674"/>
            </a:cxn>
            <a:cxn ang="0">
              <a:pos x="0" y="9959"/>
            </a:cxn>
            <a:cxn ang="0">
              <a:pos x="287" y="10601"/>
            </a:cxn>
            <a:cxn ang="0">
              <a:pos x="1725" y="10923"/>
            </a:cxn>
            <a:cxn ang="0">
              <a:pos x="4024" y="12208"/>
            </a:cxn>
            <a:cxn ang="0">
              <a:pos x="6611" y="10280"/>
            </a:cxn>
            <a:cxn ang="0">
              <a:pos x="8048" y="9638"/>
            </a:cxn>
            <a:cxn ang="0">
              <a:pos x="10060" y="9638"/>
            </a:cxn>
            <a:cxn ang="0">
              <a:pos x="9773" y="13171"/>
            </a:cxn>
            <a:cxn ang="0">
              <a:pos x="10348" y="14456"/>
            </a:cxn>
            <a:cxn ang="0">
              <a:pos x="11210" y="16384"/>
            </a:cxn>
            <a:cxn ang="0">
              <a:pos x="12647" y="15099"/>
            </a:cxn>
            <a:cxn ang="0">
              <a:pos x="13797" y="13171"/>
            </a:cxn>
            <a:cxn ang="0">
              <a:pos x="14084" y="10601"/>
            </a:cxn>
            <a:cxn ang="0">
              <a:pos x="14659" y="9959"/>
            </a:cxn>
            <a:cxn ang="0">
              <a:pos x="14372" y="8674"/>
            </a:cxn>
            <a:cxn ang="0">
              <a:pos x="15522" y="6425"/>
            </a:cxn>
            <a:cxn ang="0">
              <a:pos x="16384" y="4498"/>
            </a:cxn>
            <a:cxn ang="0">
              <a:pos x="16097" y="3213"/>
            </a:cxn>
            <a:cxn ang="0">
              <a:pos x="15234" y="2570"/>
            </a:cxn>
            <a:cxn ang="0">
              <a:pos x="13510" y="1928"/>
            </a:cxn>
            <a:cxn ang="0">
              <a:pos x="11498" y="1285"/>
            </a:cxn>
            <a:cxn ang="0">
              <a:pos x="10348" y="964"/>
            </a:cxn>
            <a:cxn ang="0">
              <a:pos x="9198" y="2249"/>
            </a:cxn>
            <a:cxn ang="0">
              <a:pos x="8336" y="3213"/>
            </a:cxn>
            <a:cxn ang="0">
              <a:pos x="7761" y="3534"/>
            </a:cxn>
            <a:cxn ang="0">
              <a:pos x="6036" y="2570"/>
            </a:cxn>
            <a:cxn ang="0">
              <a:pos x="5174" y="2570"/>
            </a:cxn>
            <a:cxn ang="0">
              <a:pos x="4886" y="0"/>
            </a:cxn>
            <a:cxn ang="0">
              <a:pos x="4024" y="0"/>
            </a:cxn>
            <a:cxn ang="0">
              <a:pos x="3737" y="964"/>
            </a:cxn>
            <a:cxn ang="0">
              <a:pos x="3737" y="1928"/>
            </a:cxn>
            <a:cxn ang="0">
              <a:pos x="2300" y="1928"/>
            </a:cxn>
            <a:cxn ang="0">
              <a:pos x="1150" y="1928"/>
            </a:cxn>
            <a:cxn ang="0">
              <a:pos x="0" y="2249"/>
            </a:cxn>
          </a:cxnLst>
          <a:rect l="0" t="0" r="r" b="b"/>
          <a:pathLst>
            <a:path w="16384" h="16384">
              <a:moveTo>
                <a:pt x="0" y="2249"/>
              </a:moveTo>
              <a:lnTo>
                <a:pt x="1150" y="3213"/>
              </a:lnTo>
              <a:lnTo>
                <a:pt x="0" y="8674"/>
              </a:lnTo>
              <a:lnTo>
                <a:pt x="0" y="9959"/>
              </a:lnTo>
              <a:lnTo>
                <a:pt x="287" y="10601"/>
              </a:lnTo>
              <a:lnTo>
                <a:pt x="1725" y="10923"/>
              </a:lnTo>
              <a:lnTo>
                <a:pt x="4024" y="12208"/>
              </a:lnTo>
              <a:lnTo>
                <a:pt x="6611" y="10280"/>
              </a:lnTo>
              <a:lnTo>
                <a:pt x="8048" y="9638"/>
              </a:lnTo>
              <a:lnTo>
                <a:pt x="10060" y="9638"/>
              </a:lnTo>
              <a:lnTo>
                <a:pt x="9773" y="13171"/>
              </a:lnTo>
              <a:lnTo>
                <a:pt x="10348" y="14456"/>
              </a:lnTo>
              <a:lnTo>
                <a:pt x="11210" y="16384"/>
              </a:lnTo>
              <a:lnTo>
                <a:pt x="12647" y="15099"/>
              </a:lnTo>
              <a:lnTo>
                <a:pt x="13797" y="13171"/>
              </a:lnTo>
              <a:lnTo>
                <a:pt x="14084" y="10601"/>
              </a:lnTo>
              <a:lnTo>
                <a:pt x="14659" y="9959"/>
              </a:lnTo>
              <a:lnTo>
                <a:pt x="14372" y="8674"/>
              </a:lnTo>
              <a:lnTo>
                <a:pt x="15522" y="6425"/>
              </a:lnTo>
              <a:lnTo>
                <a:pt x="16384" y="4498"/>
              </a:lnTo>
              <a:lnTo>
                <a:pt x="16097" y="3213"/>
              </a:lnTo>
              <a:lnTo>
                <a:pt x="15234" y="2570"/>
              </a:lnTo>
              <a:lnTo>
                <a:pt x="13510" y="1928"/>
              </a:lnTo>
              <a:lnTo>
                <a:pt x="11498" y="1285"/>
              </a:lnTo>
              <a:lnTo>
                <a:pt x="10348" y="964"/>
              </a:lnTo>
              <a:lnTo>
                <a:pt x="9198" y="2249"/>
              </a:lnTo>
              <a:lnTo>
                <a:pt x="8336" y="3213"/>
              </a:lnTo>
              <a:lnTo>
                <a:pt x="7761" y="3534"/>
              </a:lnTo>
              <a:lnTo>
                <a:pt x="6036" y="2570"/>
              </a:lnTo>
              <a:lnTo>
                <a:pt x="5174" y="2570"/>
              </a:lnTo>
              <a:lnTo>
                <a:pt x="4886" y="0"/>
              </a:lnTo>
              <a:lnTo>
                <a:pt x="4024" y="0"/>
              </a:lnTo>
              <a:lnTo>
                <a:pt x="3737" y="964"/>
              </a:lnTo>
              <a:lnTo>
                <a:pt x="3737" y="1928"/>
              </a:lnTo>
              <a:lnTo>
                <a:pt x="2300" y="1928"/>
              </a:lnTo>
              <a:lnTo>
                <a:pt x="1150" y="1928"/>
              </a:lnTo>
              <a:lnTo>
                <a:pt x="0" y="2249"/>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4</xdr:col>
      <xdr:colOff>104775</xdr:colOff>
      <xdr:row>8</xdr:row>
      <xdr:rowOff>38100</xdr:rowOff>
    </xdr:from>
    <xdr:to>
      <xdr:col>15</xdr:col>
      <xdr:colOff>171450</xdr:colOff>
      <xdr:row>12</xdr:row>
      <xdr:rowOff>19050</xdr:rowOff>
    </xdr:to>
    <xdr:sp macro="" textlink="">
      <xdr:nvSpPr>
        <xdr:cNvPr id="158" name="d14133">
          <a:extLst>
            <a:ext uri="{FF2B5EF4-FFF2-40B4-BE49-F238E27FC236}">
              <a16:creationId xmlns:a16="http://schemas.microsoft.com/office/drawing/2014/main" id="{00000000-0008-0000-0000-00009E000000}"/>
            </a:ext>
          </a:extLst>
        </xdr:cNvPr>
        <xdr:cNvSpPr>
          <a:spLocks/>
        </xdr:cNvSpPr>
      </xdr:nvSpPr>
      <xdr:spPr bwMode="auto">
        <a:xfrm>
          <a:off x="8639175" y="1257300"/>
          <a:ext cx="676275" cy="590550"/>
        </a:xfrm>
        <a:custGeom>
          <a:avLst/>
          <a:gdLst/>
          <a:ahLst/>
          <a:cxnLst>
            <a:cxn ang="0">
              <a:pos x="16384" y="14270"/>
            </a:cxn>
            <a:cxn ang="0">
              <a:pos x="14999" y="13213"/>
            </a:cxn>
            <a:cxn ang="0">
              <a:pos x="13846" y="11099"/>
            </a:cxn>
            <a:cxn ang="0">
              <a:pos x="13384" y="8456"/>
            </a:cxn>
            <a:cxn ang="0">
              <a:pos x="12923" y="6078"/>
            </a:cxn>
            <a:cxn ang="0">
              <a:pos x="12230" y="4757"/>
            </a:cxn>
            <a:cxn ang="0">
              <a:pos x="11077" y="3171"/>
            </a:cxn>
            <a:cxn ang="0">
              <a:pos x="10153" y="2378"/>
            </a:cxn>
            <a:cxn ang="0">
              <a:pos x="7615" y="1850"/>
            </a:cxn>
            <a:cxn ang="0">
              <a:pos x="6692" y="529"/>
            </a:cxn>
            <a:cxn ang="0">
              <a:pos x="5769" y="0"/>
            </a:cxn>
            <a:cxn ang="0">
              <a:pos x="5307" y="1057"/>
            </a:cxn>
            <a:cxn ang="0">
              <a:pos x="4154" y="1586"/>
            </a:cxn>
            <a:cxn ang="0">
              <a:pos x="3231" y="1321"/>
            </a:cxn>
            <a:cxn ang="0">
              <a:pos x="2538" y="529"/>
            </a:cxn>
            <a:cxn ang="0">
              <a:pos x="1385" y="264"/>
            </a:cxn>
            <a:cxn ang="0">
              <a:pos x="462" y="1321"/>
            </a:cxn>
            <a:cxn ang="0">
              <a:pos x="462" y="2378"/>
            </a:cxn>
            <a:cxn ang="0">
              <a:pos x="0" y="3435"/>
            </a:cxn>
            <a:cxn ang="0">
              <a:pos x="923" y="4228"/>
            </a:cxn>
            <a:cxn ang="0">
              <a:pos x="923" y="6342"/>
            </a:cxn>
            <a:cxn ang="0">
              <a:pos x="1615" y="8192"/>
            </a:cxn>
            <a:cxn ang="0">
              <a:pos x="2077" y="9249"/>
            </a:cxn>
            <a:cxn ang="0">
              <a:pos x="3231" y="10570"/>
            </a:cxn>
            <a:cxn ang="0">
              <a:pos x="3231" y="11627"/>
            </a:cxn>
            <a:cxn ang="0">
              <a:pos x="2308" y="12420"/>
            </a:cxn>
            <a:cxn ang="0">
              <a:pos x="2077" y="13213"/>
            </a:cxn>
            <a:cxn ang="0">
              <a:pos x="3692" y="14270"/>
            </a:cxn>
            <a:cxn ang="0">
              <a:pos x="5307" y="14270"/>
            </a:cxn>
            <a:cxn ang="0">
              <a:pos x="6461" y="14006"/>
            </a:cxn>
            <a:cxn ang="0">
              <a:pos x="7154" y="14798"/>
            </a:cxn>
            <a:cxn ang="0">
              <a:pos x="8077" y="15327"/>
            </a:cxn>
            <a:cxn ang="0">
              <a:pos x="9000" y="15063"/>
            </a:cxn>
            <a:cxn ang="0">
              <a:pos x="9923" y="15063"/>
            </a:cxn>
            <a:cxn ang="0">
              <a:pos x="11077" y="15063"/>
            </a:cxn>
            <a:cxn ang="0">
              <a:pos x="11077" y="14270"/>
            </a:cxn>
            <a:cxn ang="0">
              <a:pos x="11307" y="13477"/>
            </a:cxn>
            <a:cxn ang="0">
              <a:pos x="12000" y="13477"/>
            </a:cxn>
            <a:cxn ang="0">
              <a:pos x="12230" y="15591"/>
            </a:cxn>
            <a:cxn ang="0">
              <a:pos x="12923" y="15591"/>
            </a:cxn>
            <a:cxn ang="0">
              <a:pos x="14307" y="16384"/>
            </a:cxn>
            <a:cxn ang="0">
              <a:pos x="14769" y="16120"/>
            </a:cxn>
            <a:cxn ang="0">
              <a:pos x="15461" y="15327"/>
            </a:cxn>
            <a:cxn ang="0">
              <a:pos x="16384" y="14270"/>
            </a:cxn>
          </a:cxnLst>
          <a:rect l="0" t="0" r="r" b="b"/>
          <a:pathLst>
            <a:path w="16384" h="16384">
              <a:moveTo>
                <a:pt x="16384" y="14270"/>
              </a:moveTo>
              <a:lnTo>
                <a:pt x="14999" y="13213"/>
              </a:lnTo>
              <a:lnTo>
                <a:pt x="13846" y="11099"/>
              </a:lnTo>
              <a:lnTo>
                <a:pt x="13384" y="8456"/>
              </a:lnTo>
              <a:lnTo>
                <a:pt x="12923" y="6078"/>
              </a:lnTo>
              <a:lnTo>
                <a:pt x="12230" y="4757"/>
              </a:lnTo>
              <a:lnTo>
                <a:pt x="11077" y="3171"/>
              </a:lnTo>
              <a:lnTo>
                <a:pt x="10153" y="2378"/>
              </a:lnTo>
              <a:lnTo>
                <a:pt x="7615" y="1850"/>
              </a:lnTo>
              <a:lnTo>
                <a:pt x="6692" y="529"/>
              </a:lnTo>
              <a:lnTo>
                <a:pt x="5769" y="0"/>
              </a:lnTo>
              <a:lnTo>
                <a:pt x="5307" y="1057"/>
              </a:lnTo>
              <a:lnTo>
                <a:pt x="4154" y="1586"/>
              </a:lnTo>
              <a:lnTo>
                <a:pt x="3231" y="1321"/>
              </a:lnTo>
              <a:lnTo>
                <a:pt x="2538" y="529"/>
              </a:lnTo>
              <a:lnTo>
                <a:pt x="1385" y="264"/>
              </a:lnTo>
              <a:lnTo>
                <a:pt x="462" y="1321"/>
              </a:lnTo>
              <a:lnTo>
                <a:pt x="462" y="2378"/>
              </a:lnTo>
              <a:lnTo>
                <a:pt x="0" y="3435"/>
              </a:lnTo>
              <a:lnTo>
                <a:pt x="923" y="4228"/>
              </a:lnTo>
              <a:lnTo>
                <a:pt x="923" y="6342"/>
              </a:lnTo>
              <a:lnTo>
                <a:pt x="1615" y="8192"/>
              </a:lnTo>
              <a:lnTo>
                <a:pt x="2077" y="9249"/>
              </a:lnTo>
              <a:lnTo>
                <a:pt x="3231" y="10570"/>
              </a:lnTo>
              <a:lnTo>
                <a:pt x="3231" y="11627"/>
              </a:lnTo>
              <a:lnTo>
                <a:pt x="2308" y="12420"/>
              </a:lnTo>
              <a:lnTo>
                <a:pt x="2077" y="13213"/>
              </a:lnTo>
              <a:lnTo>
                <a:pt x="3692" y="14270"/>
              </a:lnTo>
              <a:lnTo>
                <a:pt x="5307" y="14270"/>
              </a:lnTo>
              <a:lnTo>
                <a:pt x="6461" y="14006"/>
              </a:lnTo>
              <a:lnTo>
                <a:pt x="7154" y="14798"/>
              </a:lnTo>
              <a:lnTo>
                <a:pt x="8077" y="15327"/>
              </a:lnTo>
              <a:lnTo>
                <a:pt x="9000" y="15063"/>
              </a:lnTo>
              <a:lnTo>
                <a:pt x="9923" y="15063"/>
              </a:lnTo>
              <a:lnTo>
                <a:pt x="11077" y="15063"/>
              </a:lnTo>
              <a:lnTo>
                <a:pt x="11077" y="14270"/>
              </a:lnTo>
              <a:lnTo>
                <a:pt x="11307" y="13477"/>
              </a:lnTo>
              <a:lnTo>
                <a:pt x="12000" y="13477"/>
              </a:lnTo>
              <a:lnTo>
                <a:pt x="12230" y="15591"/>
              </a:lnTo>
              <a:lnTo>
                <a:pt x="12923" y="15591"/>
              </a:lnTo>
              <a:lnTo>
                <a:pt x="14307" y="16384"/>
              </a:lnTo>
              <a:lnTo>
                <a:pt x="14769" y="16120"/>
              </a:lnTo>
              <a:lnTo>
                <a:pt x="15461" y="15327"/>
              </a:lnTo>
              <a:lnTo>
                <a:pt x="16384" y="14270"/>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3</xdr:col>
      <xdr:colOff>276225</xdr:colOff>
      <xdr:row>6</xdr:row>
      <xdr:rowOff>66675</xdr:rowOff>
    </xdr:from>
    <xdr:to>
      <xdr:col>14</xdr:col>
      <xdr:colOff>342900</xdr:colOff>
      <xdr:row>11</xdr:row>
      <xdr:rowOff>76201</xdr:rowOff>
    </xdr:to>
    <xdr:sp macro="" textlink="">
      <xdr:nvSpPr>
        <xdr:cNvPr id="159" name="d14134">
          <a:extLst>
            <a:ext uri="{FF2B5EF4-FFF2-40B4-BE49-F238E27FC236}">
              <a16:creationId xmlns:a16="http://schemas.microsoft.com/office/drawing/2014/main" id="{00000000-0008-0000-0000-00009F000000}"/>
            </a:ext>
          </a:extLst>
        </xdr:cNvPr>
        <xdr:cNvSpPr>
          <a:spLocks/>
        </xdr:cNvSpPr>
      </xdr:nvSpPr>
      <xdr:spPr bwMode="auto">
        <a:xfrm>
          <a:off x="8201025" y="981075"/>
          <a:ext cx="676275" cy="771526"/>
        </a:xfrm>
        <a:custGeom>
          <a:avLst/>
          <a:gdLst/>
          <a:ahLst/>
          <a:cxnLst>
            <a:cxn ang="0">
              <a:pos x="16384" y="5866"/>
            </a:cxn>
            <a:cxn ang="0">
              <a:pos x="15230" y="4855"/>
            </a:cxn>
            <a:cxn ang="0">
              <a:pos x="13615" y="3843"/>
            </a:cxn>
            <a:cxn ang="0">
              <a:pos x="11538" y="2427"/>
            </a:cxn>
            <a:cxn ang="0">
              <a:pos x="9923" y="1416"/>
            </a:cxn>
            <a:cxn ang="0">
              <a:pos x="8307" y="607"/>
            </a:cxn>
            <a:cxn ang="0">
              <a:pos x="6923" y="202"/>
            </a:cxn>
            <a:cxn ang="0">
              <a:pos x="6461" y="202"/>
            </a:cxn>
            <a:cxn ang="0">
              <a:pos x="4384" y="0"/>
            </a:cxn>
            <a:cxn ang="0">
              <a:pos x="3692" y="405"/>
            </a:cxn>
            <a:cxn ang="0">
              <a:pos x="3923" y="1820"/>
            </a:cxn>
            <a:cxn ang="0">
              <a:pos x="2538" y="1214"/>
            </a:cxn>
            <a:cxn ang="0">
              <a:pos x="1615" y="1618"/>
            </a:cxn>
            <a:cxn ang="0">
              <a:pos x="1154" y="1416"/>
            </a:cxn>
            <a:cxn ang="0">
              <a:pos x="231" y="2427"/>
            </a:cxn>
            <a:cxn ang="0">
              <a:pos x="0" y="3843"/>
            </a:cxn>
            <a:cxn ang="0">
              <a:pos x="692" y="5259"/>
            </a:cxn>
            <a:cxn ang="0">
              <a:pos x="2308" y="6270"/>
            </a:cxn>
            <a:cxn ang="0">
              <a:pos x="4154" y="7282"/>
            </a:cxn>
            <a:cxn ang="0">
              <a:pos x="4615" y="9911"/>
            </a:cxn>
            <a:cxn ang="0">
              <a:pos x="7615" y="9911"/>
            </a:cxn>
            <a:cxn ang="0">
              <a:pos x="6461" y="11529"/>
            </a:cxn>
            <a:cxn ang="0">
              <a:pos x="6923" y="12945"/>
            </a:cxn>
            <a:cxn ang="0">
              <a:pos x="6231" y="15170"/>
            </a:cxn>
            <a:cxn ang="0">
              <a:pos x="5538" y="14766"/>
            </a:cxn>
            <a:cxn ang="0">
              <a:pos x="7615" y="16384"/>
            </a:cxn>
            <a:cxn ang="0">
              <a:pos x="9230" y="15777"/>
            </a:cxn>
            <a:cxn ang="0">
              <a:pos x="10153" y="15979"/>
            </a:cxn>
            <a:cxn ang="0">
              <a:pos x="10846" y="15575"/>
            </a:cxn>
            <a:cxn ang="0">
              <a:pos x="12692" y="15979"/>
            </a:cxn>
            <a:cxn ang="0">
              <a:pos x="12923" y="15373"/>
            </a:cxn>
            <a:cxn ang="0">
              <a:pos x="13846" y="14766"/>
            </a:cxn>
            <a:cxn ang="0">
              <a:pos x="13846" y="13957"/>
            </a:cxn>
            <a:cxn ang="0">
              <a:pos x="12692" y="12945"/>
            </a:cxn>
            <a:cxn ang="0">
              <a:pos x="12230" y="12136"/>
            </a:cxn>
            <a:cxn ang="0">
              <a:pos x="11538" y="10720"/>
            </a:cxn>
            <a:cxn ang="0">
              <a:pos x="11538" y="9102"/>
            </a:cxn>
            <a:cxn ang="0">
              <a:pos x="10615" y="8495"/>
            </a:cxn>
            <a:cxn ang="0">
              <a:pos x="11077" y="7686"/>
            </a:cxn>
            <a:cxn ang="0">
              <a:pos x="11077" y="6877"/>
            </a:cxn>
            <a:cxn ang="0">
              <a:pos x="12000" y="6068"/>
            </a:cxn>
            <a:cxn ang="0">
              <a:pos x="13153" y="6270"/>
            </a:cxn>
            <a:cxn ang="0">
              <a:pos x="13846" y="6877"/>
            </a:cxn>
            <a:cxn ang="0">
              <a:pos x="14769" y="7080"/>
            </a:cxn>
            <a:cxn ang="0">
              <a:pos x="15922" y="6675"/>
            </a:cxn>
            <a:cxn ang="0">
              <a:pos x="16384" y="5866"/>
            </a:cxn>
          </a:cxnLst>
          <a:rect l="0" t="0" r="r" b="b"/>
          <a:pathLst>
            <a:path w="16384" h="16384">
              <a:moveTo>
                <a:pt x="16384" y="5866"/>
              </a:moveTo>
              <a:lnTo>
                <a:pt x="15230" y="4855"/>
              </a:lnTo>
              <a:lnTo>
                <a:pt x="13615" y="3843"/>
              </a:lnTo>
              <a:lnTo>
                <a:pt x="11538" y="2427"/>
              </a:lnTo>
              <a:lnTo>
                <a:pt x="9923" y="1416"/>
              </a:lnTo>
              <a:lnTo>
                <a:pt x="8307" y="607"/>
              </a:lnTo>
              <a:lnTo>
                <a:pt x="6923" y="202"/>
              </a:lnTo>
              <a:lnTo>
                <a:pt x="6461" y="202"/>
              </a:lnTo>
              <a:lnTo>
                <a:pt x="4384" y="0"/>
              </a:lnTo>
              <a:lnTo>
                <a:pt x="3692" y="405"/>
              </a:lnTo>
              <a:lnTo>
                <a:pt x="3923" y="1820"/>
              </a:lnTo>
              <a:lnTo>
                <a:pt x="2538" y="1214"/>
              </a:lnTo>
              <a:lnTo>
                <a:pt x="1615" y="1618"/>
              </a:lnTo>
              <a:lnTo>
                <a:pt x="1154" y="1416"/>
              </a:lnTo>
              <a:lnTo>
                <a:pt x="231" y="2427"/>
              </a:lnTo>
              <a:lnTo>
                <a:pt x="0" y="3843"/>
              </a:lnTo>
              <a:lnTo>
                <a:pt x="692" y="5259"/>
              </a:lnTo>
              <a:lnTo>
                <a:pt x="2308" y="6270"/>
              </a:lnTo>
              <a:lnTo>
                <a:pt x="4154" y="7282"/>
              </a:lnTo>
              <a:lnTo>
                <a:pt x="4615" y="9911"/>
              </a:lnTo>
              <a:lnTo>
                <a:pt x="7615" y="9911"/>
              </a:lnTo>
              <a:lnTo>
                <a:pt x="6461" y="11529"/>
              </a:lnTo>
              <a:lnTo>
                <a:pt x="6923" y="12945"/>
              </a:lnTo>
              <a:lnTo>
                <a:pt x="6231" y="15170"/>
              </a:lnTo>
              <a:lnTo>
                <a:pt x="5538" y="14766"/>
              </a:lnTo>
              <a:lnTo>
                <a:pt x="7615" y="16384"/>
              </a:lnTo>
              <a:lnTo>
                <a:pt x="9230" y="15777"/>
              </a:lnTo>
              <a:lnTo>
                <a:pt x="10153" y="15979"/>
              </a:lnTo>
              <a:lnTo>
                <a:pt x="10846" y="15575"/>
              </a:lnTo>
              <a:lnTo>
                <a:pt x="12692" y="15979"/>
              </a:lnTo>
              <a:lnTo>
                <a:pt x="12923" y="15373"/>
              </a:lnTo>
              <a:lnTo>
                <a:pt x="13846" y="14766"/>
              </a:lnTo>
              <a:lnTo>
                <a:pt x="13846" y="13957"/>
              </a:lnTo>
              <a:lnTo>
                <a:pt x="12692" y="12945"/>
              </a:lnTo>
              <a:lnTo>
                <a:pt x="12230" y="12136"/>
              </a:lnTo>
              <a:lnTo>
                <a:pt x="11538" y="10720"/>
              </a:lnTo>
              <a:lnTo>
                <a:pt x="11538" y="9102"/>
              </a:lnTo>
              <a:lnTo>
                <a:pt x="10615" y="8495"/>
              </a:lnTo>
              <a:lnTo>
                <a:pt x="11077" y="7686"/>
              </a:lnTo>
              <a:lnTo>
                <a:pt x="11077" y="6877"/>
              </a:lnTo>
              <a:lnTo>
                <a:pt x="12000" y="6068"/>
              </a:lnTo>
              <a:lnTo>
                <a:pt x="13153" y="6270"/>
              </a:lnTo>
              <a:lnTo>
                <a:pt x="13846" y="6877"/>
              </a:lnTo>
              <a:lnTo>
                <a:pt x="14769" y="7080"/>
              </a:lnTo>
              <a:lnTo>
                <a:pt x="15922" y="6675"/>
              </a:lnTo>
              <a:lnTo>
                <a:pt x="16384" y="5866"/>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2</xdr:col>
      <xdr:colOff>57150</xdr:colOff>
      <xdr:row>4</xdr:row>
      <xdr:rowOff>0</xdr:rowOff>
    </xdr:from>
    <xdr:to>
      <xdr:col>13</xdr:col>
      <xdr:colOff>457200</xdr:colOff>
      <xdr:row>8</xdr:row>
      <xdr:rowOff>19050</xdr:rowOff>
    </xdr:to>
    <xdr:sp macro="" textlink="">
      <xdr:nvSpPr>
        <xdr:cNvPr id="160" name="d14135">
          <a:extLst>
            <a:ext uri="{FF2B5EF4-FFF2-40B4-BE49-F238E27FC236}">
              <a16:creationId xmlns:a16="http://schemas.microsoft.com/office/drawing/2014/main" id="{00000000-0008-0000-0000-0000A0000000}"/>
            </a:ext>
          </a:extLst>
        </xdr:cNvPr>
        <xdr:cNvSpPr>
          <a:spLocks/>
        </xdr:cNvSpPr>
      </xdr:nvSpPr>
      <xdr:spPr bwMode="auto">
        <a:xfrm>
          <a:off x="7372350" y="609600"/>
          <a:ext cx="1009650" cy="628650"/>
        </a:xfrm>
        <a:custGeom>
          <a:avLst/>
          <a:gdLst/>
          <a:ahLst/>
          <a:cxnLst>
            <a:cxn ang="0">
              <a:pos x="13602" y="12660"/>
            </a:cxn>
            <a:cxn ang="0">
              <a:pos x="14220" y="11419"/>
            </a:cxn>
            <a:cxn ang="0">
              <a:pos x="14529" y="11667"/>
            </a:cxn>
            <a:cxn ang="0">
              <a:pos x="15147" y="11171"/>
            </a:cxn>
            <a:cxn ang="0">
              <a:pos x="16075" y="11916"/>
            </a:cxn>
            <a:cxn ang="0">
              <a:pos x="15920" y="10178"/>
            </a:cxn>
            <a:cxn ang="0">
              <a:pos x="16384" y="9681"/>
            </a:cxn>
            <a:cxn ang="0">
              <a:pos x="14838" y="8937"/>
            </a:cxn>
            <a:cxn ang="0">
              <a:pos x="13447" y="8440"/>
            </a:cxn>
            <a:cxn ang="0">
              <a:pos x="12829" y="7447"/>
            </a:cxn>
            <a:cxn ang="0">
              <a:pos x="11592" y="7199"/>
            </a:cxn>
            <a:cxn ang="0">
              <a:pos x="10201" y="5958"/>
            </a:cxn>
            <a:cxn ang="0">
              <a:pos x="9429" y="3475"/>
            </a:cxn>
            <a:cxn ang="0">
              <a:pos x="8965" y="2731"/>
            </a:cxn>
            <a:cxn ang="0">
              <a:pos x="7728" y="2731"/>
            </a:cxn>
            <a:cxn ang="0">
              <a:pos x="6646" y="2731"/>
            </a:cxn>
            <a:cxn ang="0">
              <a:pos x="4946" y="1241"/>
            </a:cxn>
            <a:cxn ang="0">
              <a:pos x="3555" y="496"/>
            </a:cxn>
            <a:cxn ang="0">
              <a:pos x="2009" y="0"/>
            </a:cxn>
            <a:cxn ang="0">
              <a:pos x="1700" y="993"/>
            </a:cxn>
            <a:cxn ang="0">
              <a:pos x="1391" y="1738"/>
            </a:cxn>
            <a:cxn ang="0">
              <a:pos x="1700" y="3475"/>
            </a:cxn>
            <a:cxn ang="0">
              <a:pos x="773" y="3972"/>
            </a:cxn>
            <a:cxn ang="0">
              <a:pos x="309" y="4717"/>
            </a:cxn>
            <a:cxn ang="0">
              <a:pos x="0" y="5958"/>
            </a:cxn>
            <a:cxn ang="0">
              <a:pos x="1082" y="7447"/>
            </a:cxn>
            <a:cxn ang="0">
              <a:pos x="2009" y="7447"/>
            </a:cxn>
            <a:cxn ang="0">
              <a:pos x="2628" y="8440"/>
            </a:cxn>
            <a:cxn ang="0">
              <a:pos x="2009" y="10426"/>
            </a:cxn>
            <a:cxn ang="0">
              <a:pos x="1855" y="13157"/>
            </a:cxn>
            <a:cxn ang="0">
              <a:pos x="2628" y="12909"/>
            </a:cxn>
            <a:cxn ang="0">
              <a:pos x="2628" y="14398"/>
            </a:cxn>
            <a:cxn ang="0">
              <a:pos x="1855" y="15391"/>
            </a:cxn>
            <a:cxn ang="0">
              <a:pos x="3091" y="16384"/>
            </a:cxn>
            <a:cxn ang="0">
              <a:pos x="3864" y="15888"/>
            </a:cxn>
            <a:cxn ang="0">
              <a:pos x="4946" y="15143"/>
            </a:cxn>
            <a:cxn ang="0">
              <a:pos x="5719" y="14895"/>
            </a:cxn>
            <a:cxn ang="0">
              <a:pos x="6646" y="15143"/>
            </a:cxn>
            <a:cxn ang="0">
              <a:pos x="6646" y="14398"/>
            </a:cxn>
            <a:cxn ang="0">
              <a:pos x="7419" y="13653"/>
            </a:cxn>
            <a:cxn ang="0">
              <a:pos x="8192" y="13157"/>
            </a:cxn>
            <a:cxn ang="0">
              <a:pos x="8501" y="14150"/>
            </a:cxn>
            <a:cxn ang="0">
              <a:pos x="9429" y="13902"/>
            </a:cxn>
            <a:cxn ang="0">
              <a:pos x="9429" y="13405"/>
            </a:cxn>
            <a:cxn ang="0">
              <a:pos x="9429" y="12660"/>
            </a:cxn>
            <a:cxn ang="0">
              <a:pos x="9892" y="11916"/>
            </a:cxn>
            <a:cxn ang="0">
              <a:pos x="10665" y="11667"/>
            </a:cxn>
            <a:cxn ang="0">
              <a:pos x="11592" y="11171"/>
            </a:cxn>
            <a:cxn ang="0">
              <a:pos x="12211" y="11171"/>
            </a:cxn>
            <a:cxn ang="0">
              <a:pos x="12984" y="11171"/>
            </a:cxn>
            <a:cxn ang="0">
              <a:pos x="13602" y="12660"/>
            </a:cxn>
          </a:cxnLst>
          <a:rect l="0" t="0" r="r" b="b"/>
          <a:pathLst>
            <a:path w="16384" h="16384">
              <a:moveTo>
                <a:pt x="13602" y="12660"/>
              </a:moveTo>
              <a:lnTo>
                <a:pt x="14220" y="11419"/>
              </a:lnTo>
              <a:lnTo>
                <a:pt x="14529" y="11667"/>
              </a:lnTo>
              <a:lnTo>
                <a:pt x="15147" y="11171"/>
              </a:lnTo>
              <a:lnTo>
                <a:pt x="16075" y="11916"/>
              </a:lnTo>
              <a:lnTo>
                <a:pt x="15920" y="10178"/>
              </a:lnTo>
              <a:lnTo>
                <a:pt x="16384" y="9681"/>
              </a:lnTo>
              <a:lnTo>
                <a:pt x="14838" y="8937"/>
              </a:lnTo>
              <a:lnTo>
                <a:pt x="13447" y="8440"/>
              </a:lnTo>
              <a:lnTo>
                <a:pt x="12829" y="7447"/>
              </a:lnTo>
              <a:lnTo>
                <a:pt x="11592" y="7199"/>
              </a:lnTo>
              <a:lnTo>
                <a:pt x="10201" y="5958"/>
              </a:lnTo>
              <a:lnTo>
                <a:pt x="9429" y="3475"/>
              </a:lnTo>
              <a:lnTo>
                <a:pt x="8965" y="2731"/>
              </a:lnTo>
              <a:lnTo>
                <a:pt x="7728" y="2731"/>
              </a:lnTo>
              <a:lnTo>
                <a:pt x="6646" y="2731"/>
              </a:lnTo>
              <a:lnTo>
                <a:pt x="4946" y="1241"/>
              </a:lnTo>
              <a:lnTo>
                <a:pt x="3555" y="496"/>
              </a:lnTo>
              <a:lnTo>
                <a:pt x="2009" y="0"/>
              </a:lnTo>
              <a:lnTo>
                <a:pt x="1700" y="993"/>
              </a:lnTo>
              <a:lnTo>
                <a:pt x="1391" y="1738"/>
              </a:lnTo>
              <a:lnTo>
                <a:pt x="1700" y="3475"/>
              </a:lnTo>
              <a:lnTo>
                <a:pt x="773" y="3972"/>
              </a:lnTo>
              <a:lnTo>
                <a:pt x="309" y="4717"/>
              </a:lnTo>
              <a:lnTo>
                <a:pt x="0" y="5958"/>
              </a:lnTo>
              <a:lnTo>
                <a:pt x="1082" y="7447"/>
              </a:lnTo>
              <a:lnTo>
                <a:pt x="2009" y="7447"/>
              </a:lnTo>
              <a:lnTo>
                <a:pt x="2628" y="8440"/>
              </a:lnTo>
              <a:lnTo>
                <a:pt x="2009" y="10426"/>
              </a:lnTo>
              <a:lnTo>
                <a:pt x="1855" y="13157"/>
              </a:lnTo>
              <a:lnTo>
                <a:pt x="2628" y="12909"/>
              </a:lnTo>
              <a:lnTo>
                <a:pt x="2628" y="14398"/>
              </a:lnTo>
              <a:lnTo>
                <a:pt x="1855" y="15391"/>
              </a:lnTo>
              <a:lnTo>
                <a:pt x="3091" y="16384"/>
              </a:lnTo>
              <a:lnTo>
                <a:pt x="3864" y="15888"/>
              </a:lnTo>
              <a:lnTo>
                <a:pt x="4946" y="15143"/>
              </a:lnTo>
              <a:lnTo>
                <a:pt x="5719" y="14895"/>
              </a:lnTo>
              <a:lnTo>
                <a:pt x="6646" y="15143"/>
              </a:lnTo>
              <a:lnTo>
                <a:pt x="6646" y="14398"/>
              </a:lnTo>
              <a:lnTo>
                <a:pt x="7419" y="13653"/>
              </a:lnTo>
              <a:lnTo>
                <a:pt x="8192" y="13157"/>
              </a:lnTo>
              <a:lnTo>
                <a:pt x="8501" y="14150"/>
              </a:lnTo>
              <a:lnTo>
                <a:pt x="9429" y="13902"/>
              </a:lnTo>
              <a:lnTo>
                <a:pt x="9429" y="13405"/>
              </a:lnTo>
              <a:lnTo>
                <a:pt x="9429" y="12660"/>
              </a:lnTo>
              <a:lnTo>
                <a:pt x="9892" y="11916"/>
              </a:lnTo>
              <a:lnTo>
                <a:pt x="10665" y="11667"/>
              </a:lnTo>
              <a:lnTo>
                <a:pt x="11592" y="11171"/>
              </a:lnTo>
              <a:lnTo>
                <a:pt x="12211" y="11171"/>
              </a:lnTo>
              <a:lnTo>
                <a:pt x="12984" y="11171"/>
              </a:lnTo>
              <a:lnTo>
                <a:pt x="13602" y="12660"/>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2</xdr:col>
      <xdr:colOff>142875</xdr:colOff>
      <xdr:row>6</xdr:row>
      <xdr:rowOff>123825</xdr:rowOff>
    </xdr:from>
    <xdr:to>
      <xdr:col>13</xdr:col>
      <xdr:colOff>590550</xdr:colOff>
      <xdr:row>11</xdr:row>
      <xdr:rowOff>19051</xdr:rowOff>
    </xdr:to>
    <xdr:sp macro="" textlink="">
      <xdr:nvSpPr>
        <xdr:cNvPr id="161" name="d14136">
          <a:extLst>
            <a:ext uri="{FF2B5EF4-FFF2-40B4-BE49-F238E27FC236}">
              <a16:creationId xmlns:a16="http://schemas.microsoft.com/office/drawing/2014/main" id="{00000000-0008-0000-0000-0000A1000000}"/>
            </a:ext>
          </a:extLst>
        </xdr:cNvPr>
        <xdr:cNvSpPr>
          <a:spLocks/>
        </xdr:cNvSpPr>
      </xdr:nvSpPr>
      <xdr:spPr bwMode="auto">
        <a:xfrm>
          <a:off x="7458075" y="1038225"/>
          <a:ext cx="1057275" cy="657226"/>
        </a:xfrm>
        <a:custGeom>
          <a:avLst/>
          <a:gdLst/>
          <a:ahLst/>
          <a:cxnLst>
            <a:cxn ang="0">
              <a:pos x="15498" y="16384"/>
            </a:cxn>
            <a:cxn ang="0">
              <a:pos x="15941" y="13772"/>
            </a:cxn>
            <a:cxn ang="0">
              <a:pos x="15646" y="12110"/>
            </a:cxn>
            <a:cxn ang="0">
              <a:pos x="16384" y="10210"/>
            </a:cxn>
            <a:cxn ang="0">
              <a:pos x="14465" y="10210"/>
            </a:cxn>
            <a:cxn ang="0">
              <a:pos x="14170" y="7123"/>
            </a:cxn>
            <a:cxn ang="0">
              <a:pos x="12989" y="5936"/>
            </a:cxn>
            <a:cxn ang="0">
              <a:pos x="11956" y="4749"/>
            </a:cxn>
            <a:cxn ang="0">
              <a:pos x="11513" y="3087"/>
            </a:cxn>
            <a:cxn ang="0">
              <a:pos x="11661" y="1425"/>
            </a:cxn>
            <a:cxn ang="0">
              <a:pos x="11070" y="0"/>
            </a:cxn>
            <a:cxn ang="0">
              <a:pos x="10332" y="0"/>
            </a:cxn>
            <a:cxn ang="0">
              <a:pos x="9742" y="0"/>
            </a:cxn>
            <a:cxn ang="0">
              <a:pos x="8856" y="475"/>
            </a:cxn>
            <a:cxn ang="0">
              <a:pos x="8118" y="712"/>
            </a:cxn>
            <a:cxn ang="0">
              <a:pos x="7675" y="1425"/>
            </a:cxn>
            <a:cxn ang="0">
              <a:pos x="7675" y="2137"/>
            </a:cxn>
            <a:cxn ang="0">
              <a:pos x="7675" y="2612"/>
            </a:cxn>
            <a:cxn ang="0">
              <a:pos x="6790" y="2849"/>
            </a:cxn>
            <a:cxn ang="0">
              <a:pos x="6495" y="1900"/>
            </a:cxn>
            <a:cxn ang="0">
              <a:pos x="5757" y="2374"/>
            </a:cxn>
            <a:cxn ang="0">
              <a:pos x="5019" y="3087"/>
            </a:cxn>
            <a:cxn ang="0">
              <a:pos x="5019" y="3799"/>
            </a:cxn>
            <a:cxn ang="0">
              <a:pos x="4133" y="3562"/>
            </a:cxn>
            <a:cxn ang="0">
              <a:pos x="3395" y="3799"/>
            </a:cxn>
            <a:cxn ang="0">
              <a:pos x="2362" y="4512"/>
            </a:cxn>
            <a:cxn ang="0">
              <a:pos x="1624" y="4986"/>
            </a:cxn>
            <a:cxn ang="0">
              <a:pos x="738" y="5461"/>
            </a:cxn>
            <a:cxn ang="0">
              <a:pos x="148" y="5936"/>
            </a:cxn>
            <a:cxn ang="0">
              <a:pos x="0" y="6411"/>
            </a:cxn>
            <a:cxn ang="0">
              <a:pos x="738" y="6174"/>
            </a:cxn>
            <a:cxn ang="0">
              <a:pos x="1771" y="6649"/>
            </a:cxn>
            <a:cxn ang="0">
              <a:pos x="2657" y="6649"/>
            </a:cxn>
            <a:cxn ang="0">
              <a:pos x="3690" y="7361"/>
            </a:cxn>
            <a:cxn ang="0">
              <a:pos x="4871" y="8073"/>
            </a:cxn>
            <a:cxn ang="0">
              <a:pos x="5904" y="8311"/>
            </a:cxn>
            <a:cxn ang="0">
              <a:pos x="6052" y="9261"/>
            </a:cxn>
            <a:cxn ang="0">
              <a:pos x="6937" y="9973"/>
            </a:cxn>
            <a:cxn ang="0">
              <a:pos x="7528" y="11872"/>
            </a:cxn>
            <a:cxn ang="0">
              <a:pos x="7971" y="13772"/>
            </a:cxn>
            <a:cxn ang="0">
              <a:pos x="8856" y="14010"/>
            </a:cxn>
            <a:cxn ang="0">
              <a:pos x="9447" y="14722"/>
            </a:cxn>
            <a:cxn ang="0">
              <a:pos x="10775" y="14722"/>
            </a:cxn>
            <a:cxn ang="0">
              <a:pos x="11218" y="14959"/>
            </a:cxn>
            <a:cxn ang="0">
              <a:pos x="12251" y="15434"/>
            </a:cxn>
            <a:cxn ang="0">
              <a:pos x="12989" y="15434"/>
            </a:cxn>
            <a:cxn ang="0">
              <a:pos x="13432" y="15197"/>
            </a:cxn>
            <a:cxn ang="0">
              <a:pos x="14318" y="16384"/>
            </a:cxn>
            <a:cxn ang="0">
              <a:pos x="15498" y="16384"/>
            </a:cxn>
          </a:cxnLst>
          <a:rect l="0" t="0" r="r" b="b"/>
          <a:pathLst>
            <a:path w="16384" h="16384">
              <a:moveTo>
                <a:pt x="15498" y="16384"/>
              </a:moveTo>
              <a:lnTo>
                <a:pt x="15941" y="13772"/>
              </a:lnTo>
              <a:lnTo>
                <a:pt x="15646" y="12110"/>
              </a:lnTo>
              <a:lnTo>
                <a:pt x="16384" y="10210"/>
              </a:lnTo>
              <a:lnTo>
                <a:pt x="14465" y="10210"/>
              </a:lnTo>
              <a:lnTo>
                <a:pt x="14170" y="7123"/>
              </a:lnTo>
              <a:lnTo>
                <a:pt x="12989" y="5936"/>
              </a:lnTo>
              <a:lnTo>
                <a:pt x="11956" y="4749"/>
              </a:lnTo>
              <a:lnTo>
                <a:pt x="11513" y="3087"/>
              </a:lnTo>
              <a:lnTo>
                <a:pt x="11661" y="1425"/>
              </a:lnTo>
              <a:lnTo>
                <a:pt x="11070" y="0"/>
              </a:lnTo>
              <a:lnTo>
                <a:pt x="10332" y="0"/>
              </a:lnTo>
              <a:lnTo>
                <a:pt x="9742" y="0"/>
              </a:lnTo>
              <a:lnTo>
                <a:pt x="8856" y="475"/>
              </a:lnTo>
              <a:lnTo>
                <a:pt x="8118" y="712"/>
              </a:lnTo>
              <a:lnTo>
                <a:pt x="7675" y="1425"/>
              </a:lnTo>
              <a:lnTo>
                <a:pt x="7675" y="2137"/>
              </a:lnTo>
              <a:lnTo>
                <a:pt x="7675" y="2612"/>
              </a:lnTo>
              <a:lnTo>
                <a:pt x="6790" y="2849"/>
              </a:lnTo>
              <a:lnTo>
                <a:pt x="6495" y="1900"/>
              </a:lnTo>
              <a:lnTo>
                <a:pt x="5757" y="2374"/>
              </a:lnTo>
              <a:lnTo>
                <a:pt x="5019" y="3087"/>
              </a:lnTo>
              <a:lnTo>
                <a:pt x="5019" y="3799"/>
              </a:lnTo>
              <a:lnTo>
                <a:pt x="4133" y="3562"/>
              </a:lnTo>
              <a:lnTo>
                <a:pt x="3395" y="3799"/>
              </a:lnTo>
              <a:lnTo>
                <a:pt x="2362" y="4512"/>
              </a:lnTo>
              <a:lnTo>
                <a:pt x="1624" y="4986"/>
              </a:lnTo>
              <a:lnTo>
                <a:pt x="738" y="5461"/>
              </a:lnTo>
              <a:lnTo>
                <a:pt x="148" y="5936"/>
              </a:lnTo>
              <a:lnTo>
                <a:pt x="0" y="6411"/>
              </a:lnTo>
              <a:lnTo>
                <a:pt x="738" y="6174"/>
              </a:lnTo>
              <a:lnTo>
                <a:pt x="1771" y="6649"/>
              </a:lnTo>
              <a:lnTo>
                <a:pt x="2657" y="6649"/>
              </a:lnTo>
              <a:lnTo>
                <a:pt x="3690" y="7361"/>
              </a:lnTo>
              <a:lnTo>
                <a:pt x="4871" y="8073"/>
              </a:lnTo>
              <a:lnTo>
                <a:pt x="5904" y="8311"/>
              </a:lnTo>
              <a:lnTo>
                <a:pt x="6052" y="9261"/>
              </a:lnTo>
              <a:lnTo>
                <a:pt x="6937" y="9973"/>
              </a:lnTo>
              <a:lnTo>
                <a:pt x="7528" y="11872"/>
              </a:lnTo>
              <a:lnTo>
                <a:pt x="7971" y="13772"/>
              </a:lnTo>
              <a:lnTo>
                <a:pt x="8856" y="14010"/>
              </a:lnTo>
              <a:lnTo>
                <a:pt x="9447" y="14722"/>
              </a:lnTo>
              <a:lnTo>
                <a:pt x="10775" y="14722"/>
              </a:lnTo>
              <a:lnTo>
                <a:pt x="11218" y="14959"/>
              </a:lnTo>
              <a:lnTo>
                <a:pt x="12251" y="15434"/>
              </a:lnTo>
              <a:lnTo>
                <a:pt x="12989" y="15434"/>
              </a:lnTo>
              <a:lnTo>
                <a:pt x="13432" y="15197"/>
              </a:lnTo>
              <a:lnTo>
                <a:pt x="14318" y="16384"/>
              </a:lnTo>
              <a:lnTo>
                <a:pt x="15498" y="16384"/>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0</xdr:col>
      <xdr:colOff>533400</xdr:colOff>
      <xdr:row>5</xdr:row>
      <xdr:rowOff>76200</xdr:rowOff>
    </xdr:from>
    <xdr:to>
      <xdr:col>12</xdr:col>
      <xdr:colOff>247650</xdr:colOff>
      <xdr:row>10</xdr:row>
      <xdr:rowOff>123825</xdr:rowOff>
    </xdr:to>
    <xdr:sp macro="" textlink="">
      <xdr:nvSpPr>
        <xdr:cNvPr id="162" name="d14137">
          <a:extLst>
            <a:ext uri="{FF2B5EF4-FFF2-40B4-BE49-F238E27FC236}">
              <a16:creationId xmlns:a16="http://schemas.microsoft.com/office/drawing/2014/main" id="{00000000-0008-0000-0000-0000A2000000}"/>
            </a:ext>
          </a:extLst>
        </xdr:cNvPr>
        <xdr:cNvSpPr>
          <a:spLocks/>
        </xdr:cNvSpPr>
      </xdr:nvSpPr>
      <xdr:spPr bwMode="auto">
        <a:xfrm>
          <a:off x="6629400" y="838200"/>
          <a:ext cx="933450" cy="809625"/>
        </a:xfrm>
        <a:custGeom>
          <a:avLst/>
          <a:gdLst/>
          <a:ahLst/>
          <a:cxnLst>
            <a:cxn ang="0">
              <a:pos x="15047" y="7325"/>
            </a:cxn>
            <a:cxn ang="0">
              <a:pos x="15882" y="5397"/>
            </a:cxn>
            <a:cxn ang="0">
              <a:pos x="15214" y="3470"/>
            </a:cxn>
            <a:cxn ang="0">
              <a:pos x="15214" y="1157"/>
            </a:cxn>
            <a:cxn ang="0">
              <a:pos x="13040" y="0"/>
            </a:cxn>
            <a:cxn ang="0">
              <a:pos x="11201" y="578"/>
            </a:cxn>
            <a:cxn ang="0">
              <a:pos x="10365" y="1928"/>
            </a:cxn>
            <a:cxn ang="0">
              <a:pos x="9195" y="2506"/>
            </a:cxn>
            <a:cxn ang="0">
              <a:pos x="9529" y="4241"/>
            </a:cxn>
            <a:cxn ang="0">
              <a:pos x="10031" y="5590"/>
            </a:cxn>
            <a:cxn ang="0">
              <a:pos x="8359" y="5783"/>
            </a:cxn>
            <a:cxn ang="0">
              <a:pos x="6855" y="4626"/>
            </a:cxn>
            <a:cxn ang="0">
              <a:pos x="5517" y="3470"/>
            </a:cxn>
            <a:cxn ang="0">
              <a:pos x="5517" y="1542"/>
            </a:cxn>
            <a:cxn ang="0">
              <a:pos x="3511" y="1349"/>
            </a:cxn>
            <a:cxn ang="0">
              <a:pos x="2508" y="0"/>
            </a:cxn>
            <a:cxn ang="0">
              <a:pos x="1505" y="1928"/>
            </a:cxn>
            <a:cxn ang="0">
              <a:pos x="669" y="2699"/>
            </a:cxn>
            <a:cxn ang="0">
              <a:pos x="0" y="3855"/>
            </a:cxn>
            <a:cxn ang="0">
              <a:pos x="669" y="5975"/>
            </a:cxn>
            <a:cxn ang="0">
              <a:pos x="3009" y="4433"/>
            </a:cxn>
            <a:cxn ang="0">
              <a:pos x="3344" y="5397"/>
            </a:cxn>
            <a:cxn ang="0">
              <a:pos x="5016" y="7325"/>
            </a:cxn>
            <a:cxn ang="0">
              <a:pos x="6019" y="8481"/>
            </a:cxn>
            <a:cxn ang="0">
              <a:pos x="6520" y="9059"/>
            </a:cxn>
            <a:cxn ang="0">
              <a:pos x="7356" y="9445"/>
            </a:cxn>
            <a:cxn ang="0">
              <a:pos x="8861" y="10409"/>
            </a:cxn>
            <a:cxn ang="0">
              <a:pos x="9697" y="12336"/>
            </a:cxn>
            <a:cxn ang="0">
              <a:pos x="11703" y="14649"/>
            </a:cxn>
            <a:cxn ang="0">
              <a:pos x="12037" y="15420"/>
            </a:cxn>
            <a:cxn ang="0">
              <a:pos x="12372" y="16384"/>
            </a:cxn>
            <a:cxn ang="0">
              <a:pos x="13542" y="15613"/>
            </a:cxn>
            <a:cxn ang="0">
              <a:pos x="15381" y="14071"/>
            </a:cxn>
            <a:cxn ang="0">
              <a:pos x="15381" y="13685"/>
            </a:cxn>
            <a:cxn ang="0">
              <a:pos x="14545" y="12529"/>
            </a:cxn>
            <a:cxn ang="0">
              <a:pos x="15715" y="12143"/>
            </a:cxn>
            <a:cxn ang="0">
              <a:pos x="15381" y="10601"/>
            </a:cxn>
            <a:cxn ang="0">
              <a:pos x="15381" y="9059"/>
            </a:cxn>
            <a:cxn ang="0">
              <a:pos x="14712" y="8867"/>
            </a:cxn>
            <a:cxn ang="0">
              <a:pos x="16384" y="8096"/>
            </a:cxn>
          </a:cxnLst>
          <a:rect l="0" t="0" r="r" b="b"/>
          <a:pathLst>
            <a:path w="16384" h="16384">
              <a:moveTo>
                <a:pt x="16384" y="8096"/>
              </a:moveTo>
              <a:lnTo>
                <a:pt x="15047" y="7325"/>
              </a:lnTo>
              <a:lnTo>
                <a:pt x="15882" y="6554"/>
              </a:lnTo>
              <a:lnTo>
                <a:pt x="15882" y="5397"/>
              </a:lnTo>
              <a:lnTo>
                <a:pt x="15047" y="5590"/>
              </a:lnTo>
              <a:lnTo>
                <a:pt x="15214" y="3470"/>
              </a:lnTo>
              <a:lnTo>
                <a:pt x="15882" y="1928"/>
              </a:lnTo>
              <a:lnTo>
                <a:pt x="15214" y="1157"/>
              </a:lnTo>
              <a:lnTo>
                <a:pt x="14211" y="1157"/>
              </a:lnTo>
              <a:lnTo>
                <a:pt x="13040" y="0"/>
              </a:lnTo>
              <a:lnTo>
                <a:pt x="12539" y="193"/>
              </a:lnTo>
              <a:lnTo>
                <a:pt x="11201" y="578"/>
              </a:lnTo>
              <a:lnTo>
                <a:pt x="10700" y="1157"/>
              </a:lnTo>
              <a:lnTo>
                <a:pt x="10365" y="1928"/>
              </a:lnTo>
              <a:lnTo>
                <a:pt x="9362" y="2120"/>
              </a:lnTo>
              <a:lnTo>
                <a:pt x="9195" y="2506"/>
              </a:lnTo>
              <a:lnTo>
                <a:pt x="9195" y="3470"/>
              </a:lnTo>
              <a:lnTo>
                <a:pt x="9529" y="4241"/>
              </a:lnTo>
              <a:lnTo>
                <a:pt x="10031" y="5204"/>
              </a:lnTo>
              <a:lnTo>
                <a:pt x="10031" y="5590"/>
              </a:lnTo>
              <a:lnTo>
                <a:pt x="9195" y="5590"/>
              </a:lnTo>
              <a:lnTo>
                <a:pt x="8359" y="5783"/>
              </a:lnTo>
              <a:lnTo>
                <a:pt x="7523" y="4819"/>
              </a:lnTo>
              <a:lnTo>
                <a:pt x="6855" y="4626"/>
              </a:lnTo>
              <a:lnTo>
                <a:pt x="6353" y="3662"/>
              </a:lnTo>
              <a:lnTo>
                <a:pt x="5517" y="3470"/>
              </a:lnTo>
              <a:lnTo>
                <a:pt x="5851" y="2313"/>
              </a:lnTo>
              <a:lnTo>
                <a:pt x="5517" y="1542"/>
              </a:lnTo>
              <a:lnTo>
                <a:pt x="4347" y="1542"/>
              </a:lnTo>
              <a:lnTo>
                <a:pt x="3511" y="1349"/>
              </a:lnTo>
              <a:lnTo>
                <a:pt x="3344" y="193"/>
              </a:lnTo>
              <a:lnTo>
                <a:pt x="2508" y="0"/>
              </a:lnTo>
              <a:lnTo>
                <a:pt x="2173" y="1157"/>
              </a:lnTo>
              <a:lnTo>
                <a:pt x="1505" y="1928"/>
              </a:lnTo>
              <a:lnTo>
                <a:pt x="836" y="2120"/>
              </a:lnTo>
              <a:lnTo>
                <a:pt x="669" y="2699"/>
              </a:lnTo>
              <a:lnTo>
                <a:pt x="167" y="3470"/>
              </a:lnTo>
              <a:lnTo>
                <a:pt x="0" y="3855"/>
              </a:lnTo>
              <a:lnTo>
                <a:pt x="669" y="4626"/>
              </a:lnTo>
              <a:lnTo>
                <a:pt x="669" y="5975"/>
              </a:lnTo>
              <a:lnTo>
                <a:pt x="1170" y="5783"/>
              </a:lnTo>
              <a:lnTo>
                <a:pt x="3009" y="4433"/>
              </a:lnTo>
              <a:lnTo>
                <a:pt x="3511" y="4626"/>
              </a:lnTo>
              <a:lnTo>
                <a:pt x="3344" y="5397"/>
              </a:lnTo>
              <a:lnTo>
                <a:pt x="3845" y="5783"/>
              </a:lnTo>
              <a:lnTo>
                <a:pt x="5016" y="7325"/>
              </a:lnTo>
              <a:lnTo>
                <a:pt x="5851" y="7325"/>
              </a:lnTo>
              <a:lnTo>
                <a:pt x="6019" y="8481"/>
              </a:lnTo>
              <a:lnTo>
                <a:pt x="6520" y="8674"/>
              </a:lnTo>
              <a:lnTo>
                <a:pt x="6520" y="9059"/>
              </a:lnTo>
              <a:lnTo>
                <a:pt x="7022" y="9059"/>
              </a:lnTo>
              <a:lnTo>
                <a:pt x="7356" y="9445"/>
              </a:lnTo>
              <a:lnTo>
                <a:pt x="8192" y="10216"/>
              </a:lnTo>
              <a:lnTo>
                <a:pt x="8861" y="10409"/>
              </a:lnTo>
              <a:lnTo>
                <a:pt x="9195" y="11758"/>
              </a:lnTo>
              <a:lnTo>
                <a:pt x="9697" y="12336"/>
              </a:lnTo>
              <a:lnTo>
                <a:pt x="11368" y="14456"/>
              </a:lnTo>
              <a:lnTo>
                <a:pt x="11703" y="14649"/>
              </a:lnTo>
              <a:lnTo>
                <a:pt x="11870" y="15227"/>
              </a:lnTo>
              <a:lnTo>
                <a:pt x="12037" y="15420"/>
              </a:lnTo>
              <a:lnTo>
                <a:pt x="12372" y="15806"/>
              </a:lnTo>
              <a:lnTo>
                <a:pt x="12372" y="16384"/>
              </a:lnTo>
              <a:lnTo>
                <a:pt x="12539" y="16384"/>
              </a:lnTo>
              <a:lnTo>
                <a:pt x="13542" y="15613"/>
              </a:lnTo>
              <a:lnTo>
                <a:pt x="14211" y="15613"/>
              </a:lnTo>
              <a:lnTo>
                <a:pt x="15381" y="14071"/>
              </a:lnTo>
              <a:lnTo>
                <a:pt x="15047" y="13878"/>
              </a:lnTo>
              <a:lnTo>
                <a:pt x="15381" y="13685"/>
              </a:lnTo>
              <a:lnTo>
                <a:pt x="14879" y="12914"/>
              </a:lnTo>
              <a:lnTo>
                <a:pt x="14545" y="12529"/>
              </a:lnTo>
              <a:lnTo>
                <a:pt x="15548" y="12529"/>
              </a:lnTo>
              <a:lnTo>
                <a:pt x="15715" y="12143"/>
              </a:lnTo>
              <a:lnTo>
                <a:pt x="15715" y="11565"/>
              </a:lnTo>
              <a:lnTo>
                <a:pt x="15381" y="10601"/>
              </a:lnTo>
              <a:lnTo>
                <a:pt x="15548" y="10216"/>
              </a:lnTo>
              <a:lnTo>
                <a:pt x="15381" y="9059"/>
              </a:lnTo>
              <a:lnTo>
                <a:pt x="14545" y="9252"/>
              </a:lnTo>
              <a:lnTo>
                <a:pt x="14712" y="8867"/>
              </a:lnTo>
              <a:lnTo>
                <a:pt x="15381" y="8481"/>
              </a:lnTo>
              <a:lnTo>
                <a:pt x="16384" y="8096"/>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3</xdr:col>
      <xdr:colOff>171450</xdr:colOff>
      <xdr:row>32</xdr:row>
      <xdr:rowOff>28575</xdr:rowOff>
    </xdr:from>
    <xdr:to>
      <xdr:col>16</xdr:col>
      <xdr:colOff>257175</xdr:colOff>
      <xdr:row>44</xdr:row>
      <xdr:rowOff>133351</xdr:rowOff>
    </xdr:to>
    <xdr:sp macro="" textlink="">
      <xdr:nvSpPr>
        <xdr:cNvPr id="164" name="d14201">
          <a:extLst>
            <a:ext uri="{FF2B5EF4-FFF2-40B4-BE49-F238E27FC236}">
              <a16:creationId xmlns:a16="http://schemas.microsoft.com/office/drawing/2014/main" id="{00000000-0008-0000-0000-0000A4000000}"/>
            </a:ext>
          </a:extLst>
        </xdr:cNvPr>
        <xdr:cNvSpPr>
          <a:spLocks/>
        </xdr:cNvSpPr>
      </xdr:nvSpPr>
      <xdr:spPr bwMode="auto">
        <a:xfrm>
          <a:off x="8096250" y="4905375"/>
          <a:ext cx="1914525" cy="1933576"/>
        </a:xfrm>
        <a:custGeom>
          <a:avLst/>
          <a:gdLst/>
          <a:ahLst/>
          <a:cxnLst>
            <a:cxn ang="0">
              <a:pos x="4809" y="807"/>
            </a:cxn>
            <a:cxn ang="0">
              <a:pos x="3342" y="1614"/>
            </a:cxn>
            <a:cxn ang="0">
              <a:pos x="3342" y="2502"/>
            </a:cxn>
            <a:cxn ang="0">
              <a:pos x="4157" y="4197"/>
            </a:cxn>
            <a:cxn ang="0">
              <a:pos x="4076" y="5730"/>
            </a:cxn>
            <a:cxn ang="0">
              <a:pos x="5461" y="6618"/>
            </a:cxn>
            <a:cxn ang="0">
              <a:pos x="5787" y="6941"/>
            </a:cxn>
            <a:cxn ang="0">
              <a:pos x="5543" y="8071"/>
            </a:cxn>
            <a:cxn ang="0">
              <a:pos x="4646" y="8717"/>
            </a:cxn>
            <a:cxn ang="0">
              <a:pos x="3913" y="7990"/>
            </a:cxn>
            <a:cxn ang="0">
              <a:pos x="3016" y="8394"/>
            </a:cxn>
            <a:cxn ang="0">
              <a:pos x="2038" y="8636"/>
            </a:cxn>
            <a:cxn ang="0">
              <a:pos x="0" y="9039"/>
            </a:cxn>
            <a:cxn ang="0">
              <a:pos x="1141" y="9927"/>
            </a:cxn>
            <a:cxn ang="0">
              <a:pos x="2038" y="10976"/>
            </a:cxn>
            <a:cxn ang="0">
              <a:pos x="2201" y="12429"/>
            </a:cxn>
            <a:cxn ang="0">
              <a:pos x="3016" y="12591"/>
            </a:cxn>
            <a:cxn ang="0">
              <a:pos x="4728" y="13559"/>
            </a:cxn>
            <a:cxn ang="0">
              <a:pos x="3097" y="14043"/>
            </a:cxn>
            <a:cxn ang="0">
              <a:pos x="2201" y="14770"/>
            </a:cxn>
            <a:cxn ang="0">
              <a:pos x="1875" y="15819"/>
            </a:cxn>
            <a:cxn ang="0">
              <a:pos x="3260" y="16303"/>
            </a:cxn>
            <a:cxn ang="0">
              <a:pos x="5380" y="14447"/>
            </a:cxn>
            <a:cxn ang="0">
              <a:pos x="6603" y="14447"/>
            </a:cxn>
            <a:cxn ang="0">
              <a:pos x="7418" y="14689"/>
            </a:cxn>
            <a:cxn ang="0">
              <a:pos x="8885" y="15415"/>
            </a:cxn>
            <a:cxn ang="0">
              <a:pos x="11982" y="14124"/>
            </a:cxn>
            <a:cxn ang="0">
              <a:pos x="13857" y="13801"/>
            </a:cxn>
            <a:cxn ang="0">
              <a:pos x="13531" y="13156"/>
            </a:cxn>
            <a:cxn ang="0">
              <a:pos x="13694" y="11864"/>
            </a:cxn>
            <a:cxn ang="0">
              <a:pos x="14591" y="11380"/>
            </a:cxn>
            <a:cxn ang="0">
              <a:pos x="13368" y="9604"/>
            </a:cxn>
            <a:cxn ang="0">
              <a:pos x="14591" y="10573"/>
            </a:cxn>
            <a:cxn ang="0">
              <a:pos x="16384" y="9039"/>
            </a:cxn>
            <a:cxn ang="0">
              <a:pos x="14917" y="7829"/>
            </a:cxn>
            <a:cxn ang="0">
              <a:pos x="12145" y="7910"/>
            </a:cxn>
            <a:cxn ang="0">
              <a:pos x="9700" y="5972"/>
            </a:cxn>
            <a:cxn ang="0">
              <a:pos x="9292" y="4923"/>
            </a:cxn>
            <a:cxn ang="0">
              <a:pos x="9211" y="3551"/>
            </a:cxn>
            <a:cxn ang="0">
              <a:pos x="8396" y="4762"/>
            </a:cxn>
            <a:cxn ang="0">
              <a:pos x="8151" y="5408"/>
            </a:cxn>
            <a:cxn ang="0">
              <a:pos x="6766" y="4600"/>
            </a:cxn>
            <a:cxn ang="0">
              <a:pos x="7499" y="3309"/>
            </a:cxn>
            <a:cxn ang="0">
              <a:pos x="6358" y="3793"/>
            </a:cxn>
            <a:cxn ang="0">
              <a:pos x="5298" y="4035"/>
            </a:cxn>
            <a:cxn ang="0">
              <a:pos x="5869" y="2341"/>
            </a:cxn>
            <a:cxn ang="0">
              <a:pos x="6847" y="1291"/>
            </a:cxn>
            <a:cxn ang="0">
              <a:pos x="5706" y="323"/>
            </a:cxn>
          </a:cxnLst>
          <a:rect l="0" t="0" r="r" b="b"/>
          <a:pathLst>
            <a:path w="16384" h="16384">
              <a:moveTo>
                <a:pt x="5706" y="323"/>
              </a:moveTo>
              <a:lnTo>
                <a:pt x="5298" y="969"/>
              </a:lnTo>
              <a:lnTo>
                <a:pt x="5135" y="646"/>
              </a:lnTo>
              <a:lnTo>
                <a:pt x="4809" y="807"/>
              </a:lnTo>
              <a:lnTo>
                <a:pt x="4565" y="1211"/>
              </a:lnTo>
              <a:lnTo>
                <a:pt x="4402" y="1453"/>
              </a:lnTo>
              <a:lnTo>
                <a:pt x="3994" y="1614"/>
              </a:lnTo>
              <a:lnTo>
                <a:pt x="3342" y="1614"/>
              </a:lnTo>
              <a:lnTo>
                <a:pt x="3260" y="1856"/>
              </a:lnTo>
              <a:lnTo>
                <a:pt x="2853" y="2098"/>
              </a:lnTo>
              <a:lnTo>
                <a:pt x="3097" y="2341"/>
              </a:lnTo>
              <a:lnTo>
                <a:pt x="3342" y="2502"/>
              </a:lnTo>
              <a:lnTo>
                <a:pt x="3342" y="3067"/>
              </a:lnTo>
              <a:lnTo>
                <a:pt x="3750" y="3309"/>
              </a:lnTo>
              <a:lnTo>
                <a:pt x="3831" y="3713"/>
              </a:lnTo>
              <a:lnTo>
                <a:pt x="4157" y="4197"/>
              </a:lnTo>
              <a:lnTo>
                <a:pt x="4239" y="4762"/>
              </a:lnTo>
              <a:lnTo>
                <a:pt x="4320" y="5085"/>
              </a:lnTo>
              <a:lnTo>
                <a:pt x="4076" y="5408"/>
              </a:lnTo>
              <a:lnTo>
                <a:pt x="4076" y="5730"/>
              </a:lnTo>
              <a:lnTo>
                <a:pt x="4320" y="5972"/>
              </a:lnTo>
              <a:lnTo>
                <a:pt x="4565" y="5972"/>
              </a:lnTo>
              <a:lnTo>
                <a:pt x="4972" y="6295"/>
              </a:lnTo>
              <a:lnTo>
                <a:pt x="5461" y="6618"/>
              </a:lnTo>
              <a:lnTo>
                <a:pt x="5706" y="6699"/>
              </a:lnTo>
              <a:lnTo>
                <a:pt x="6032" y="6699"/>
              </a:lnTo>
              <a:lnTo>
                <a:pt x="6113" y="6780"/>
              </a:lnTo>
              <a:lnTo>
                <a:pt x="5787" y="6941"/>
              </a:lnTo>
              <a:lnTo>
                <a:pt x="5787" y="7345"/>
              </a:lnTo>
              <a:lnTo>
                <a:pt x="5950" y="7829"/>
              </a:lnTo>
              <a:lnTo>
                <a:pt x="5950" y="8071"/>
              </a:lnTo>
              <a:lnTo>
                <a:pt x="5543" y="8071"/>
              </a:lnTo>
              <a:lnTo>
                <a:pt x="5217" y="8232"/>
              </a:lnTo>
              <a:lnTo>
                <a:pt x="4891" y="8313"/>
              </a:lnTo>
              <a:lnTo>
                <a:pt x="4728" y="8474"/>
              </a:lnTo>
              <a:lnTo>
                <a:pt x="4646" y="8717"/>
              </a:lnTo>
              <a:lnTo>
                <a:pt x="4402" y="8717"/>
              </a:lnTo>
              <a:lnTo>
                <a:pt x="4157" y="8474"/>
              </a:lnTo>
              <a:lnTo>
                <a:pt x="3994" y="8232"/>
              </a:lnTo>
              <a:lnTo>
                <a:pt x="3913" y="7990"/>
              </a:lnTo>
              <a:lnTo>
                <a:pt x="3750" y="7910"/>
              </a:lnTo>
              <a:lnTo>
                <a:pt x="3505" y="8232"/>
              </a:lnTo>
              <a:lnTo>
                <a:pt x="3260" y="8394"/>
              </a:lnTo>
              <a:lnTo>
                <a:pt x="3016" y="8394"/>
              </a:lnTo>
              <a:lnTo>
                <a:pt x="2771" y="8394"/>
              </a:lnTo>
              <a:lnTo>
                <a:pt x="2445" y="8394"/>
              </a:lnTo>
              <a:lnTo>
                <a:pt x="2201" y="8394"/>
              </a:lnTo>
              <a:lnTo>
                <a:pt x="2038" y="8636"/>
              </a:lnTo>
              <a:lnTo>
                <a:pt x="1956" y="8636"/>
              </a:lnTo>
              <a:lnTo>
                <a:pt x="1467" y="8717"/>
              </a:lnTo>
              <a:lnTo>
                <a:pt x="163" y="8797"/>
              </a:lnTo>
              <a:lnTo>
                <a:pt x="0" y="9039"/>
              </a:lnTo>
              <a:lnTo>
                <a:pt x="326" y="9039"/>
              </a:lnTo>
              <a:lnTo>
                <a:pt x="652" y="9282"/>
              </a:lnTo>
              <a:lnTo>
                <a:pt x="897" y="9524"/>
              </a:lnTo>
              <a:lnTo>
                <a:pt x="1141" y="9927"/>
              </a:lnTo>
              <a:lnTo>
                <a:pt x="1467" y="10169"/>
              </a:lnTo>
              <a:lnTo>
                <a:pt x="1793" y="10492"/>
              </a:lnTo>
              <a:lnTo>
                <a:pt x="1875" y="10654"/>
              </a:lnTo>
              <a:lnTo>
                <a:pt x="2038" y="10976"/>
              </a:lnTo>
              <a:lnTo>
                <a:pt x="2038" y="11057"/>
              </a:lnTo>
              <a:lnTo>
                <a:pt x="2282" y="11622"/>
              </a:lnTo>
              <a:lnTo>
                <a:pt x="2364" y="12026"/>
              </a:lnTo>
              <a:lnTo>
                <a:pt x="2201" y="12429"/>
              </a:lnTo>
              <a:lnTo>
                <a:pt x="2119" y="12671"/>
              </a:lnTo>
              <a:lnTo>
                <a:pt x="2282" y="12671"/>
              </a:lnTo>
              <a:lnTo>
                <a:pt x="2445" y="12429"/>
              </a:lnTo>
              <a:lnTo>
                <a:pt x="3016" y="12591"/>
              </a:lnTo>
              <a:lnTo>
                <a:pt x="3750" y="12752"/>
              </a:lnTo>
              <a:lnTo>
                <a:pt x="3994" y="12833"/>
              </a:lnTo>
              <a:lnTo>
                <a:pt x="4402" y="13156"/>
              </a:lnTo>
              <a:lnTo>
                <a:pt x="4728" y="13559"/>
              </a:lnTo>
              <a:lnTo>
                <a:pt x="4483" y="14124"/>
              </a:lnTo>
              <a:lnTo>
                <a:pt x="3994" y="14286"/>
              </a:lnTo>
              <a:lnTo>
                <a:pt x="3587" y="14286"/>
              </a:lnTo>
              <a:lnTo>
                <a:pt x="3097" y="14043"/>
              </a:lnTo>
              <a:lnTo>
                <a:pt x="2934" y="14124"/>
              </a:lnTo>
              <a:lnTo>
                <a:pt x="2771" y="14366"/>
              </a:lnTo>
              <a:lnTo>
                <a:pt x="2364" y="14528"/>
              </a:lnTo>
              <a:lnTo>
                <a:pt x="2201" y="14770"/>
              </a:lnTo>
              <a:lnTo>
                <a:pt x="2201" y="15012"/>
              </a:lnTo>
              <a:lnTo>
                <a:pt x="2282" y="15254"/>
              </a:lnTo>
              <a:lnTo>
                <a:pt x="2038" y="15415"/>
              </a:lnTo>
              <a:lnTo>
                <a:pt x="1875" y="15819"/>
              </a:lnTo>
              <a:lnTo>
                <a:pt x="2364" y="15819"/>
              </a:lnTo>
              <a:lnTo>
                <a:pt x="2771" y="15819"/>
              </a:lnTo>
              <a:lnTo>
                <a:pt x="2771" y="16142"/>
              </a:lnTo>
              <a:lnTo>
                <a:pt x="3260" y="16303"/>
              </a:lnTo>
              <a:lnTo>
                <a:pt x="3424" y="16384"/>
              </a:lnTo>
              <a:lnTo>
                <a:pt x="4239" y="15335"/>
              </a:lnTo>
              <a:lnTo>
                <a:pt x="4891" y="15254"/>
              </a:lnTo>
              <a:lnTo>
                <a:pt x="5380" y="14447"/>
              </a:lnTo>
              <a:lnTo>
                <a:pt x="5543" y="14447"/>
              </a:lnTo>
              <a:lnTo>
                <a:pt x="5787" y="14608"/>
              </a:lnTo>
              <a:lnTo>
                <a:pt x="6113" y="14366"/>
              </a:lnTo>
              <a:lnTo>
                <a:pt x="6603" y="14447"/>
              </a:lnTo>
              <a:lnTo>
                <a:pt x="6929" y="14366"/>
              </a:lnTo>
              <a:lnTo>
                <a:pt x="7336" y="14043"/>
              </a:lnTo>
              <a:lnTo>
                <a:pt x="7499" y="14124"/>
              </a:lnTo>
              <a:lnTo>
                <a:pt x="7418" y="14689"/>
              </a:lnTo>
              <a:lnTo>
                <a:pt x="7907" y="15012"/>
              </a:lnTo>
              <a:lnTo>
                <a:pt x="7988" y="15577"/>
              </a:lnTo>
              <a:lnTo>
                <a:pt x="8396" y="15900"/>
              </a:lnTo>
              <a:lnTo>
                <a:pt x="8885" y="15415"/>
              </a:lnTo>
              <a:lnTo>
                <a:pt x="9945" y="14608"/>
              </a:lnTo>
              <a:lnTo>
                <a:pt x="10515" y="14366"/>
              </a:lnTo>
              <a:lnTo>
                <a:pt x="11086" y="14205"/>
              </a:lnTo>
              <a:lnTo>
                <a:pt x="11982" y="14124"/>
              </a:lnTo>
              <a:lnTo>
                <a:pt x="12716" y="14043"/>
              </a:lnTo>
              <a:lnTo>
                <a:pt x="13205" y="13963"/>
              </a:lnTo>
              <a:lnTo>
                <a:pt x="13613" y="14124"/>
              </a:lnTo>
              <a:lnTo>
                <a:pt x="13857" y="13801"/>
              </a:lnTo>
              <a:lnTo>
                <a:pt x="13857" y="13640"/>
              </a:lnTo>
              <a:lnTo>
                <a:pt x="14102" y="13236"/>
              </a:lnTo>
              <a:lnTo>
                <a:pt x="13939" y="13075"/>
              </a:lnTo>
              <a:lnTo>
                <a:pt x="13531" y="13156"/>
              </a:lnTo>
              <a:lnTo>
                <a:pt x="13368" y="13156"/>
              </a:lnTo>
              <a:lnTo>
                <a:pt x="13205" y="12591"/>
              </a:lnTo>
              <a:lnTo>
                <a:pt x="13368" y="11945"/>
              </a:lnTo>
              <a:lnTo>
                <a:pt x="13694" y="11864"/>
              </a:lnTo>
              <a:lnTo>
                <a:pt x="14020" y="12106"/>
              </a:lnTo>
              <a:lnTo>
                <a:pt x="14020" y="12349"/>
              </a:lnTo>
              <a:lnTo>
                <a:pt x="14591" y="12429"/>
              </a:lnTo>
              <a:lnTo>
                <a:pt x="14591" y="11380"/>
              </a:lnTo>
              <a:lnTo>
                <a:pt x="14183" y="11138"/>
              </a:lnTo>
              <a:lnTo>
                <a:pt x="13857" y="10734"/>
              </a:lnTo>
              <a:lnTo>
                <a:pt x="13613" y="10331"/>
              </a:lnTo>
              <a:lnTo>
                <a:pt x="13368" y="9604"/>
              </a:lnTo>
              <a:lnTo>
                <a:pt x="14102" y="10573"/>
              </a:lnTo>
              <a:lnTo>
                <a:pt x="14346" y="10573"/>
              </a:lnTo>
              <a:lnTo>
                <a:pt x="14509" y="10412"/>
              </a:lnTo>
              <a:lnTo>
                <a:pt x="14591" y="10573"/>
              </a:lnTo>
              <a:lnTo>
                <a:pt x="15080" y="10492"/>
              </a:lnTo>
              <a:lnTo>
                <a:pt x="15161" y="9847"/>
              </a:lnTo>
              <a:lnTo>
                <a:pt x="15650" y="9524"/>
              </a:lnTo>
              <a:lnTo>
                <a:pt x="16384" y="9039"/>
              </a:lnTo>
              <a:lnTo>
                <a:pt x="16221" y="8474"/>
              </a:lnTo>
              <a:lnTo>
                <a:pt x="15813" y="8394"/>
              </a:lnTo>
              <a:lnTo>
                <a:pt x="15406" y="8071"/>
              </a:lnTo>
              <a:lnTo>
                <a:pt x="14917" y="7829"/>
              </a:lnTo>
              <a:lnTo>
                <a:pt x="14998" y="7506"/>
              </a:lnTo>
              <a:lnTo>
                <a:pt x="14020" y="7910"/>
              </a:lnTo>
              <a:lnTo>
                <a:pt x="13368" y="7910"/>
              </a:lnTo>
              <a:lnTo>
                <a:pt x="12145" y="7910"/>
              </a:lnTo>
              <a:lnTo>
                <a:pt x="10678" y="7587"/>
              </a:lnTo>
              <a:lnTo>
                <a:pt x="9781" y="6860"/>
              </a:lnTo>
              <a:lnTo>
                <a:pt x="9945" y="6457"/>
              </a:lnTo>
              <a:lnTo>
                <a:pt x="9700" y="5972"/>
              </a:lnTo>
              <a:lnTo>
                <a:pt x="9455" y="5569"/>
              </a:lnTo>
              <a:lnTo>
                <a:pt x="9129" y="5488"/>
              </a:lnTo>
              <a:lnTo>
                <a:pt x="9455" y="5327"/>
              </a:lnTo>
              <a:lnTo>
                <a:pt x="9292" y="4923"/>
              </a:lnTo>
              <a:lnTo>
                <a:pt x="9945" y="4843"/>
              </a:lnTo>
              <a:lnTo>
                <a:pt x="9700" y="4278"/>
              </a:lnTo>
              <a:lnTo>
                <a:pt x="9700" y="3874"/>
              </a:lnTo>
              <a:lnTo>
                <a:pt x="9211" y="3551"/>
              </a:lnTo>
              <a:lnTo>
                <a:pt x="8640" y="3471"/>
              </a:lnTo>
              <a:lnTo>
                <a:pt x="7988" y="3551"/>
              </a:lnTo>
              <a:lnTo>
                <a:pt x="8396" y="4035"/>
              </a:lnTo>
              <a:lnTo>
                <a:pt x="8396" y="4762"/>
              </a:lnTo>
              <a:lnTo>
                <a:pt x="8070" y="4520"/>
              </a:lnTo>
              <a:lnTo>
                <a:pt x="7662" y="4600"/>
              </a:lnTo>
              <a:lnTo>
                <a:pt x="7988" y="5004"/>
              </a:lnTo>
              <a:lnTo>
                <a:pt x="8151" y="5408"/>
              </a:lnTo>
              <a:lnTo>
                <a:pt x="7988" y="5488"/>
              </a:lnTo>
              <a:lnTo>
                <a:pt x="7418" y="5327"/>
              </a:lnTo>
              <a:lnTo>
                <a:pt x="7010" y="4923"/>
              </a:lnTo>
              <a:lnTo>
                <a:pt x="6766" y="4600"/>
              </a:lnTo>
              <a:lnTo>
                <a:pt x="6766" y="4116"/>
              </a:lnTo>
              <a:lnTo>
                <a:pt x="7010" y="3713"/>
              </a:lnTo>
              <a:lnTo>
                <a:pt x="7336" y="3390"/>
              </a:lnTo>
              <a:lnTo>
                <a:pt x="7499" y="3309"/>
              </a:lnTo>
              <a:lnTo>
                <a:pt x="7010" y="2744"/>
              </a:lnTo>
              <a:lnTo>
                <a:pt x="6521" y="3228"/>
              </a:lnTo>
              <a:lnTo>
                <a:pt x="6439" y="3551"/>
              </a:lnTo>
              <a:lnTo>
                <a:pt x="6358" y="3793"/>
              </a:lnTo>
              <a:lnTo>
                <a:pt x="6195" y="3713"/>
              </a:lnTo>
              <a:lnTo>
                <a:pt x="5869" y="4116"/>
              </a:lnTo>
              <a:lnTo>
                <a:pt x="5543" y="4116"/>
              </a:lnTo>
              <a:lnTo>
                <a:pt x="5298" y="4035"/>
              </a:lnTo>
              <a:lnTo>
                <a:pt x="5298" y="3793"/>
              </a:lnTo>
              <a:lnTo>
                <a:pt x="5135" y="3471"/>
              </a:lnTo>
              <a:lnTo>
                <a:pt x="6195" y="3067"/>
              </a:lnTo>
              <a:lnTo>
                <a:pt x="5869" y="2341"/>
              </a:lnTo>
              <a:lnTo>
                <a:pt x="6195" y="2583"/>
              </a:lnTo>
              <a:lnTo>
                <a:pt x="6439" y="2583"/>
              </a:lnTo>
              <a:lnTo>
                <a:pt x="6521" y="1291"/>
              </a:lnTo>
              <a:lnTo>
                <a:pt x="6847" y="1291"/>
              </a:lnTo>
              <a:lnTo>
                <a:pt x="7092" y="888"/>
              </a:lnTo>
              <a:lnTo>
                <a:pt x="6684" y="404"/>
              </a:lnTo>
              <a:lnTo>
                <a:pt x="6032" y="0"/>
              </a:lnTo>
              <a:lnTo>
                <a:pt x="5706" y="323"/>
              </a:lnTo>
              <a:close/>
            </a:path>
          </a:pathLst>
        </a:custGeom>
        <a:solidFill>
          <a:srgbClr val="FF6600"/>
        </a:solidFill>
        <a:ln w="9525" cap="flat">
          <a:solidFill>
            <a:srgbClr val="000000"/>
          </a:solidFill>
          <a:prstDash val="solid"/>
          <a:round/>
          <a:headEnd/>
          <a:tailEnd/>
        </a:ln>
      </xdr:spPr>
    </xdr:sp>
    <xdr:clientData/>
  </xdr:twoCellAnchor>
  <xdr:twoCellAnchor editAs="oneCell">
    <xdr:from>
      <xdr:col>6</xdr:col>
      <xdr:colOff>552450</xdr:colOff>
      <xdr:row>25</xdr:row>
      <xdr:rowOff>76200</xdr:rowOff>
    </xdr:from>
    <xdr:to>
      <xdr:col>9</xdr:col>
      <xdr:colOff>276225</xdr:colOff>
      <xdr:row>33</xdr:row>
      <xdr:rowOff>114300</xdr:rowOff>
    </xdr:to>
    <xdr:sp macro="" textlink="">
      <xdr:nvSpPr>
        <xdr:cNvPr id="165" name="d14203">
          <a:extLst>
            <a:ext uri="{FF2B5EF4-FFF2-40B4-BE49-F238E27FC236}">
              <a16:creationId xmlns:a16="http://schemas.microsoft.com/office/drawing/2014/main" id="{00000000-0008-0000-0000-0000A5000000}"/>
            </a:ext>
          </a:extLst>
        </xdr:cNvPr>
        <xdr:cNvSpPr>
          <a:spLocks/>
        </xdr:cNvSpPr>
      </xdr:nvSpPr>
      <xdr:spPr bwMode="auto">
        <a:xfrm>
          <a:off x="4210050" y="3886200"/>
          <a:ext cx="1552575" cy="1257300"/>
        </a:xfrm>
        <a:custGeom>
          <a:avLst/>
          <a:gdLst/>
          <a:ahLst/>
          <a:cxnLst>
            <a:cxn ang="0">
              <a:pos x="11559" y="16260"/>
            </a:cxn>
            <a:cxn ang="0">
              <a:pos x="12866" y="15888"/>
            </a:cxn>
            <a:cxn ang="0">
              <a:pos x="14273" y="15888"/>
            </a:cxn>
            <a:cxn ang="0">
              <a:pos x="15680" y="16136"/>
            </a:cxn>
            <a:cxn ang="0">
              <a:pos x="16283" y="15267"/>
            </a:cxn>
            <a:cxn ang="0">
              <a:pos x="15580" y="14398"/>
            </a:cxn>
            <a:cxn ang="0">
              <a:pos x="15781" y="12909"/>
            </a:cxn>
            <a:cxn ang="0">
              <a:pos x="16283" y="11916"/>
            </a:cxn>
            <a:cxn ang="0">
              <a:pos x="16082" y="11295"/>
            </a:cxn>
            <a:cxn ang="0">
              <a:pos x="15680" y="11295"/>
            </a:cxn>
            <a:cxn ang="0">
              <a:pos x="15680" y="9681"/>
            </a:cxn>
            <a:cxn ang="0">
              <a:pos x="16082" y="8564"/>
            </a:cxn>
            <a:cxn ang="0">
              <a:pos x="15580" y="7199"/>
            </a:cxn>
            <a:cxn ang="0">
              <a:pos x="15982" y="5710"/>
            </a:cxn>
            <a:cxn ang="0">
              <a:pos x="16283" y="3848"/>
            </a:cxn>
            <a:cxn ang="0">
              <a:pos x="16384" y="2358"/>
            </a:cxn>
            <a:cxn ang="0">
              <a:pos x="15178" y="1614"/>
            </a:cxn>
            <a:cxn ang="0">
              <a:pos x="14474" y="1489"/>
            </a:cxn>
            <a:cxn ang="0">
              <a:pos x="14273" y="869"/>
            </a:cxn>
            <a:cxn ang="0">
              <a:pos x="14173" y="124"/>
            </a:cxn>
            <a:cxn ang="0">
              <a:pos x="13871" y="1614"/>
            </a:cxn>
            <a:cxn ang="0">
              <a:pos x="13972" y="1862"/>
            </a:cxn>
            <a:cxn ang="0">
              <a:pos x="14072" y="3475"/>
            </a:cxn>
            <a:cxn ang="0">
              <a:pos x="13168" y="3600"/>
            </a:cxn>
            <a:cxn ang="0">
              <a:pos x="12866" y="2731"/>
            </a:cxn>
            <a:cxn ang="0">
              <a:pos x="12162" y="4220"/>
            </a:cxn>
            <a:cxn ang="0">
              <a:pos x="11258" y="4096"/>
            </a:cxn>
            <a:cxn ang="0">
              <a:pos x="10454" y="4220"/>
            </a:cxn>
            <a:cxn ang="0">
              <a:pos x="9951" y="4096"/>
            </a:cxn>
            <a:cxn ang="0">
              <a:pos x="9649" y="4344"/>
            </a:cxn>
            <a:cxn ang="0">
              <a:pos x="9750" y="5834"/>
            </a:cxn>
            <a:cxn ang="0">
              <a:pos x="9147" y="4717"/>
            </a:cxn>
            <a:cxn ang="0">
              <a:pos x="8544" y="3848"/>
            </a:cxn>
            <a:cxn ang="0">
              <a:pos x="7639" y="2731"/>
            </a:cxn>
            <a:cxn ang="0">
              <a:pos x="7438" y="3724"/>
            </a:cxn>
            <a:cxn ang="0">
              <a:pos x="6634" y="3848"/>
            </a:cxn>
            <a:cxn ang="0">
              <a:pos x="6433" y="5337"/>
            </a:cxn>
            <a:cxn ang="0">
              <a:pos x="5528" y="5213"/>
            </a:cxn>
            <a:cxn ang="0">
              <a:pos x="4523" y="5461"/>
            </a:cxn>
            <a:cxn ang="0">
              <a:pos x="4121" y="6082"/>
            </a:cxn>
            <a:cxn ang="0">
              <a:pos x="3920" y="6703"/>
            </a:cxn>
            <a:cxn ang="0">
              <a:pos x="3418" y="8316"/>
            </a:cxn>
            <a:cxn ang="0">
              <a:pos x="2513" y="8316"/>
            </a:cxn>
            <a:cxn ang="0">
              <a:pos x="1508" y="8813"/>
            </a:cxn>
            <a:cxn ang="0">
              <a:pos x="0" y="9681"/>
            </a:cxn>
            <a:cxn ang="0">
              <a:pos x="704" y="12412"/>
            </a:cxn>
            <a:cxn ang="0">
              <a:pos x="1106" y="13405"/>
            </a:cxn>
            <a:cxn ang="0">
              <a:pos x="2111" y="13157"/>
            </a:cxn>
            <a:cxn ang="0">
              <a:pos x="3216" y="12536"/>
            </a:cxn>
            <a:cxn ang="0">
              <a:pos x="4423" y="12660"/>
            </a:cxn>
            <a:cxn ang="0">
              <a:pos x="5327" y="13033"/>
            </a:cxn>
            <a:cxn ang="0">
              <a:pos x="6835" y="13281"/>
            </a:cxn>
            <a:cxn ang="0">
              <a:pos x="6835" y="14026"/>
            </a:cxn>
            <a:cxn ang="0">
              <a:pos x="7740" y="14770"/>
            </a:cxn>
            <a:cxn ang="0">
              <a:pos x="8644" y="15019"/>
            </a:cxn>
            <a:cxn ang="0">
              <a:pos x="10052" y="14026"/>
            </a:cxn>
            <a:cxn ang="0">
              <a:pos x="10454" y="14026"/>
            </a:cxn>
            <a:cxn ang="0">
              <a:pos x="11459" y="14522"/>
            </a:cxn>
            <a:cxn ang="0">
              <a:pos x="10655" y="15019"/>
            </a:cxn>
            <a:cxn ang="0">
              <a:pos x="10956" y="16384"/>
            </a:cxn>
          </a:cxnLst>
          <a:rect l="0" t="0" r="r" b="b"/>
          <a:pathLst>
            <a:path w="16384" h="16384">
              <a:moveTo>
                <a:pt x="10956" y="16384"/>
              </a:moveTo>
              <a:lnTo>
                <a:pt x="11559" y="16260"/>
              </a:lnTo>
              <a:lnTo>
                <a:pt x="12263" y="16012"/>
              </a:lnTo>
              <a:lnTo>
                <a:pt x="12866" y="15888"/>
              </a:lnTo>
              <a:lnTo>
                <a:pt x="13469" y="15888"/>
              </a:lnTo>
              <a:lnTo>
                <a:pt x="14273" y="15888"/>
              </a:lnTo>
              <a:lnTo>
                <a:pt x="14977" y="15888"/>
              </a:lnTo>
              <a:lnTo>
                <a:pt x="15680" y="16136"/>
              </a:lnTo>
              <a:lnTo>
                <a:pt x="16283" y="16012"/>
              </a:lnTo>
              <a:lnTo>
                <a:pt x="16283" y="15267"/>
              </a:lnTo>
              <a:lnTo>
                <a:pt x="15982" y="14770"/>
              </a:lnTo>
              <a:lnTo>
                <a:pt x="15580" y="14398"/>
              </a:lnTo>
              <a:lnTo>
                <a:pt x="15580" y="13653"/>
              </a:lnTo>
              <a:lnTo>
                <a:pt x="15781" y="12909"/>
              </a:lnTo>
              <a:lnTo>
                <a:pt x="15982" y="12288"/>
              </a:lnTo>
              <a:lnTo>
                <a:pt x="16283" y="11916"/>
              </a:lnTo>
              <a:lnTo>
                <a:pt x="16283" y="11543"/>
              </a:lnTo>
              <a:lnTo>
                <a:pt x="16082" y="11295"/>
              </a:lnTo>
              <a:lnTo>
                <a:pt x="15881" y="11295"/>
              </a:lnTo>
              <a:lnTo>
                <a:pt x="15680" y="11295"/>
              </a:lnTo>
              <a:lnTo>
                <a:pt x="15680" y="10799"/>
              </a:lnTo>
              <a:lnTo>
                <a:pt x="15680" y="9681"/>
              </a:lnTo>
              <a:lnTo>
                <a:pt x="15781" y="8813"/>
              </a:lnTo>
              <a:lnTo>
                <a:pt x="16082" y="8564"/>
              </a:lnTo>
              <a:lnTo>
                <a:pt x="15982" y="7944"/>
              </a:lnTo>
              <a:lnTo>
                <a:pt x="15580" y="7199"/>
              </a:lnTo>
              <a:lnTo>
                <a:pt x="15680" y="6703"/>
              </a:lnTo>
              <a:lnTo>
                <a:pt x="15982" y="5710"/>
              </a:lnTo>
              <a:lnTo>
                <a:pt x="15982" y="4717"/>
              </a:lnTo>
              <a:lnTo>
                <a:pt x="16283" y="3848"/>
              </a:lnTo>
              <a:lnTo>
                <a:pt x="16384" y="2979"/>
              </a:lnTo>
              <a:lnTo>
                <a:pt x="16384" y="2358"/>
              </a:lnTo>
              <a:lnTo>
                <a:pt x="16183" y="1738"/>
              </a:lnTo>
              <a:lnTo>
                <a:pt x="15178" y="1614"/>
              </a:lnTo>
              <a:lnTo>
                <a:pt x="14575" y="1738"/>
              </a:lnTo>
              <a:lnTo>
                <a:pt x="14474" y="1489"/>
              </a:lnTo>
              <a:lnTo>
                <a:pt x="14273" y="1365"/>
              </a:lnTo>
              <a:lnTo>
                <a:pt x="14273" y="869"/>
              </a:lnTo>
              <a:lnTo>
                <a:pt x="14072" y="621"/>
              </a:lnTo>
              <a:lnTo>
                <a:pt x="14173" y="124"/>
              </a:lnTo>
              <a:lnTo>
                <a:pt x="13972" y="0"/>
              </a:lnTo>
              <a:lnTo>
                <a:pt x="13871" y="1614"/>
              </a:lnTo>
              <a:lnTo>
                <a:pt x="13771" y="1489"/>
              </a:lnTo>
              <a:lnTo>
                <a:pt x="13972" y="1862"/>
              </a:lnTo>
              <a:lnTo>
                <a:pt x="14273" y="2358"/>
              </a:lnTo>
              <a:lnTo>
                <a:pt x="14072" y="3475"/>
              </a:lnTo>
              <a:lnTo>
                <a:pt x="12966" y="4592"/>
              </a:lnTo>
              <a:lnTo>
                <a:pt x="13168" y="3600"/>
              </a:lnTo>
              <a:lnTo>
                <a:pt x="13168" y="2855"/>
              </a:lnTo>
              <a:lnTo>
                <a:pt x="12866" y="2731"/>
              </a:lnTo>
              <a:lnTo>
                <a:pt x="12564" y="4220"/>
              </a:lnTo>
              <a:lnTo>
                <a:pt x="12162" y="4220"/>
              </a:lnTo>
              <a:lnTo>
                <a:pt x="11660" y="3600"/>
              </a:lnTo>
              <a:lnTo>
                <a:pt x="11258" y="4096"/>
              </a:lnTo>
              <a:lnTo>
                <a:pt x="10755" y="3972"/>
              </a:lnTo>
              <a:lnTo>
                <a:pt x="10454" y="4220"/>
              </a:lnTo>
              <a:lnTo>
                <a:pt x="10353" y="4468"/>
              </a:lnTo>
              <a:lnTo>
                <a:pt x="9951" y="4096"/>
              </a:lnTo>
              <a:lnTo>
                <a:pt x="9750" y="3600"/>
              </a:lnTo>
              <a:lnTo>
                <a:pt x="9649" y="4344"/>
              </a:lnTo>
              <a:lnTo>
                <a:pt x="9750" y="4965"/>
              </a:lnTo>
              <a:lnTo>
                <a:pt x="9750" y="5834"/>
              </a:lnTo>
              <a:lnTo>
                <a:pt x="9147" y="5585"/>
              </a:lnTo>
              <a:lnTo>
                <a:pt x="9147" y="4717"/>
              </a:lnTo>
              <a:lnTo>
                <a:pt x="8845" y="4096"/>
              </a:lnTo>
              <a:lnTo>
                <a:pt x="8544" y="3848"/>
              </a:lnTo>
              <a:lnTo>
                <a:pt x="7941" y="3848"/>
              </a:lnTo>
              <a:lnTo>
                <a:pt x="7639" y="2731"/>
              </a:lnTo>
              <a:lnTo>
                <a:pt x="7438" y="3227"/>
              </a:lnTo>
              <a:lnTo>
                <a:pt x="7438" y="3724"/>
              </a:lnTo>
              <a:lnTo>
                <a:pt x="7438" y="4096"/>
              </a:lnTo>
              <a:lnTo>
                <a:pt x="6634" y="3848"/>
              </a:lnTo>
              <a:lnTo>
                <a:pt x="6232" y="4096"/>
              </a:lnTo>
              <a:lnTo>
                <a:pt x="6433" y="5337"/>
              </a:lnTo>
              <a:lnTo>
                <a:pt x="6031" y="5337"/>
              </a:lnTo>
              <a:lnTo>
                <a:pt x="5528" y="5213"/>
              </a:lnTo>
              <a:lnTo>
                <a:pt x="5126" y="5585"/>
              </a:lnTo>
              <a:lnTo>
                <a:pt x="4523" y="5461"/>
              </a:lnTo>
              <a:lnTo>
                <a:pt x="4222" y="5710"/>
              </a:lnTo>
              <a:lnTo>
                <a:pt x="4121" y="6082"/>
              </a:lnTo>
              <a:lnTo>
                <a:pt x="4121" y="6578"/>
              </a:lnTo>
              <a:lnTo>
                <a:pt x="3920" y="6703"/>
              </a:lnTo>
              <a:lnTo>
                <a:pt x="3719" y="7571"/>
              </a:lnTo>
              <a:lnTo>
                <a:pt x="3418" y="8316"/>
              </a:lnTo>
              <a:lnTo>
                <a:pt x="3116" y="8440"/>
              </a:lnTo>
              <a:lnTo>
                <a:pt x="2513" y="8316"/>
              </a:lnTo>
              <a:lnTo>
                <a:pt x="2010" y="8440"/>
              </a:lnTo>
              <a:lnTo>
                <a:pt x="1508" y="8813"/>
              </a:lnTo>
              <a:lnTo>
                <a:pt x="603" y="9061"/>
              </a:lnTo>
              <a:lnTo>
                <a:pt x="0" y="9681"/>
              </a:lnTo>
              <a:lnTo>
                <a:pt x="0" y="11792"/>
              </a:lnTo>
              <a:lnTo>
                <a:pt x="704" y="12412"/>
              </a:lnTo>
              <a:lnTo>
                <a:pt x="1005" y="13157"/>
              </a:lnTo>
              <a:lnTo>
                <a:pt x="1106" y="13405"/>
              </a:lnTo>
              <a:lnTo>
                <a:pt x="1307" y="13281"/>
              </a:lnTo>
              <a:lnTo>
                <a:pt x="2111" y="13157"/>
              </a:lnTo>
              <a:lnTo>
                <a:pt x="2613" y="12412"/>
              </a:lnTo>
              <a:lnTo>
                <a:pt x="3216" y="12536"/>
              </a:lnTo>
              <a:lnTo>
                <a:pt x="4021" y="12412"/>
              </a:lnTo>
              <a:lnTo>
                <a:pt x="4423" y="12660"/>
              </a:lnTo>
              <a:lnTo>
                <a:pt x="5026" y="12660"/>
              </a:lnTo>
              <a:lnTo>
                <a:pt x="5327" y="13033"/>
              </a:lnTo>
              <a:lnTo>
                <a:pt x="6533" y="13033"/>
              </a:lnTo>
              <a:lnTo>
                <a:pt x="6835" y="13281"/>
              </a:lnTo>
              <a:lnTo>
                <a:pt x="6533" y="14026"/>
              </a:lnTo>
              <a:lnTo>
                <a:pt x="6835" y="14026"/>
              </a:lnTo>
              <a:lnTo>
                <a:pt x="7137" y="14522"/>
              </a:lnTo>
              <a:lnTo>
                <a:pt x="7740" y="14770"/>
              </a:lnTo>
              <a:lnTo>
                <a:pt x="7840" y="15143"/>
              </a:lnTo>
              <a:lnTo>
                <a:pt x="8644" y="15019"/>
              </a:lnTo>
              <a:lnTo>
                <a:pt x="9247" y="14398"/>
              </a:lnTo>
              <a:lnTo>
                <a:pt x="10052" y="14026"/>
              </a:lnTo>
              <a:lnTo>
                <a:pt x="10253" y="13405"/>
              </a:lnTo>
              <a:lnTo>
                <a:pt x="10454" y="14026"/>
              </a:lnTo>
              <a:lnTo>
                <a:pt x="11157" y="14026"/>
              </a:lnTo>
              <a:lnTo>
                <a:pt x="11459" y="14522"/>
              </a:lnTo>
              <a:lnTo>
                <a:pt x="10956" y="14895"/>
              </a:lnTo>
              <a:lnTo>
                <a:pt x="10655" y="15019"/>
              </a:lnTo>
              <a:lnTo>
                <a:pt x="10454" y="15888"/>
              </a:lnTo>
              <a:lnTo>
                <a:pt x="10956" y="16384"/>
              </a:lnTo>
              <a:close/>
            </a:path>
          </a:pathLst>
        </a:custGeom>
        <a:solidFill>
          <a:srgbClr val="FF0000"/>
        </a:solidFill>
        <a:ln w="9525" cap="flat">
          <a:solidFill>
            <a:srgbClr val="000000"/>
          </a:solidFill>
          <a:prstDash val="solid"/>
          <a:round/>
          <a:headEnd/>
          <a:tailEnd/>
        </a:ln>
      </xdr:spPr>
    </xdr:sp>
    <xdr:clientData/>
  </xdr:twoCellAnchor>
  <xdr:twoCellAnchor editAs="oneCell">
    <xdr:from>
      <xdr:col>11</xdr:col>
      <xdr:colOff>333375</xdr:colOff>
      <xdr:row>28</xdr:row>
      <xdr:rowOff>114300</xdr:rowOff>
    </xdr:from>
    <xdr:to>
      <xdr:col>13</xdr:col>
      <xdr:colOff>333375</xdr:colOff>
      <xdr:row>34</xdr:row>
      <xdr:rowOff>114301</xdr:rowOff>
    </xdr:to>
    <xdr:sp macro="" textlink="">
      <xdr:nvSpPr>
        <xdr:cNvPr id="166" name="d14204">
          <a:extLst>
            <a:ext uri="{FF2B5EF4-FFF2-40B4-BE49-F238E27FC236}">
              <a16:creationId xmlns:a16="http://schemas.microsoft.com/office/drawing/2014/main" id="{00000000-0008-0000-0000-0000A6000000}"/>
            </a:ext>
          </a:extLst>
        </xdr:cNvPr>
        <xdr:cNvSpPr>
          <a:spLocks/>
        </xdr:cNvSpPr>
      </xdr:nvSpPr>
      <xdr:spPr bwMode="auto">
        <a:xfrm>
          <a:off x="7038975" y="4381500"/>
          <a:ext cx="1219200" cy="914401"/>
        </a:xfrm>
        <a:custGeom>
          <a:avLst/>
          <a:gdLst/>
          <a:ahLst/>
          <a:cxnLst>
            <a:cxn ang="0">
              <a:pos x="16384" y="11093"/>
            </a:cxn>
            <a:cxn ang="0">
              <a:pos x="15616" y="10240"/>
            </a:cxn>
            <a:cxn ang="0">
              <a:pos x="15744" y="8704"/>
            </a:cxn>
            <a:cxn ang="0">
              <a:pos x="14208" y="8192"/>
            </a:cxn>
            <a:cxn ang="0">
              <a:pos x="13056" y="7680"/>
            </a:cxn>
            <a:cxn ang="0">
              <a:pos x="12800" y="5461"/>
            </a:cxn>
            <a:cxn ang="0">
              <a:pos x="11648" y="5461"/>
            </a:cxn>
            <a:cxn ang="0">
              <a:pos x="10368" y="4437"/>
            </a:cxn>
            <a:cxn ang="0">
              <a:pos x="9600" y="2901"/>
            </a:cxn>
            <a:cxn ang="0">
              <a:pos x="8832" y="1365"/>
            </a:cxn>
            <a:cxn ang="0">
              <a:pos x="7424" y="3243"/>
            </a:cxn>
            <a:cxn ang="0">
              <a:pos x="5504" y="1877"/>
            </a:cxn>
            <a:cxn ang="0">
              <a:pos x="4224" y="1536"/>
            </a:cxn>
            <a:cxn ang="0">
              <a:pos x="2432" y="0"/>
            </a:cxn>
            <a:cxn ang="0">
              <a:pos x="1408" y="1877"/>
            </a:cxn>
            <a:cxn ang="0">
              <a:pos x="1536" y="2901"/>
            </a:cxn>
            <a:cxn ang="0">
              <a:pos x="2944" y="4608"/>
            </a:cxn>
            <a:cxn ang="0">
              <a:pos x="3456" y="5973"/>
            </a:cxn>
            <a:cxn ang="0">
              <a:pos x="4480" y="6485"/>
            </a:cxn>
            <a:cxn ang="0">
              <a:pos x="3200" y="8704"/>
            </a:cxn>
            <a:cxn ang="0">
              <a:pos x="2304" y="9216"/>
            </a:cxn>
            <a:cxn ang="0">
              <a:pos x="1536" y="10581"/>
            </a:cxn>
            <a:cxn ang="0">
              <a:pos x="1408" y="12629"/>
            </a:cxn>
            <a:cxn ang="0">
              <a:pos x="512" y="13824"/>
            </a:cxn>
            <a:cxn ang="0">
              <a:pos x="384" y="14848"/>
            </a:cxn>
            <a:cxn ang="0">
              <a:pos x="1152" y="15360"/>
            </a:cxn>
            <a:cxn ang="0">
              <a:pos x="2816" y="15360"/>
            </a:cxn>
            <a:cxn ang="0">
              <a:pos x="4096" y="15701"/>
            </a:cxn>
            <a:cxn ang="0">
              <a:pos x="5632" y="16384"/>
            </a:cxn>
            <a:cxn ang="0">
              <a:pos x="6784" y="16043"/>
            </a:cxn>
            <a:cxn ang="0">
              <a:pos x="7296" y="14677"/>
            </a:cxn>
            <a:cxn ang="0">
              <a:pos x="8832" y="14848"/>
            </a:cxn>
            <a:cxn ang="0">
              <a:pos x="9728" y="16043"/>
            </a:cxn>
            <a:cxn ang="0">
              <a:pos x="11520" y="14848"/>
            </a:cxn>
            <a:cxn ang="0">
              <a:pos x="12928" y="13653"/>
            </a:cxn>
            <a:cxn ang="0">
              <a:pos x="14720" y="12800"/>
            </a:cxn>
            <a:cxn ang="0">
              <a:pos x="15744" y="11776"/>
            </a:cxn>
          </a:cxnLst>
          <a:rect l="0" t="0" r="r" b="b"/>
          <a:pathLst>
            <a:path w="16384" h="16384">
              <a:moveTo>
                <a:pt x="16256" y="11776"/>
              </a:moveTo>
              <a:lnTo>
                <a:pt x="16384" y="11093"/>
              </a:lnTo>
              <a:lnTo>
                <a:pt x="16000" y="10581"/>
              </a:lnTo>
              <a:lnTo>
                <a:pt x="15616" y="10240"/>
              </a:lnTo>
              <a:lnTo>
                <a:pt x="15616" y="9557"/>
              </a:lnTo>
              <a:lnTo>
                <a:pt x="15744" y="8704"/>
              </a:lnTo>
              <a:lnTo>
                <a:pt x="15360" y="8021"/>
              </a:lnTo>
              <a:lnTo>
                <a:pt x="14208" y="8192"/>
              </a:lnTo>
              <a:lnTo>
                <a:pt x="13696" y="8021"/>
              </a:lnTo>
              <a:lnTo>
                <a:pt x="13056" y="7680"/>
              </a:lnTo>
              <a:lnTo>
                <a:pt x="13056" y="6827"/>
              </a:lnTo>
              <a:lnTo>
                <a:pt x="12800" y="5461"/>
              </a:lnTo>
              <a:lnTo>
                <a:pt x="12544" y="5461"/>
              </a:lnTo>
              <a:lnTo>
                <a:pt x="11648" y="5461"/>
              </a:lnTo>
              <a:lnTo>
                <a:pt x="11136" y="5291"/>
              </a:lnTo>
              <a:lnTo>
                <a:pt x="10368" y="4437"/>
              </a:lnTo>
              <a:lnTo>
                <a:pt x="9728" y="3584"/>
              </a:lnTo>
              <a:lnTo>
                <a:pt x="9600" y="2901"/>
              </a:lnTo>
              <a:lnTo>
                <a:pt x="9344" y="1707"/>
              </a:lnTo>
              <a:lnTo>
                <a:pt x="8832" y="1365"/>
              </a:lnTo>
              <a:lnTo>
                <a:pt x="8448" y="2389"/>
              </a:lnTo>
              <a:lnTo>
                <a:pt x="7424" y="3243"/>
              </a:lnTo>
              <a:lnTo>
                <a:pt x="6272" y="2731"/>
              </a:lnTo>
              <a:lnTo>
                <a:pt x="5504" y="1877"/>
              </a:lnTo>
              <a:lnTo>
                <a:pt x="5248" y="2048"/>
              </a:lnTo>
              <a:lnTo>
                <a:pt x="4224" y="1536"/>
              </a:lnTo>
              <a:lnTo>
                <a:pt x="3328" y="1024"/>
              </a:lnTo>
              <a:lnTo>
                <a:pt x="2432" y="0"/>
              </a:lnTo>
              <a:lnTo>
                <a:pt x="2048" y="1365"/>
              </a:lnTo>
              <a:lnTo>
                <a:pt x="1408" y="1877"/>
              </a:lnTo>
              <a:lnTo>
                <a:pt x="1280" y="2389"/>
              </a:lnTo>
              <a:lnTo>
                <a:pt x="1536" y="2901"/>
              </a:lnTo>
              <a:lnTo>
                <a:pt x="2560" y="2901"/>
              </a:lnTo>
              <a:lnTo>
                <a:pt x="2944" y="4608"/>
              </a:lnTo>
              <a:lnTo>
                <a:pt x="3584" y="4779"/>
              </a:lnTo>
              <a:lnTo>
                <a:pt x="3456" y="5973"/>
              </a:lnTo>
              <a:lnTo>
                <a:pt x="4096" y="5973"/>
              </a:lnTo>
              <a:lnTo>
                <a:pt x="4480" y="6485"/>
              </a:lnTo>
              <a:lnTo>
                <a:pt x="4096" y="7339"/>
              </a:lnTo>
              <a:lnTo>
                <a:pt x="3200" y="8704"/>
              </a:lnTo>
              <a:lnTo>
                <a:pt x="2560" y="8704"/>
              </a:lnTo>
              <a:lnTo>
                <a:pt x="2304" y="9216"/>
              </a:lnTo>
              <a:lnTo>
                <a:pt x="1920" y="10240"/>
              </a:lnTo>
              <a:lnTo>
                <a:pt x="1536" y="10581"/>
              </a:lnTo>
              <a:lnTo>
                <a:pt x="1408" y="11776"/>
              </a:lnTo>
              <a:lnTo>
                <a:pt x="1408" y="12629"/>
              </a:lnTo>
              <a:lnTo>
                <a:pt x="1152" y="13312"/>
              </a:lnTo>
              <a:lnTo>
                <a:pt x="512" y="13824"/>
              </a:lnTo>
              <a:lnTo>
                <a:pt x="0" y="15019"/>
              </a:lnTo>
              <a:lnTo>
                <a:pt x="384" y="14848"/>
              </a:lnTo>
              <a:lnTo>
                <a:pt x="512" y="15189"/>
              </a:lnTo>
              <a:lnTo>
                <a:pt x="1152" y="15360"/>
              </a:lnTo>
              <a:lnTo>
                <a:pt x="2048" y="15360"/>
              </a:lnTo>
              <a:lnTo>
                <a:pt x="2816" y="15360"/>
              </a:lnTo>
              <a:lnTo>
                <a:pt x="3584" y="15531"/>
              </a:lnTo>
              <a:lnTo>
                <a:pt x="4096" y="15701"/>
              </a:lnTo>
              <a:lnTo>
                <a:pt x="4736" y="16213"/>
              </a:lnTo>
              <a:lnTo>
                <a:pt x="5632" y="16384"/>
              </a:lnTo>
              <a:lnTo>
                <a:pt x="6016" y="16384"/>
              </a:lnTo>
              <a:lnTo>
                <a:pt x="6784" y="16043"/>
              </a:lnTo>
              <a:lnTo>
                <a:pt x="7040" y="15019"/>
              </a:lnTo>
              <a:lnTo>
                <a:pt x="7296" y="14677"/>
              </a:lnTo>
              <a:lnTo>
                <a:pt x="8192" y="14848"/>
              </a:lnTo>
              <a:lnTo>
                <a:pt x="8832" y="14848"/>
              </a:lnTo>
              <a:lnTo>
                <a:pt x="9472" y="15360"/>
              </a:lnTo>
              <a:lnTo>
                <a:pt x="9728" y="16043"/>
              </a:lnTo>
              <a:lnTo>
                <a:pt x="10624" y="15701"/>
              </a:lnTo>
              <a:lnTo>
                <a:pt x="11520" y="14848"/>
              </a:lnTo>
              <a:lnTo>
                <a:pt x="12160" y="14677"/>
              </a:lnTo>
              <a:lnTo>
                <a:pt x="12928" y="13653"/>
              </a:lnTo>
              <a:lnTo>
                <a:pt x="13440" y="13653"/>
              </a:lnTo>
              <a:lnTo>
                <a:pt x="14720" y="12800"/>
              </a:lnTo>
              <a:lnTo>
                <a:pt x="14976" y="12629"/>
              </a:lnTo>
              <a:lnTo>
                <a:pt x="15744" y="11776"/>
              </a:lnTo>
              <a:lnTo>
                <a:pt x="16256" y="11776"/>
              </a:lnTo>
              <a:close/>
            </a:path>
          </a:pathLst>
        </a:custGeom>
        <a:solidFill>
          <a:srgbClr val="FF6600"/>
        </a:solidFill>
        <a:ln w="9525" cap="flat">
          <a:solidFill>
            <a:srgbClr val="000000"/>
          </a:solidFill>
          <a:prstDash val="solid"/>
          <a:round/>
          <a:headEnd/>
          <a:tailEnd/>
        </a:ln>
      </xdr:spPr>
    </xdr:sp>
    <xdr:clientData/>
  </xdr:twoCellAnchor>
  <xdr:twoCellAnchor editAs="oneCell">
    <xdr:from>
      <xdr:col>9</xdr:col>
      <xdr:colOff>485775</xdr:colOff>
      <xdr:row>22</xdr:row>
      <xdr:rowOff>142875</xdr:rowOff>
    </xdr:from>
    <xdr:to>
      <xdr:col>12</xdr:col>
      <xdr:colOff>57150</xdr:colOff>
      <xdr:row>34</xdr:row>
      <xdr:rowOff>47624</xdr:rowOff>
    </xdr:to>
    <xdr:sp macro="" textlink="">
      <xdr:nvSpPr>
        <xdr:cNvPr id="167" name="d14205">
          <a:extLst>
            <a:ext uri="{FF2B5EF4-FFF2-40B4-BE49-F238E27FC236}">
              <a16:creationId xmlns:a16="http://schemas.microsoft.com/office/drawing/2014/main" id="{00000000-0008-0000-0000-0000A7000000}"/>
            </a:ext>
          </a:extLst>
        </xdr:cNvPr>
        <xdr:cNvSpPr>
          <a:spLocks/>
        </xdr:cNvSpPr>
      </xdr:nvSpPr>
      <xdr:spPr bwMode="auto">
        <a:xfrm>
          <a:off x="5972175" y="3495675"/>
          <a:ext cx="1400175" cy="1733549"/>
        </a:xfrm>
        <a:custGeom>
          <a:avLst/>
          <a:gdLst/>
          <a:ahLst/>
          <a:cxnLst>
            <a:cxn ang="0">
              <a:pos x="12037" y="5851"/>
            </a:cxn>
            <a:cxn ang="0">
              <a:pos x="11368" y="5311"/>
            </a:cxn>
            <a:cxn ang="0">
              <a:pos x="11257" y="4411"/>
            </a:cxn>
            <a:cxn ang="0">
              <a:pos x="11146" y="3601"/>
            </a:cxn>
            <a:cxn ang="0">
              <a:pos x="11146" y="2701"/>
            </a:cxn>
            <a:cxn ang="0">
              <a:pos x="11257" y="1800"/>
            </a:cxn>
            <a:cxn ang="0">
              <a:pos x="10477" y="1260"/>
            </a:cxn>
            <a:cxn ang="0">
              <a:pos x="9808" y="180"/>
            </a:cxn>
            <a:cxn ang="0">
              <a:pos x="9139" y="1080"/>
            </a:cxn>
            <a:cxn ang="0">
              <a:pos x="8136" y="900"/>
            </a:cxn>
            <a:cxn ang="0">
              <a:pos x="7356" y="450"/>
            </a:cxn>
            <a:cxn ang="0">
              <a:pos x="8025" y="1530"/>
            </a:cxn>
            <a:cxn ang="0">
              <a:pos x="8025" y="2971"/>
            </a:cxn>
            <a:cxn ang="0">
              <a:pos x="7245" y="3331"/>
            </a:cxn>
            <a:cxn ang="0">
              <a:pos x="6576" y="2521"/>
            </a:cxn>
            <a:cxn ang="0">
              <a:pos x="5127" y="1710"/>
            </a:cxn>
            <a:cxn ang="0">
              <a:pos x="4235" y="2071"/>
            </a:cxn>
            <a:cxn ang="0">
              <a:pos x="2341" y="2611"/>
            </a:cxn>
            <a:cxn ang="0">
              <a:pos x="1560" y="3871"/>
            </a:cxn>
            <a:cxn ang="0">
              <a:pos x="892" y="4231"/>
            </a:cxn>
            <a:cxn ang="0">
              <a:pos x="223" y="4051"/>
            </a:cxn>
            <a:cxn ang="0">
              <a:pos x="446" y="4591"/>
            </a:cxn>
            <a:cxn ang="0">
              <a:pos x="892" y="5401"/>
            </a:cxn>
            <a:cxn ang="0">
              <a:pos x="1226" y="6842"/>
            </a:cxn>
            <a:cxn ang="0">
              <a:pos x="3121" y="6212"/>
            </a:cxn>
            <a:cxn ang="0">
              <a:pos x="4904" y="6302"/>
            </a:cxn>
            <a:cxn ang="0">
              <a:pos x="4904" y="7382"/>
            </a:cxn>
            <a:cxn ang="0">
              <a:pos x="4570" y="7922"/>
            </a:cxn>
            <a:cxn ang="0">
              <a:pos x="5238" y="7652"/>
            </a:cxn>
            <a:cxn ang="0">
              <a:pos x="5350" y="8372"/>
            </a:cxn>
            <a:cxn ang="0">
              <a:pos x="6130" y="8822"/>
            </a:cxn>
            <a:cxn ang="0">
              <a:pos x="5684" y="9452"/>
            </a:cxn>
            <a:cxn ang="0">
              <a:pos x="6242" y="10533"/>
            </a:cxn>
            <a:cxn ang="0">
              <a:pos x="6464" y="11343"/>
            </a:cxn>
            <a:cxn ang="0">
              <a:pos x="6687" y="12423"/>
            </a:cxn>
            <a:cxn ang="0">
              <a:pos x="6242" y="13593"/>
            </a:cxn>
            <a:cxn ang="0">
              <a:pos x="5907" y="14764"/>
            </a:cxn>
            <a:cxn ang="0">
              <a:pos x="7356" y="14854"/>
            </a:cxn>
            <a:cxn ang="0">
              <a:pos x="9139" y="15034"/>
            </a:cxn>
            <a:cxn ang="0">
              <a:pos x="10588" y="15484"/>
            </a:cxn>
            <a:cxn ang="0">
              <a:pos x="11814" y="16384"/>
            </a:cxn>
            <a:cxn ang="0">
              <a:pos x="12483" y="16294"/>
            </a:cxn>
            <a:cxn ang="0">
              <a:pos x="13486" y="15394"/>
            </a:cxn>
            <a:cxn ang="0">
              <a:pos x="13709" y="14584"/>
            </a:cxn>
            <a:cxn ang="0">
              <a:pos x="14155" y="13773"/>
            </a:cxn>
            <a:cxn ang="0">
              <a:pos x="14712" y="12963"/>
            </a:cxn>
            <a:cxn ang="0">
              <a:pos x="16050" y="12243"/>
            </a:cxn>
            <a:cxn ang="0">
              <a:pos x="16050" y="11523"/>
            </a:cxn>
            <a:cxn ang="0">
              <a:pos x="15604" y="10893"/>
            </a:cxn>
            <a:cxn ang="0">
              <a:pos x="14712" y="9902"/>
            </a:cxn>
            <a:cxn ang="0">
              <a:pos x="13598" y="9632"/>
            </a:cxn>
            <a:cxn ang="0">
              <a:pos x="12372" y="9542"/>
            </a:cxn>
            <a:cxn ang="0">
              <a:pos x="12706" y="8372"/>
            </a:cxn>
            <a:cxn ang="0">
              <a:pos x="13375" y="7652"/>
            </a:cxn>
            <a:cxn ang="0">
              <a:pos x="13263" y="6932"/>
            </a:cxn>
            <a:cxn ang="0">
              <a:pos x="12483" y="6482"/>
            </a:cxn>
          </a:cxnLst>
          <a:rect l="0" t="0" r="r" b="b"/>
          <a:pathLst>
            <a:path w="16384" h="16384">
              <a:moveTo>
                <a:pt x="12260" y="5941"/>
              </a:moveTo>
              <a:lnTo>
                <a:pt x="12037" y="5851"/>
              </a:lnTo>
              <a:lnTo>
                <a:pt x="11814" y="5581"/>
              </a:lnTo>
              <a:lnTo>
                <a:pt x="11368" y="5311"/>
              </a:lnTo>
              <a:lnTo>
                <a:pt x="11368" y="4861"/>
              </a:lnTo>
              <a:lnTo>
                <a:pt x="11257" y="4411"/>
              </a:lnTo>
              <a:lnTo>
                <a:pt x="11034" y="4051"/>
              </a:lnTo>
              <a:lnTo>
                <a:pt x="11146" y="3601"/>
              </a:lnTo>
              <a:lnTo>
                <a:pt x="11034" y="3241"/>
              </a:lnTo>
              <a:lnTo>
                <a:pt x="11146" y="2701"/>
              </a:lnTo>
              <a:lnTo>
                <a:pt x="11257" y="2161"/>
              </a:lnTo>
              <a:lnTo>
                <a:pt x="11257" y="1800"/>
              </a:lnTo>
              <a:lnTo>
                <a:pt x="10923" y="1530"/>
              </a:lnTo>
              <a:lnTo>
                <a:pt x="10477" y="1260"/>
              </a:lnTo>
              <a:lnTo>
                <a:pt x="9697" y="990"/>
              </a:lnTo>
              <a:lnTo>
                <a:pt x="9808" y="180"/>
              </a:lnTo>
              <a:lnTo>
                <a:pt x="9362" y="0"/>
              </a:lnTo>
              <a:lnTo>
                <a:pt x="9139" y="1080"/>
              </a:lnTo>
              <a:lnTo>
                <a:pt x="8694" y="990"/>
              </a:lnTo>
              <a:lnTo>
                <a:pt x="8136" y="900"/>
              </a:lnTo>
              <a:lnTo>
                <a:pt x="7690" y="720"/>
              </a:lnTo>
              <a:lnTo>
                <a:pt x="7356" y="450"/>
              </a:lnTo>
              <a:lnTo>
                <a:pt x="6799" y="720"/>
              </a:lnTo>
              <a:lnTo>
                <a:pt x="8025" y="1530"/>
              </a:lnTo>
              <a:lnTo>
                <a:pt x="8471" y="1980"/>
              </a:lnTo>
              <a:lnTo>
                <a:pt x="8025" y="2971"/>
              </a:lnTo>
              <a:lnTo>
                <a:pt x="7133" y="2971"/>
              </a:lnTo>
              <a:lnTo>
                <a:pt x="7245" y="3331"/>
              </a:lnTo>
              <a:lnTo>
                <a:pt x="6687" y="3151"/>
              </a:lnTo>
              <a:lnTo>
                <a:pt x="6576" y="2521"/>
              </a:lnTo>
              <a:lnTo>
                <a:pt x="6130" y="2161"/>
              </a:lnTo>
              <a:lnTo>
                <a:pt x="5127" y="1710"/>
              </a:lnTo>
              <a:lnTo>
                <a:pt x="4235" y="1710"/>
              </a:lnTo>
              <a:lnTo>
                <a:pt x="4235" y="2071"/>
              </a:lnTo>
              <a:lnTo>
                <a:pt x="2786" y="1800"/>
              </a:lnTo>
              <a:lnTo>
                <a:pt x="2341" y="2611"/>
              </a:lnTo>
              <a:lnTo>
                <a:pt x="1783" y="3241"/>
              </a:lnTo>
              <a:lnTo>
                <a:pt x="1560" y="3871"/>
              </a:lnTo>
              <a:lnTo>
                <a:pt x="1226" y="3961"/>
              </a:lnTo>
              <a:lnTo>
                <a:pt x="892" y="4231"/>
              </a:lnTo>
              <a:lnTo>
                <a:pt x="557" y="4051"/>
              </a:lnTo>
              <a:lnTo>
                <a:pt x="223" y="4051"/>
              </a:lnTo>
              <a:lnTo>
                <a:pt x="0" y="4501"/>
              </a:lnTo>
              <a:lnTo>
                <a:pt x="446" y="4591"/>
              </a:lnTo>
              <a:lnTo>
                <a:pt x="223" y="5401"/>
              </a:lnTo>
              <a:lnTo>
                <a:pt x="892" y="5401"/>
              </a:lnTo>
              <a:lnTo>
                <a:pt x="780" y="6212"/>
              </a:lnTo>
              <a:lnTo>
                <a:pt x="1226" y="6842"/>
              </a:lnTo>
              <a:lnTo>
                <a:pt x="1449" y="7112"/>
              </a:lnTo>
              <a:lnTo>
                <a:pt x="3121" y="6212"/>
              </a:lnTo>
              <a:lnTo>
                <a:pt x="3901" y="6392"/>
              </a:lnTo>
              <a:lnTo>
                <a:pt x="4904" y="6302"/>
              </a:lnTo>
              <a:lnTo>
                <a:pt x="5238" y="6932"/>
              </a:lnTo>
              <a:lnTo>
                <a:pt x="4904" y="7382"/>
              </a:lnTo>
              <a:lnTo>
                <a:pt x="4904" y="7652"/>
              </a:lnTo>
              <a:lnTo>
                <a:pt x="4570" y="7922"/>
              </a:lnTo>
              <a:lnTo>
                <a:pt x="4904" y="8102"/>
              </a:lnTo>
              <a:lnTo>
                <a:pt x="5238" y="7652"/>
              </a:lnTo>
              <a:lnTo>
                <a:pt x="5461" y="7742"/>
              </a:lnTo>
              <a:lnTo>
                <a:pt x="5350" y="8372"/>
              </a:lnTo>
              <a:lnTo>
                <a:pt x="6242" y="8282"/>
              </a:lnTo>
              <a:lnTo>
                <a:pt x="6130" y="8822"/>
              </a:lnTo>
              <a:lnTo>
                <a:pt x="5796" y="9002"/>
              </a:lnTo>
              <a:lnTo>
                <a:pt x="5684" y="9452"/>
              </a:lnTo>
              <a:lnTo>
                <a:pt x="5796" y="10172"/>
              </a:lnTo>
              <a:lnTo>
                <a:pt x="6242" y="10533"/>
              </a:lnTo>
              <a:lnTo>
                <a:pt x="6464" y="10983"/>
              </a:lnTo>
              <a:lnTo>
                <a:pt x="6464" y="11343"/>
              </a:lnTo>
              <a:lnTo>
                <a:pt x="6799" y="11793"/>
              </a:lnTo>
              <a:lnTo>
                <a:pt x="6687" y="12423"/>
              </a:lnTo>
              <a:lnTo>
                <a:pt x="6464" y="13053"/>
              </a:lnTo>
              <a:lnTo>
                <a:pt x="6242" y="13593"/>
              </a:lnTo>
              <a:lnTo>
                <a:pt x="6019" y="14223"/>
              </a:lnTo>
              <a:lnTo>
                <a:pt x="5907" y="14764"/>
              </a:lnTo>
              <a:lnTo>
                <a:pt x="6687" y="14764"/>
              </a:lnTo>
              <a:lnTo>
                <a:pt x="7356" y="14854"/>
              </a:lnTo>
              <a:lnTo>
                <a:pt x="8136" y="14944"/>
              </a:lnTo>
              <a:lnTo>
                <a:pt x="9139" y="15034"/>
              </a:lnTo>
              <a:lnTo>
                <a:pt x="9920" y="15304"/>
              </a:lnTo>
              <a:lnTo>
                <a:pt x="10588" y="15484"/>
              </a:lnTo>
              <a:lnTo>
                <a:pt x="11146" y="16024"/>
              </a:lnTo>
              <a:lnTo>
                <a:pt x="11814" y="16384"/>
              </a:lnTo>
              <a:lnTo>
                <a:pt x="12149" y="16384"/>
              </a:lnTo>
              <a:lnTo>
                <a:pt x="12483" y="16294"/>
              </a:lnTo>
              <a:lnTo>
                <a:pt x="12929" y="15664"/>
              </a:lnTo>
              <a:lnTo>
                <a:pt x="13486" y="15394"/>
              </a:lnTo>
              <a:lnTo>
                <a:pt x="13709" y="15034"/>
              </a:lnTo>
              <a:lnTo>
                <a:pt x="13709" y="14584"/>
              </a:lnTo>
              <a:lnTo>
                <a:pt x="13821" y="13953"/>
              </a:lnTo>
              <a:lnTo>
                <a:pt x="14155" y="13773"/>
              </a:lnTo>
              <a:lnTo>
                <a:pt x="14489" y="13233"/>
              </a:lnTo>
              <a:lnTo>
                <a:pt x="14712" y="12963"/>
              </a:lnTo>
              <a:lnTo>
                <a:pt x="15269" y="12963"/>
              </a:lnTo>
              <a:lnTo>
                <a:pt x="16050" y="12243"/>
              </a:lnTo>
              <a:lnTo>
                <a:pt x="16384" y="11793"/>
              </a:lnTo>
              <a:lnTo>
                <a:pt x="16050" y="11523"/>
              </a:lnTo>
              <a:lnTo>
                <a:pt x="15492" y="11523"/>
              </a:lnTo>
              <a:lnTo>
                <a:pt x="15604" y="10893"/>
              </a:lnTo>
              <a:lnTo>
                <a:pt x="15047" y="10803"/>
              </a:lnTo>
              <a:lnTo>
                <a:pt x="14712" y="9902"/>
              </a:lnTo>
              <a:lnTo>
                <a:pt x="13821" y="9902"/>
              </a:lnTo>
              <a:lnTo>
                <a:pt x="13598" y="9632"/>
              </a:lnTo>
              <a:lnTo>
                <a:pt x="13040" y="9722"/>
              </a:lnTo>
              <a:lnTo>
                <a:pt x="12372" y="9542"/>
              </a:lnTo>
              <a:lnTo>
                <a:pt x="12483" y="8912"/>
              </a:lnTo>
              <a:lnTo>
                <a:pt x="12706" y="8372"/>
              </a:lnTo>
              <a:lnTo>
                <a:pt x="12929" y="7922"/>
              </a:lnTo>
              <a:lnTo>
                <a:pt x="13375" y="7652"/>
              </a:lnTo>
              <a:lnTo>
                <a:pt x="13486" y="7382"/>
              </a:lnTo>
              <a:lnTo>
                <a:pt x="13263" y="6932"/>
              </a:lnTo>
              <a:lnTo>
                <a:pt x="12929" y="6662"/>
              </a:lnTo>
              <a:lnTo>
                <a:pt x="12483" y="6482"/>
              </a:lnTo>
              <a:lnTo>
                <a:pt x="12260" y="5941"/>
              </a:lnTo>
              <a:close/>
            </a:path>
          </a:pathLst>
        </a:custGeom>
        <a:solidFill>
          <a:srgbClr val="FF0000"/>
        </a:solidFill>
        <a:ln w="9525" cap="flat">
          <a:solidFill>
            <a:srgbClr val="000000"/>
          </a:solidFill>
          <a:prstDash val="solid"/>
          <a:round/>
          <a:headEnd/>
          <a:tailEnd/>
        </a:ln>
      </xdr:spPr>
    </xdr:sp>
    <xdr:clientData/>
  </xdr:twoCellAnchor>
  <xdr:twoCellAnchor editAs="oneCell">
    <xdr:from>
      <xdr:col>3</xdr:col>
      <xdr:colOff>323850</xdr:colOff>
      <xdr:row>32</xdr:row>
      <xdr:rowOff>19050</xdr:rowOff>
    </xdr:from>
    <xdr:to>
      <xdr:col>6</xdr:col>
      <xdr:colOff>533400</xdr:colOff>
      <xdr:row>45</xdr:row>
      <xdr:rowOff>142875</xdr:rowOff>
    </xdr:to>
    <xdr:sp macro="" textlink="">
      <xdr:nvSpPr>
        <xdr:cNvPr id="168" name="d14206">
          <a:extLst>
            <a:ext uri="{FF2B5EF4-FFF2-40B4-BE49-F238E27FC236}">
              <a16:creationId xmlns:a16="http://schemas.microsoft.com/office/drawing/2014/main" id="{00000000-0008-0000-0000-0000A8000000}"/>
            </a:ext>
          </a:extLst>
        </xdr:cNvPr>
        <xdr:cNvSpPr>
          <a:spLocks/>
        </xdr:cNvSpPr>
      </xdr:nvSpPr>
      <xdr:spPr bwMode="auto">
        <a:xfrm>
          <a:off x="2152650" y="4895850"/>
          <a:ext cx="2038350" cy="2105025"/>
        </a:xfrm>
        <a:custGeom>
          <a:avLst/>
          <a:gdLst/>
          <a:ahLst/>
          <a:cxnLst>
            <a:cxn ang="0">
              <a:pos x="16078" y="3855"/>
            </a:cxn>
            <a:cxn ang="0">
              <a:pos x="16078" y="3484"/>
            </a:cxn>
            <a:cxn ang="0">
              <a:pos x="16307" y="2669"/>
            </a:cxn>
            <a:cxn ang="0">
              <a:pos x="16384" y="1631"/>
            </a:cxn>
            <a:cxn ang="0">
              <a:pos x="15848" y="1038"/>
            </a:cxn>
            <a:cxn ang="0">
              <a:pos x="14853" y="1409"/>
            </a:cxn>
            <a:cxn ang="0">
              <a:pos x="13551" y="1928"/>
            </a:cxn>
            <a:cxn ang="0">
              <a:pos x="12862" y="1557"/>
            </a:cxn>
            <a:cxn ang="0">
              <a:pos x="11943" y="1038"/>
            </a:cxn>
            <a:cxn ang="0">
              <a:pos x="11254" y="74"/>
            </a:cxn>
            <a:cxn ang="0">
              <a:pos x="10336" y="222"/>
            </a:cxn>
            <a:cxn ang="0">
              <a:pos x="9953" y="890"/>
            </a:cxn>
            <a:cxn ang="0">
              <a:pos x="9570" y="1186"/>
            </a:cxn>
            <a:cxn ang="0">
              <a:pos x="8269" y="1705"/>
            </a:cxn>
            <a:cxn ang="0">
              <a:pos x="7197" y="964"/>
            </a:cxn>
            <a:cxn ang="0">
              <a:pos x="6508" y="1483"/>
            </a:cxn>
            <a:cxn ang="0">
              <a:pos x="6584" y="2150"/>
            </a:cxn>
            <a:cxn ang="0">
              <a:pos x="6584" y="2891"/>
            </a:cxn>
            <a:cxn ang="0">
              <a:pos x="6508" y="3781"/>
            </a:cxn>
            <a:cxn ang="0">
              <a:pos x="6355" y="4448"/>
            </a:cxn>
            <a:cxn ang="0">
              <a:pos x="5436" y="4596"/>
            </a:cxn>
            <a:cxn ang="0">
              <a:pos x="5053" y="5264"/>
            </a:cxn>
            <a:cxn ang="0">
              <a:pos x="2756" y="5486"/>
            </a:cxn>
            <a:cxn ang="0">
              <a:pos x="1455" y="6005"/>
            </a:cxn>
            <a:cxn ang="0">
              <a:pos x="0" y="6153"/>
            </a:cxn>
            <a:cxn ang="0">
              <a:pos x="306" y="6820"/>
            </a:cxn>
            <a:cxn ang="0">
              <a:pos x="459" y="7784"/>
            </a:cxn>
            <a:cxn ang="0">
              <a:pos x="306" y="8229"/>
            </a:cxn>
            <a:cxn ang="0">
              <a:pos x="77" y="8896"/>
            </a:cxn>
            <a:cxn ang="0">
              <a:pos x="766" y="9341"/>
            </a:cxn>
            <a:cxn ang="0">
              <a:pos x="1378" y="9489"/>
            </a:cxn>
            <a:cxn ang="0">
              <a:pos x="2220" y="9860"/>
            </a:cxn>
            <a:cxn ang="0">
              <a:pos x="2833" y="9193"/>
            </a:cxn>
            <a:cxn ang="0">
              <a:pos x="3445" y="9267"/>
            </a:cxn>
            <a:cxn ang="0">
              <a:pos x="4134" y="9564"/>
            </a:cxn>
            <a:cxn ang="0">
              <a:pos x="5436" y="9489"/>
            </a:cxn>
            <a:cxn ang="0">
              <a:pos x="5130" y="10157"/>
            </a:cxn>
            <a:cxn ang="0">
              <a:pos x="5053" y="10824"/>
            </a:cxn>
            <a:cxn ang="0">
              <a:pos x="3981" y="10972"/>
            </a:cxn>
            <a:cxn ang="0">
              <a:pos x="3139" y="11417"/>
            </a:cxn>
            <a:cxn ang="0">
              <a:pos x="2373" y="12010"/>
            </a:cxn>
            <a:cxn ang="0">
              <a:pos x="2144" y="12825"/>
            </a:cxn>
            <a:cxn ang="0">
              <a:pos x="1531" y="13715"/>
            </a:cxn>
            <a:cxn ang="0">
              <a:pos x="2220" y="14382"/>
            </a:cxn>
            <a:cxn ang="0">
              <a:pos x="3062" y="14901"/>
            </a:cxn>
            <a:cxn ang="0">
              <a:pos x="4364" y="15198"/>
            </a:cxn>
            <a:cxn ang="0">
              <a:pos x="6814" y="16384"/>
            </a:cxn>
            <a:cxn ang="0">
              <a:pos x="6967" y="15791"/>
            </a:cxn>
            <a:cxn ang="0">
              <a:pos x="7120" y="14753"/>
            </a:cxn>
            <a:cxn ang="0">
              <a:pos x="7273" y="13641"/>
            </a:cxn>
            <a:cxn ang="0">
              <a:pos x="7350" y="12158"/>
            </a:cxn>
            <a:cxn ang="0">
              <a:pos x="7426" y="10305"/>
            </a:cxn>
            <a:cxn ang="0">
              <a:pos x="8192" y="9489"/>
            </a:cxn>
            <a:cxn ang="0">
              <a:pos x="9417" y="8748"/>
            </a:cxn>
            <a:cxn ang="0">
              <a:pos x="10719" y="7858"/>
            </a:cxn>
            <a:cxn ang="0">
              <a:pos x="11943" y="7043"/>
            </a:cxn>
            <a:cxn ang="0">
              <a:pos x="13092" y="6153"/>
            </a:cxn>
            <a:cxn ang="0">
              <a:pos x="14700" y="5190"/>
            </a:cxn>
            <a:cxn ang="0">
              <a:pos x="15772" y="4671"/>
            </a:cxn>
          </a:cxnLst>
          <a:rect l="0" t="0" r="r" b="b"/>
          <a:pathLst>
            <a:path w="16384" h="16384">
              <a:moveTo>
                <a:pt x="16154" y="4596"/>
              </a:moveTo>
              <a:lnTo>
                <a:pt x="16001" y="4152"/>
              </a:lnTo>
              <a:lnTo>
                <a:pt x="16078" y="3855"/>
              </a:lnTo>
              <a:lnTo>
                <a:pt x="16231" y="3633"/>
              </a:lnTo>
              <a:lnTo>
                <a:pt x="16231" y="3559"/>
              </a:lnTo>
              <a:lnTo>
                <a:pt x="16078" y="3484"/>
              </a:lnTo>
              <a:lnTo>
                <a:pt x="16307" y="3188"/>
              </a:lnTo>
              <a:lnTo>
                <a:pt x="16307" y="2817"/>
              </a:lnTo>
              <a:lnTo>
                <a:pt x="16307" y="2669"/>
              </a:lnTo>
              <a:lnTo>
                <a:pt x="16231" y="2372"/>
              </a:lnTo>
              <a:lnTo>
                <a:pt x="16307" y="2150"/>
              </a:lnTo>
              <a:lnTo>
                <a:pt x="16384" y="1631"/>
              </a:lnTo>
              <a:lnTo>
                <a:pt x="16078" y="1483"/>
              </a:lnTo>
              <a:lnTo>
                <a:pt x="15925" y="1260"/>
              </a:lnTo>
              <a:lnTo>
                <a:pt x="15848" y="1038"/>
              </a:lnTo>
              <a:lnTo>
                <a:pt x="15695" y="1112"/>
              </a:lnTo>
              <a:lnTo>
                <a:pt x="15312" y="1483"/>
              </a:lnTo>
              <a:lnTo>
                <a:pt x="14853" y="1409"/>
              </a:lnTo>
              <a:lnTo>
                <a:pt x="14240" y="1260"/>
              </a:lnTo>
              <a:lnTo>
                <a:pt x="13857" y="1631"/>
              </a:lnTo>
              <a:lnTo>
                <a:pt x="13551" y="1928"/>
              </a:lnTo>
              <a:lnTo>
                <a:pt x="13168" y="2150"/>
              </a:lnTo>
              <a:lnTo>
                <a:pt x="13092" y="1779"/>
              </a:lnTo>
              <a:lnTo>
                <a:pt x="12862" y="1557"/>
              </a:lnTo>
              <a:lnTo>
                <a:pt x="12709" y="1483"/>
              </a:lnTo>
              <a:lnTo>
                <a:pt x="12250" y="1260"/>
              </a:lnTo>
              <a:lnTo>
                <a:pt x="11943" y="1038"/>
              </a:lnTo>
              <a:lnTo>
                <a:pt x="11714" y="741"/>
              </a:lnTo>
              <a:lnTo>
                <a:pt x="11331" y="222"/>
              </a:lnTo>
              <a:lnTo>
                <a:pt x="11254" y="74"/>
              </a:lnTo>
              <a:lnTo>
                <a:pt x="11101" y="0"/>
              </a:lnTo>
              <a:lnTo>
                <a:pt x="10948" y="148"/>
              </a:lnTo>
              <a:lnTo>
                <a:pt x="10336" y="222"/>
              </a:lnTo>
              <a:lnTo>
                <a:pt x="10259" y="371"/>
              </a:lnTo>
              <a:lnTo>
                <a:pt x="10183" y="741"/>
              </a:lnTo>
              <a:lnTo>
                <a:pt x="9953" y="890"/>
              </a:lnTo>
              <a:lnTo>
                <a:pt x="9800" y="1112"/>
              </a:lnTo>
              <a:lnTo>
                <a:pt x="9647" y="1334"/>
              </a:lnTo>
              <a:lnTo>
                <a:pt x="9570" y="1186"/>
              </a:lnTo>
              <a:lnTo>
                <a:pt x="9187" y="1483"/>
              </a:lnTo>
              <a:lnTo>
                <a:pt x="8804" y="1705"/>
              </a:lnTo>
              <a:lnTo>
                <a:pt x="8269" y="1705"/>
              </a:lnTo>
              <a:lnTo>
                <a:pt x="7580" y="519"/>
              </a:lnTo>
              <a:lnTo>
                <a:pt x="7273" y="593"/>
              </a:lnTo>
              <a:lnTo>
                <a:pt x="7197" y="964"/>
              </a:lnTo>
              <a:lnTo>
                <a:pt x="6814" y="1038"/>
              </a:lnTo>
              <a:lnTo>
                <a:pt x="6584" y="1186"/>
              </a:lnTo>
              <a:lnTo>
                <a:pt x="6508" y="1483"/>
              </a:lnTo>
              <a:lnTo>
                <a:pt x="6661" y="1705"/>
              </a:lnTo>
              <a:lnTo>
                <a:pt x="6737" y="1928"/>
              </a:lnTo>
              <a:lnTo>
                <a:pt x="6584" y="2150"/>
              </a:lnTo>
              <a:lnTo>
                <a:pt x="6508" y="2298"/>
              </a:lnTo>
              <a:lnTo>
                <a:pt x="6508" y="2595"/>
              </a:lnTo>
              <a:lnTo>
                <a:pt x="6584" y="2891"/>
              </a:lnTo>
              <a:lnTo>
                <a:pt x="6584" y="3040"/>
              </a:lnTo>
              <a:lnTo>
                <a:pt x="6737" y="3707"/>
              </a:lnTo>
              <a:lnTo>
                <a:pt x="6508" y="3781"/>
              </a:lnTo>
              <a:lnTo>
                <a:pt x="6584" y="4003"/>
              </a:lnTo>
              <a:lnTo>
                <a:pt x="6508" y="4226"/>
              </a:lnTo>
              <a:lnTo>
                <a:pt x="6355" y="4448"/>
              </a:lnTo>
              <a:lnTo>
                <a:pt x="6048" y="4596"/>
              </a:lnTo>
              <a:lnTo>
                <a:pt x="5665" y="4522"/>
              </a:lnTo>
              <a:lnTo>
                <a:pt x="5436" y="4596"/>
              </a:lnTo>
              <a:lnTo>
                <a:pt x="5436" y="4819"/>
              </a:lnTo>
              <a:lnTo>
                <a:pt x="5512" y="5190"/>
              </a:lnTo>
              <a:lnTo>
                <a:pt x="5053" y="5264"/>
              </a:lnTo>
              <a:lnTo>
                <a:pt x="4823" y="5264"/>
              </a:lnTo>
              <a:lnTo>
                <a:pt x="4287" y="5338"/>
              </a:lnTo>
              <a:lnTo>
                <a:pt x="2756" y="5486"/>
              </a:lnTo>
              <a:lnTo>
                <a:pt x="2603" y="5708"/>
              </a:lnTo>
              <a:lnTo>
                <a:pt x="1991" y="5783"/>
              </a:lnTo>
              <a:lnTo>
                <a:pt x="1455" y="6005"/>
              </a:lnTo>
              <a:lnTo>
                <a:pt x="1148" y="6005"/>
              </a:lnTo>
              <a:lnTo>
                <a:pt x="536" y="6005"/>
              </a:lnTo>
              <a:lnTo>
                <a:pt x="0" y="6153"/>
              </a:lnTo>
              <a:lnTo>
                <a:pt x="0" y="6302"/>
              </a:lnTo>
              <a:lnTo>
                <a:pt x="77" y="6524"/>
              </a:lnTo>
              <a:lnTo>
                <a:pt x="306" y="6820"/>
              </a:lnTo>
              <a:lnTo>
                <a:pt x="306" y="7191"/>
              </a:lnTo>
              <a:lnTo>
                <a:pt x="383" y="7562"/>
              </a:lnTo>
              <a:lnTo>
                <a:pt x="459" y="7784"/>
              </a:lnTo>
              <a:lnTo>
                <a:pt x="689" y="7784"/>
              </a:lnTo>
              <a:lnTo>
                <a:pt x="612" y="8081"/>
              </a:lnTo>
              <a:lnTo>
                <a:pt x="306" y="8229"/>
              </a:lnTo>
              <a:lnTo>
                <a:pt x="0" y="8451"/>
              </a:lnTo>
              <a:lnTo>
                <a:pt x="0" y="8748"/>
              </a:lnTo>
              <a:lnTo>
                <a:pt x="77" y="8896"/>
              </a:lnTo>
              <a:lnTo>
                <a:pt x="306" y="8822"/>
              </a:lnTo>
              <a:lnTo>
                <a:pt x="536" y="9341"/>
              </a:lnTo>
              <a:lnTo>
                <a:pt x="766" y="9341"/>
              </a:lnTo>
              <a:lnTo>
                <a:pt x="995" y="9193"/>
              </a:lnTo>
              <a:lnTo>
                <a:pt x="1148" y="9193"/>
              </a:lnTo>
              <a:lnTo>
                <a:pt x="1378" y="9489"/>
              </a:lnTo>
              <a:lnTo>
                <a:pt x="1608" y="9786"/>
              </a:lnTo>
              <a:lnTo>
                <a:pt x="1991" y="9934"/>
              </a:lnTo>
              <a:lnTo>
                <a:pt x="2220" y="9860"/>
              </a:lnTo>
              <a:lnTo>
                <a:pt x="2756" y="9638"/>
              </a:lnTo>
              <a:lnTo>
                <a:pt x="2756" y="9564"/>
              </a:lnTo>
              <a:lnTo>
                <a:pt x="2833" y="9193"/>
              </a:lnTo>
              <a:lnTo>
                <a:pt x="3062" y="9119"/>
              </a:lnTo>
              <a:lnTo>
                <a:pt x="3292" y="9193"/>
              </a:lnTo>
              <a:lnTo>
                <a:pt x="3445" y="9267"/>
              </a:lnTo>
              <a:lnTo>
                <a:pt x="3675" y="9489"/>
              </a:lnTo>
              <a:lnTo>
                <a:pt x="3828" y="9564"/>
              </a:lnTo>
              <a:lnTo>
                <a:pt x="4134" y="9564"/>
              </a:lnTo>
              <a:lnTo>
                <a:pt x="4441" y="9638"/>
              </a:lnTo>
              <a:lnTo>
                <a:pt x="4747" y="9638"/>
              </a:lnTo>
              <a:lnTo>
                <a:pt x="5436" y="9489"/>
              </a:lnTo>
              <a:lnTo>
                <a:pt x="5512" y="9564"/>
              </a:lnTo>
              <a:lnTo>
                <a:pt x="5436" y="9934"/>
              </a:lnTo>
              <a:lnTo>
                <a:pt x="5130" y="10157"/>
              </a:lnTo>
              <a:lnTo>
                <a:pt x="5053" y="10379"/>
              </a:lnTo>
              <a:lnTo>
                <a:pt x="5053" y="10601"/>
              </a:lnTo>
              <a:lnTo>
                <a:pt x="5053" y="10824"/>
              </a:lnTo>
              <a:lnTo>
                <a:pt x="4747" y="10972"/>
              </a:lnTo>
              <a:lnTo>
                <a:pt x="4364" y="10972"/>
              </a:lnTo>
              <a:lnTo>
                <a:pt x="3981" y="10972"/>
              </a:lnTo>
              <a:lnTo>
                <a:pt x="3828" y="11120"/>
              </a:lnTo>
              <a:lnTo>
                <a:pt x="3522" y="11194"/>
              </a:lnTo>
              <a:lnTo>
                <a:pt x="3139" y="11417"/>
              </a:lnTo>
              <a:lnTo>
                <a:pt x="2833" y="11639"/>
              </a:lnTo>
              <a:lnTo>
                <a:pt x="2603" y="11936"/>
              </a:lnTo>
              <a:lnTo>
                <a:pt x="2373" y="12010"/>
              </a:lnTo>
              <a:lnTo>
                <a:pt x="2144" y="12232"/>
              </a:lnTo>
              <a:lnTo>
                <a:pt x="2220" y="12529"/>
              </a:lnTo>
              <a:lnTo>
                <a:pt x="2144" y="12825"/>
              </a:lnTo>
              <a:lnTo>
                <a:pt x="1914" y="13122"/>
              </a:lnTo>
              <a:lnTo>
                <a:pt x="1837" y="13567"/>
              </a:lnTo>
              <a:lnTo>
                <a:pt x="1531" y="13715"/>
              </a:lnTo>
              <a:lnTo>
                <a:pt x="1531" y="14086"/>
              </a:lnTo>
              <a:lnTo>
                <a:pt x="1761" y="14234"/>
              </a:lnTo>
              <a:lnTo>
                <a:pt x="2220" y="14382"/>
              </a:lnTo>
              <a:lnTo>
                <a:pt x="2450" y="14382"/>
              </a:lnTo>
              <a:lnTo>
                <a:pt x="2756" y="14531"/>
              </a:lnTo>
              <a:lnTo>
                <a:pt x="3062" y="14901"/>
              </a:lnTo>
              <a:lnTo>
                <a:pt x="3522" y="14975"/>
              </a:lnTo>
              <a:lnTo>
                <a:pt x="3981" y="15124"/>
              </a:lnTo>
              <a:lnTo>
                <a:pt x="4364" y="15198"/>
              </a:lnTo>
              <a:lnTo>
                <a:pt x="4747" y="15346"/>
              </a:lnTo>
              <a:lnTo>
                <a:pt x="5589" y="15643"/>
              </a:lnTo>
              <a:lnTo>
                <a:pt x="6814" y="16384"/>
              </a:lnTo>
              <a:lnTo>
                <a:pt x="7044" y="16236"/>
              </a:lnTo>
              <a:lnTo>
                <a:pt x="6967" y="16013"/>
              </a:lnTo>
              <a:lnTo>
                <a:pt x="6967" y="15791"/>
              </a:lnTo>
              <a:lnTo>
                <a:pt x="7044" y="15569"/>
              </a:lnTo>
              <a:lnTo>
                <a:pt x="7197" y="15124"/>
              </a:lnTo>
              <a:lnTo>
                <a:pt x="7120" y="14753"/>
              </a:lnTo>
              <a:lnTo>
                <a:pt x="7044" y="14382"/>
              </a:lnTo>
              <a:lnTo>
                <a:pt x="7120" y="13938"/>
              </a:lnTo>
              <a:lnTo>
                <a:pt x="7273" y="13641"/>
              </a:lnTo>
              <a:lnTo>
                <a:pt x="7350" y="13270"/>
              </a:lnTo>
              <a:lnTo>
                <a:pt x="7503" y="12677"/>
              </a:lnTo>
              <a:lnTo>
                <a:pt x="7350" y="12158"/>
              </a:lnTo>
              <a:lnTo>
                <a:pt x="7273" y="11343"/>
              </a:lnTo>
              <a:lnTo>
                <a:pt x="7350" y="10750"/>
              </a:lnTo>
              <a:lnTo>
                <a:pt x="7426" y="10305"/>
              </a:lnTo>
              <a:lnTo>
                <a:pt x="7733" y="10082"/>
              </a:lnTo>
              <a:lnTo>
                <a:pt x="8039" y="9638"/>
              </a:lnTo>
              <a:lnTo>
                <a:pt x="8192" y="9489"/>
              </a:lnTo>
              <a:lnTo>
                <a:pt x="8422" y="9564"/>
              </a:lnTo>
              <a:lnTo>
                <a:pt x="8958" y="9193"/>
              </a:lnTo>
              <a:lnTo>
                <a:pt x="9417" y="8748"/>
              </a:lnTo>
              <a:lnTo>
                <a:pt x="9953" y="8377"/>
              </a:lnTo>
              <a:lnTo>
                <a:pt x="10336" y="8081"/>
              </a:lnTo>
              <a:lnTo>
                <a:pt x="10719" y="7858"/>
              </a:lnTo>
              <a:lnTo>
                <a:pt x="11101" y="7710"/>
              </a:lnTo>
              <a:lnTo>
                <a:pt x="11561" y="7339"/>
              </a:lnTo>
              <a:lnTo>
                <a:pt x="11943" y="7043"/>
              </a:lnTo>
              <a:lnTo>
                <a:pt x="12403" y="6746"/>
              </a:lnTo>
              <a:lnTo>
                <a:pt x="12709" y="6524"/>
              </a:lnTo>
              <a:lnTo>
                <a:pt x="13092" y="6153"/>
              </a:lnTo>
              <a:lnTo>
                <a:pt x="13704" y="5708"/>
              </a:lnTo>
              <a:lnTo>
                <a:pt x="14164" y="5486"/>
              </a:lnTo>
              <a:lnTo>
                <a:pt x="14700" y="5190"/>
              </a:lnTo>
              <a:lnTo>
                <a:pt x="15082" y="4967"/>
              </a:lnTo>
              <a:lnTo>
                <a:pt x="15465" y="4893"/>
              </a:lnTo>
              <a:lnTo>
                <a:pt x="15772" y="4671"/>
              </a:lnTo>
              <a:lnTo>
                <a:pt x="16154" y="4596"/>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9</xdr:col>
      <xdr:colOff>200025</xdr:colOff>
      <xdr:row>27</xdr:row>
      <xdr:rowOff>38100</xdr:rowOff>
    </xdr:from>
    <xdr:to>
      <xdr:col>10</xdr:col>
      <xdr:colOff>457200</xdr:colOff>
      <xdr:row>33</xdr:row>
      <xdr:rowOff>85726</xdr:rowOff>
    </xdr:to>
    <xdr:sp macro="" textlink="">
      <xdr:nvSpPr>
        <xdr:cNvPr id="169" name="d14207">
          <a:extLst>
            <a:ext uri="{FF2B5EF4-FFF2-40B4-BE49-F238E27FC236}">
              <a16:creationId xmlns:a16="http://schemas.microsoft.com/office/drawing/2014/main" id="{00000000-0008-0000-0000-0000A9000000}"/>
            </a:ext>
          </a:extLst>
        </xdr:cNvPr>
        <xdr:cNvSpPr>
          <a:spLocks/>
        </xdr:cNvSpPr>
      </xdr:nvSpPr>
      <xdr:spPr bwMode="auto">
        <a:xfrm>
          <a:off x="5686425" y="4152900"/>
          <a:ext cx="866775" cy="962026"/>
        </a:xfrm>
        <a:custGeom>
          <a:avLst/>
          <a:gdLst/>
          <a:ahLst/>
          <a:cxnLst>
            <a:cxn ang="0">
              <a:pos x="180" y="8111"/>
            </a:cxn>
            <a:cxn ang="0">
              <a:pos x="180" y="9571"/>
            </a:cxn>
            <a:cxn ang="0">
              <a:pos x="180" y="10220"/>
            </a:cxn>
            <a:cxn ang="0">
              <a:pos x="540" y="10220"/>
            </a:cxn>
            <a:cxn ang="0">
              <a:pos x="900" y="10220"/>
            </a:cxn>
            <a:cxn ang="0">
              <a:pos x="1260" y="10544"/>
            </a:cxn>
            <a:cxn ang="0">
              <a:pos x="1260" y="11031"/>
            </a:cxn>
            <a:cxn ang="0">
              <a:pos x="720" y="11517"/>
            </a:cxn>
            <a:cxn ang="0">
              <a:pos x="360" y="12329"/>
            </a:cxn>
            <a:cxn ang="0">
              <a:pos x="0" y="13302"/>
            </a:cxn>
            <a:cxn ang="0">
              <a:pos x="0" y="14275"/>
            </a:cxn>
            <a:cxn ang="0">
              <a:pos x="720" y="14762"/>
            </a:cxn>
            <a:cxn ang="0">
              <a:pos x="1260" y="15411"/>
            </a:cxn>
            <a:cxn ang="0">
              <a:pos x="1260" y="16384"/>
            </a:cxn>
            <a:cxn ang="0">
              <a:pos x="2521" y="16222"/>
            </a:cxn>
            <a:cxn ang="0">
              <a:pos x="3781" y="16060"/>
            </a:cxn>
            <a:cxn ang="0">
              <a:pos x="5221" y="16060"/>
            </a:cxn>
            <a:cxn ang="0">
              <a:pos x="6121" y="16060"/>
            </a:cxn>
            <a:cxn ang="0">
              <a:pos x="7562" y="15411"/>
            </a:cxn>
            <a:cxn ang="0">
              <a:pos x="8822" y="15735"/>
            </a:cxn>
            <a:cxn ang="0">
              <a:pos x="10263" y="15735"/>
            </a:cxn>
            <a:cxn ang="0">
              <a:pos x="11523" y="15735"/>
            </a:cxn>
            <a:cxn ang="0">
              <a:pos x="12603" y="15248"/>
            </a:cxn>
            <a:cxn ang="0">
              <a:pos x="14043" y="15411"/>
            </a:cxn>
            <a:cxn ang="0">
              <a:pos x="14944" y="15411"/>
            </a:cxn>
            <a:cxn ang="0">
              <a:pos x="15124" y="14437"/>
            </a:cxn>
            <a:cxn ang="0">
              <a:pos x="15484" y="13302"/>
            </a:cxn>
            <a:cxn ang="0">
              <a:pos x="15844" y="12329"/>
            </a:cxn>
            <a:cxn ang="0">
              <a:pos x="16204" y="11193"/>
            </a:cxn>
            <a:cxn ang="0">
              <a:pos x="16384" y="10058"/>
            </a:cxn>
            <a:cxn ang="0">
              <a:pos x="15844" y="9246"/>
            </a:cxn>
            <a:cxn ang="0">
              <a:pos x="15844" y="8598"/>
            </a:cxn>
            <a:cxn ang="0">
              <a:pos x="15484" y="7786"/>
            </a:cxn>
            <a:cxn ang="0">
              <a:pos x="14764" y="7138"/>
            </a:cxn>
            <a:cxn ang="0">
              <a:pos x="14584" y="5840"/>
            </a:cxn>
            <a:cxn ang="0">
              <a:pos x="14764" y="5029"/>
            </a:cxn>
            <a:cxn ang="0">
              <a:pos x="15304" y="4704"/>
            </a:cxn>
            <a:cxn ang="0">
              <a:pos x="15484" y="3731"/>
            </a:cxn>
            <a:cxn ang="0">
              <a:pos x="14043" y="3893"/>
            </a:cxn>
            <a:cxn ang="0">
              <a:pos x="14223" y="2758"/>
            </a:cxn>
            <a:cxn ang="0">
              <a:pos x="13863" y="2595"/>
            </a:cxn>
            <a:cxn ang="0">
              <a:pos x="13323" y="3407"/>
            </a:cxn>
            <a:cxn ang="0">
              <a:pos x="12783" y="3082"/>
            </a:cxn>
            <a:cxn ang="0">
              <a:pos x="13323" y="2595"/>
            </a:cxn>
            <a:cxn ang="0">
              <a:pos x="13323" y="2109"/>
            </a:cxn>
            <a:cxn ang="0">
              <a:pos x="13863" y="1298"/>
            </a:cxn>
            <a:cxn ang="0">
              <a:pos x="13323" y="162"/>
            </a:cxn>
            <a:cxn ang="0">
              <a:pos x="11703" y="324"/>
            </a:cxn>
            <a:cxn ang="0">
              <a:pos x="10443" y="0"/>
            </a:cxn>
            <a:cxn ang="0">
              <a:pos x="7742" y="1622"/>
            </a:cxn>
            <a:cxn ang="0">
              <a:pos x="7562" y="2433"/>
            </a:cxn>
            <a:cxn ang="0">
              <a:pos x="7202" y="3569"/>
            </a:cxn>
            <a:cxn ang="0">
              <a:pos x="6482" y="4218"/>
            </a:cxn>
            <a:cxn ang="0">
              <a:pos x="5581" y="4867"/>
            </a:cxn>
            <a:cxn ang="0">
              <a:pos x="5401" y="5515"/>
            </a:cxn>
            <a:cxn ang="0">
              <a:pos x="5941" y="6002"/>
            </a:cxn>
            <a:cxn ang="0">
              <a:pos x="5941" y="6651"/>
            </a:cxn>
            <a:cxn ang="0">
              <a:pos x="5401" y="7624"/>
            </a:cxn>
            <a:cxn ang="0">
              <a:pos x="3061" y="7786"/>
            </a:cxn>
            <a:cxn ang="0">
              <a:pos x="1440" y="8111"/>
            </a:cxn>
            <a:cxn ang="0">
              <a:pos x="180" y="8111"/>
            </a:cxn>
          </a:cxnLst>
          <a:rect l="0" t="0" r="r" b="b"/>
          <a:pathLst>
            <a:path w="16384" h="16384">
              <a:moveTo>
                <a:pt x="180" y="8111"/>
              </a:moveTo>
              <a:lnTo>
                <a:pt x="180" y="9571"/>
              </a:lnTo>
              <a:lnTo>
                <a:pt x="180" y="10220"/>
              </a:lnTo>
              <a:lnTo>
                <a:pt x="540" y="10220"/>
              </a:lnTo>
              <a:lnTo>
                <a:pt x="900" y="10220"/>
              </a:lnTo>
              <a:lnTo>
                <a:pt x="1260" y="10544"/>
              </a:lnTo>
              <a:lnTo>
                <a:pt x="1260" y="11031"/>
              </a:lnTo>
              <a:lnTo>
                <a:pt x="720" y="11517"/>
              </a:lnTo>
              <a:lnTo>
                <a:pt x="360" y="12329"/>
              </a:lnTo>
              <a:lnTo>
                <a:pt x="0" y="13302"/>
              </a:lnTo>
              <a:lnTo>
                <a:pt x="0" y="14275"/>
              </a:lnTo>
              <a:lnTo>
                <a:pt x="720" y="14762"/>
              </a:lnTo>
              <a:lnTo>
                <a:pt x="1260" y="15411"/>
              </a:lnTo>
              <a:lnTo>
                <a:pt x="1260" y="16384"/>
              </a:lnTo>
              <a:lnTo>
                <a:pt x="2521" y="16222"/>
              </a:lnTo>
              <a:lnTo>
                <a:pt x="3781" y="16060"/>
              </a:lnTo>
              <a:lnTo>
                <a:pt x="5221" y="16060"/>
              </a:lnTo>
              <a:lnTo>
                <a:pt x="6121" y="16060"/>
              </a:lnTo>
              <a:lnTo>
                <a:pt x="7562" y="15411"/>
              </a:lnTo>
              <a:lnTo>
                <a:pt x="8822" y="15735"/>
              </a:lnTo>
              <a:lnTo>
                <a:pt x="10263" y="15735"/>
              </a:lnTo>
              <a:lnTo>
                <a:pt x="11523" y="15735"/>
              </a:lnTo>
              <a:lnTo>
                <a:pt x="12603" y="15248"/>
              </a:lnTo>
              <a:lnTo>
                <a:pt x="14043" y="15411"/>
              </a:lnTo>
              <a:lnTo>
                <a:pt x="14944" y="15411"/>
              </a:lnTo>
              <a:lnTo>
                <a:pt x="15124" y="14437"/>
              </a:lnTo>
              <a:lnTo>
                <a:pt x="15484" y="13302"/>
              </a:lnTo>
              <a:lnTo>
                <a:pt x="15844" y="12329"/>
              </a:lnTo>
              <a:lnTo>
                <a:pt x="16204" y="11193"/>
              </a:lnTo>
              <a:lnTo>
                <a:pt x="16384" y="10058"/>
              </a:lnTo>
              <a:lnTo>
                <a:pt x="15844" y="9246"/>
              </a:lnTo>
              <a:lnTo>
                <a:pt x="15844" y="8598"/>
              </a:lnTo>
              <a:lnTo>
                <a:pt x="15484" y="7786"/>
              </a:lnTo>
              <a:lnTo>
                <a:pt x="14764" y="7138"/>
              </a:lnTo>
              <a:lnTo>
                <a:pt x="14584" y="5840"/>
              </a:lnTo>
              <a:lnTo>
                <a:pt x="14764" y="5029"/>
              </a:lnTo>
              <a:lnTo>
                <a:pt x="15304" y="4704"/>
              </a:lnTo>
              <a:lnTo>
                <a:pt x="15484" y="3731"/>
              </a:lnTo>
              <a:lnTo>
                <a:pt x="14043" y="3893"/>
              </a:lnTo>
              <a:lnTo>
                <a:pt x="14223" y="2758"/>
              </a:lnTo>
              <a:lnTo>
                <a:pt x="13863" y="2595"/>
              </a:lnTo>
              <a:lnTo>
                <a:pt x="13323" y="3407"/>
              </a:lnTo>
              <a:lnTo>
                <a:pt x="12783" y="3082"/>
              </a:lnTo>
              <a:lnTo>
                <a:pt x="13323" y="2595"/>
              </a:lnTo>
              <a:lnTo>
                <a:pt x="13323" y="2109"/>
              </a:lnTo>
              <a:lnTo>
                <a:pt x="13863" y="1298"/>
              </a:lnTo>
              <a:lnTo>
                <a:pt x="13323" y="162"/>
              </a:lnTo>
              <a:lnTo>
                <a:pt x="11703" y="324"/>
              </a:lnTo>
              <a:lnTo>
                <a:pt x="10443" y="0"/>
              </a:lnTo>
              <a:lnTo>
                <a:pt x="7742" y="1622"/>
              </a:lnTo>
              <a:lnTo>
                <a:pt x="7562" y="2433"/>
              </a:lnTo>
              <a:lnTo>
                <a:pt x="7202" y="3569"/>
              </a:lnTo>
              <a:lnTo>
                <a:pt x="6482" y="4218"/>
              </a:lnTo>
              <a:lnTo>
                <a:pt x="5581" y="4867"/>
              </a:lnTo>
              <a:lnTo>
                <a:pt x="5401" y="5515"/>
              </a:lnTo>
              <a:lnTo>
                <a:pt x="5941" y="6002"/>
              </a:lnTo>
              <a:lnTo>
                <a:pt x="5941" y="6651"/>
              </a:lnTo>
              <a:lnTo>
                <a:pt x="5401" y="7624"/>
              </a:lnTo>
              <a:lnTo>
                <a:pt x="3061" y="7786"/>
              </a:lnTo>
              <a:lnTo>
                <a:pt x="1440" y="8111"/>
              </a:lnTo>
              <a:lnTo>
                <a:pt x="180" y="8111"/>
              </a:lnTo>
              <a:close/>
            </a:path>
          </a:pathLst>
        </a:custGeom>
        <a:solidFill>
          <a:srgbClr val="FF0000"/>
        </a:solidFill>
        <a:ln w="9525" cap="flat">
          <a:solidFill>
            <a:srgbClr val="000000"/>
          </a:solidFill>
          <a:prstDash val="solid"/>
          <a:round/>
          <a:headEnd/>
          <a:tailEnd/>
        </a:ln>
      </xdr:spPr>
    </xdr:sp>
    <xdr:clientData/>
  </xdr:twoCellAnchor>
  <xdr:twoCellAnchor editAs="oneCell">
    <xdr:from>
      <xdr:col>12</xdr:col>
      <xdr:colOff>447675</xdr:colOff>
      <xdr:row>33</xdr:row>
      <xdr:rowOff>9525</xdr:rowOff>
    </xdr:from>
    <xdr:to>
      <xdr:col>14</xdr:col>
      <xdr:colOff>76200</xdr:colOff>
      <xdr:row>37</xdr:row>
      <xdr:rowOff>19049</xdr:rowOff>
    </xdr:to>
    <xdr:sp macro="" textlink="">
      <xdr:nvSpPr>
        <xdr:cNvPr id="170" name="d14208">
          <a:extLst>
            <a:ext uri="{FF2B5EF4-FFF2-40B4-BE49-F238E27FC236}">
              <a16:creationId xmlns:a16="http://schemas.microsoft.com/office/drawing/2014/main" id="{00000000-0008-0000-0000-0000AA000000}"/>
            </a:ext>
          </a:extLst>
        </xdr:cNvPr>
        <xdr:cNvSpPr>
          <a:spLocks/>
        </xdr:cNvSpPr>
      </xdr:nvSpPr>
      <xdr:spPr bwMode="auto">
        <a:xfrm>
          <a:off x="7762875" y="5038725"/>
          <a:ext cx="847725" cy="619124"/>
        </a:xfrm>
        <a:custGeom>
          <a:avLst/>
          <a:gdLst/>
          <a:ahLst/>
          <a:cxnLst>
            <a:cxn ang="0">
              <a:pos x="12150" y="2521"/>
            </a:cxn>
            <a:cxn ang="0">
              <a:pos x="10861" y="2016"/>
            </a:cxn>
            <a:cxn ang="0">
              <a:pos x="9389" y="0"/>
            </a:cxn>
            <a:cxn ang="0">
              <a:pos x="7548" y="1260"/>
            </a:cxn>
            <a:cxn ang="0">
              <a:pos x="5339" y="2773"/>
            </a:cxn>
            <a:cxn ang="0">
              <a:pos x="3498" y="4285"/>
            </a:cxn>
            <a:cxn ang="0">
              <a:pos x="1289" y="5797"/>
            </a:cxn>
            <a:cxn ang="0">
              <a:pos x="368" y="7058"/>
            </a:cxn>
            <a:cxn ang="0">
              <a:pos x="0" y="8570"/>
            </a:cxn>
            <a:cxn ang="0">
              <a:pos x="1105" y="8822"/>
            </a:cxn>
            <a:cxn ang="0">
              <a:pos x="2025" y="9830"/>
            </a:cxn>
            <a:cxn ang="0">
              <a:pos x="3682" y="9830"/>
            </a:cxn>
            <a:cxn ang="0">
              <a:pos x="4786" y="12099"/>
            </a:cxn>
            <a:cxn ang="0">
              <a:pos x="5155" y="13863"/>
            </a:cxn>
            <a:cxn ang="0">
              <a:pos x="6627" y="12351"/>
            </a:cxn>
            <a:cxn ang="0">
              <a:pos x="7916" y="11847"/>
            </a:cxn>
            <a:cxn ang="0">
              <a:pos x="9020" y="10839"/>
            </a:cxn>
            <a:cxn ang="0">
              <a:pos x="10309" y="10839"/>
            </a:cxn>
            <a:cxn ang="0">
              <a:pos x="11966" y="11091"/>
            </a:cxn>
            <a:cxn ang="0">
              <a:pos x="13439" y="11595"/>
            </a:cxn>
            <a:cxn ang="0">
              <a:pos x="12150" y="13863"/>
            </a:cxn>
            <a:cxn ang="0">
              <a:pos x="10677" y="14368"/>
            </a:cxn>
            <a:cxn ang="0">
              <a:pos x="10125" y="14872"/>
            </a:cxn>
            <a:cxn ang="0">
              <a:pos x="11229" y="15628"/>
            </a:cxn>
            <a:cxn ang="0">
              <a:pos x="12702" y="15880"/>
            </a:cxn>
            <a:cxn ang="0">
              <a:pos x="14359" y="15628"/>
            </a:cxn>
            <a:cxn ang="0">
              <a:pos x="16016" y="16384"/>
            </a:cxn>
            <a:cxn ang="0">
              <a:pos x="16200" y="15124"/>
            </a:cxn>
            <a:cxn ang="0">
              <a:pos x="15648" y="13359"/>
            </a:cxn>
            <a:cxn ang="0">
              <a:pos x="16016" y="11343"/>
            </a:cxn>
            <a:cxn ang="0">
              <a:pos x="15095" y="8066"/>
            </a:cxn>
            <a:cxn ang="0">
              <a:pos x="13991" y="6049"/>
            </a:cxn>
            <a:cxn ang="0">
              <a:pos x="13439" y="3781"/>
            </a:cxn>
          </a:cxnLst>
          <a:rect l="0" t="0" r="r" b="b"/>
          <a:pathLst>
            <a:path w="16384" h="16384">
              <a:moveTo>
                <a:pt x="12886" y="3025"/>
              </a:moveTo>
              <a:lnTo>
                <a:pt x="12150" y="2521"/>
              </a:lnTo>
              <a:lnTo>
                <a:pt x="11782" y="1764"/>
              </a:lnTo>
              <a:lnTo>
                <a:pt x="10861" y="2016"/>
              </a:lnTo>
              <a:lnTo>
                <a:pt x="9757" y="1008"/>
              </a:lnTo>
              <a:lnTo>
                <a:pt x="9389" y="0"/>
              </a:lnTo>
              <a:lnTo>
                <a:pt x="8652" y="0"/>
              </a:lnTo>
              <a:lnTo>
                <a:pt x="7548" y="1260"/>
              </a:lnTo>
              <a:lnTo>
                <a:pt x="7180" y="1512"/>
              </a:lnTo>
              <a:lnTo>
                <a:pt x="5339" y="2773"/>
              </a:lnTo>
              <a:lnTo>
                <a:pt x="4602" y="2773"/>
              </a:lnTo>
              <a:lnTo>
                <a:pt x="3498" y="4285"/>
              </a:lnTo>
              <a:lnTo>
                <a:pt x="2577" y="4537"/>
              </a:lnTo>
              <a:lnTo>
                <a:pt x="1289" y="5797"/>
              </a:lnTo>
              <a:lnTo>
                <a:pt x="0" y="6302"/>
              </a:lnTo>
              <a:lnTo>
                <a:pt x="368" y="7058"/>
              </a:lnTo>
              <a:lnTo>
                <a:pt x="368" y="7814"/>
              </a:lnTo>
              <a:lnTo>
                <a:pt x="0" y="8570"/>
              </a:lnTo>
              <a:lnTo>
                <a:pt x="368" y="9074"/>
              </a:lnTo>
              <a:lnTo>
                <a:pt x="1105" y="8822"/>
              </a:lnTo>
              <a:lnTo>
                <a:pt x="1473" y="10082"/>
              </a:lnTo>
              <a:lnTo>
                <a:pt x="2025" y="9830"/>
              </a:lnTo>
              <a:lnTo>
                <a:pt x="2945" y="10335"/>
              </a:lnTo>
              <a:lnTo>
                <a:pt x="3682" y="9830"/>
              </a:lnTo>
              <a:lnTo>
                <a:pt x="4418" y="10839"/>
              </a:lnTo>
              <a:lnTo>
                <a:pt x="4786" y="12099"/>
              </a:lnTo>
              <a:lnTo>
                <a:pt x="4418" y="12603"/>
              </a:lnTo>
              <a:lnTo>
                <a:pt x="5155" y="13863"/>
              </a:lnTo>
              <a:lnTo>
                <a:pt x="6075" y="13359"/>
              </a:lnTo>
              <a:lnTo>
                <a:pt x="6627" y="12351"/>
              </a:lnTo>
              <a:lnTo>
                <a:pt x="7180" y="12351"/>
              </a:lnTo>
              <a:lnTo>
                <a:pt x="7916" y="11847"/>
              </a:lnTo>
              <a:lnTo>
                <a:pt x="8652" y="10587"/>
              </a:lnTo>
              <a:lnTo>
                <a:pt x="9020" y="10839"/>
              </a:lnTo>
              <a:lnTo>
                <a:pt x="10125" y="10587"/>
              </a:lnTo>
              <a:lnTo>
                <a:pt x="10309" y="10839"/>
              </a:lnTo>
              <a:lnTo>
                <a:pt x="11782" y="10839"/>
              </a:lnTo>
              <a:lnTo>
                <a:pt x="11966" y="11091"/>
              </a:lnTo>
              <a:lnTo>
                <a:pt x="12886" y="11091"/>
              </a:lnTo>
              <a:lnTo>
                <a:pt x="13439" y="11595"/>
              </a:lnTo>
              <a:lnTo>
                <a:pt x="13254" y="12855"/>
              </a:lnTo>
              <a:lnTo>
                <a:pt x="12150" y="13863"/>
              </a:lnTo>
              <a:lnTo>
                <a:pt x="11598" y="13863"/>
              </a:lnTo>
              <a:lnTo>
                <a:pt x="10677" y="14368"/>
              </a:lnTo>
              <a:lnTo>
                <a:pt x="10125" y="14368"/>
              </a:lnTo>
              <a:lnTo>
                <a:pt x="10125" y="14872"/>
              </a:lnTo>
              <a:lnTo>
                <a:pt x="10493" y="15880"/>
              </a:lnTo>
              <a:lnTo>
                <a:pt x="11229" y="15628"/>
              </a:lnTo>
              <a:lnTo>
                <a:pt x="11966" y="16132"/>
              </a:lnTo>
              <a:lnTo>
                <a:pt x="12702" y="15880"/>
              </a:lnTo>
              <a:lnTo>
                <a:pt x="13623" y="15628"/>
              </a:lnTo>
              <a:lnTo>
                <a:pt x="14359" y="15628"/>
              </a:lnTo>
              <a:lnTo>
                <a:pt x="15095" y="16384"/>
              </a:lnTo>
              <a:lnTo>
                <a:pt x="16016" y="16384"/>
              </a:lnTo>
              <a:lnTo>
                <a:pt x="16384" y="15628"/>
              </a:lnTo>
              <a:lnTo>
                <a:pt x="16200" y="15124"/>
              </a:lnTo>
              <a:lnTo>
                <a:pt x="15648" y="14368"/>
              </a:lnTo>
              <a:lnTo>
                <a:pt x="15648" y="13359"/>
              </a:lnTo>
              <a:lnTo>
                <a:pt x="16200" y="12351"/>
              </a:lnTo>
              <a:lnTo>
                <a:pt x="16016" y="11343"/>
              </a:lnTo>
              <a:lnTo>
                <a:pt x="15832" y="9578"/>
              </a:lnTo>
              <a:lnTo>
                <a:pt x="15095" y="8066"/>
              </a:lnTo>
              <a:lnTo>
                <a:pt x="14911" y="6806"/>
              </a:lnTo>
              <a:lnTo>
                <a:pt x="13991" y="6049"/>
              </a:lnTo>
              <a:lnTo>
                <a:pt x="13991" y="4285"/>
              </a:lnTo>
              <a:lnTo>
                <a:pt x="13439" y="3781"/>
              </a:lnTo>
              <a:lnTo>
                <a:pt x="12886" y="3025"/>
              </a:lnTo>
              <a:close/>
            </a:path>
          </a:pathLst>
        </a:custGeom>
        <a:solidFill>
          <a:srgbClr val="FF6600"/>
        </a:solidFill>
        <a:ln w="9525" cap="flat">
          <a:solidFill>
            <a:srgbClr val="000000"/>
          </a:solidFill>
          <a:prstDash val="solid"/>
          <a:round/>
          <a:headEnd/>
          <a:tailEnd/>
        </a:ln>
      </xdr:spPr>
    </xdr:sp>
    <xdr:clientData/>
  </xdr:twoCellAnchor>
  <xdr:twoCellAnchor editAs="oneCell">
    <xdr:from>
      <xdr:col>13</xdr:col>
      <xdr:colOff>495300</xdr:colOff>
      <xdr:row>43</xdr:row>
      <xdr:rowOff>9525</xdr:rowOff>
    </xdr:from>
    <xdr:to>
      <xdr:col>15</xdr:col>
      <xdr:colOff>104775</xdr:colOff>
      <xdr:row>49</xdr:row>
      <xdr:rowOff>95249</xdr:rowOff>
    </xdr:to>
    <xdr:sp macro="" textlink="">
      <xdr:nvSpPr>
        <xdr:cNvPr id="171" name="d14210">
          <a:extLst>
            <a:ext uri="{FF2B5EF4-FFF2-40B4-BE49-F238E27FC236}">
              <a16:creationId xmlns:a16="http://schemas.microsoft.com/office/drawing/2014/main" id="{00000000-0008-0000-0000-0000AB000000}"/>
            </a:ext>
          </a:extLst>
        </xdr:cNvPr>
        <xdr:cNvSpPr>
          <a:spLocks/>
        </xdr:cNvSpPr>
      </xdr:nvSpPr>
      <xdr:spPr bwMode="auto">
        <a:xfrm>
          <a:off x="8420100" y="6562725"/>
          <a:ext cx="828675" cy="1000124"/>
        </a:xfrm>
        <a:custGeom>
          <a:avLst/>
          <a:gdLst/>
          <a:ahLst/>
          <a:cxnLst>
            <a:cxn ang="0">
              <a:pos x="12053" y="2965"/>
            </a:cxn>
            <a:cxn ang="0">
              <a:pos x="10734" y="1248"/>
            </a:cxn>
            <a:cxn ang="0">
              <a:pos x="10546" y="0"/>
            </a:cxn>
            <a:cxn ang="0">
              <a:pos x="8851" y="780"/>
            </a:cxn>
            <a:cxn ang="0">
              <a:pos x="6968" y="1092"/>
            </a:cxn>
            <a:cxn ang="0">
              <a:pos x="6026" y="780"/>
            </a:cxn>
            <a:cxn ang="0">
              <a:pos x="3390" y="2497"/>
            </a:cxn>
            <a:cxn ang="0">
              <a:pos x="1883" y="4993"/>
            </a:cxn>
            <a:cxn ang="0">
              <a:pos x="2637" y="5617"/>
            </a:cxn>
            <a:cxn ang="0">
              <a:pos x="1507" y="6085"/>
            </a:cxn>
            <a:cxn ang="0">
              <a:pos x="2260" y="7490"/>
            </a:cxn>
            <a:cxn ang="0">
              <a:pos x="2072" y="8738"/>
            </a:cxn>
            <a:cxn ang="0">
              <a:pos x="2072" y="9518"/>
            </a:cxn>
            <a:cxn ang="0">
              <a:pos x="3766" y="10299"/>
            </a:cxn>
            <a:cxn ang="0">
              <a:pos x="4520" y="10611"/>
            </a:cxn>
            <a:cxn ang="0">
              <a:pos x="2448" y="10767"/>
            </a:cxn>
            <a:cxn ang="0">
              <a:pos x="753" y="10455"/>
            </a:cxn>
            <a:cxn ang="0">
              <a:pos x="1318" y="11547"/>
            </a:cxn>
            <a:cxn ang="0">
              <a:pos x="2448" y="11391"/>
            </a:cxn>
            <a:cxn ang="0">
              <a:pos x="2260" y="12327"/>
            </a:cxn>
            <a:cxn ang="0">
              <a:pos x="565" y="12171"/>
            </a:cxn>
            <a:cxn ang="0">
              <a:pos x="188" y="12951"/>
            </a:cxn>
            <a:cxn ang="0">
              <a:pos x="1318" y="14512"/>
            </a:cxn>
            <a:cxn ang="0">
              <a:pos x="1318" y="15604"/>
            </a:cxn>
            <a:cxn ang="0">
              <a:pos x="3013" y="16072"/>
            </a:cxn>
            <a:cxn ang="0">
              <a:pos x="5461" y="15916"/>
            </a:cxn>
            <a:cxn ang="0">
              <a:pos x="7156" y="15760"/>
            </a:cxn>
            <a:cxn ang="0">
              <a:pos x="9228" y="15916"/>
            </a:cxn>
            <a:cxn ang="0">
              <a:pos x="10923" y="16228"/>
            </a:cxn>
            <a:cxn ang="0">
              <a:pos x="12241" y="15760"/>
            </a:cxn>
            <a:cxn ang="0">
              <a:pos x="12994" y="15136"/>
            </a:cxn>
            <a:cxn ang="0">
              <a:pos x="13371" y="14512"/>
            </a:cxn>
            <a:cxn ang="0">
              <a:pos x="13747" y="15916"/>
            </a:cxn>
            <a:cxn ang="0">
              <a:pos x="14877" y="15448"/>
            </a:cxn>
            <a:cxn ang="0">
              <a:pos x="15631" y="15448"/>
            </a:cxn>
            <a:cxn ang="0">
              <a:pos x="16196" y="14512"/>
            </a:cxn>
            <a:cxn ang="0">
              <a:pos x="16196" y="12639"/>
            </a:cxn>
            <a:cxn ang="0">
              <a:pos x="15254" y="11859"/>
            </a:cxn>
            <a:cxn ang="0">
              <a:pos x="13183" y="11547"/>
            </a:cxn>
            <a:cxn ang="0">
              <a:pos x="12053" y="10299"/>
            </a:cxn>
            <a:cxn ang="0">
              <a:pos x="11676" y="8426"/>
            </a:cxn>
            <a:cxn ang="0">
              <a:pos x="10546" y="6866"/>
            </a:cxn>
            <a:cxn ang="0">
              <a:pos x="11488" y="4837"/>
            </a:cxn>
            <a:cxn ang="0">
              <a:pos x="12994" y="3589"/>
            </a:cxn>
          </a:cxnLst>
          <a:rect l="0" t="0" r="r" b="b"/>
          <a:pathLst>
            <a:path w="16384" h="16384">
              <a:moveTo>
                <a:pt x="12994" y="3589"/>
              </a:moveTo>
              <a:lnTo>
                <a:pt x="12053" y="2965"/>
              </a:lnTo>
              <a:lnTo>
                <a:pt x="11864" y="1872"/>
              </a:lnTo>
              <a:lnTo>
                <a:pt x="10734" y="1248"/>
              </a:lnTo>
              <a:lnTo>
                <a:pt x="10923" y="156"/>
              </a:lnTo>
              <a:lnTo>
                <a:pt x="10546" y="0"/>
              </a:lnTo>
              <a:lnTo>
                <a:pt x="9604" y="624"/>
              </a:lnTo>
              <a:lnTo>
                <a:pt x="8851" y="780"/>
              </a:lnTo>
              <a:lnTo>
                <a:pt x="7721" y="624"/>
              </a:lnTo>
              <a:lnTo>
                <a:pt x="6968" y="1092"/>
              </a:lnTo>
              <a:lnTo>
                <a:pt x="6403" y="780"/>
              </a:lnTo>
              <a:lnTo>
                <a:pt x="6026" y="780"/>
              </a:lnTo>
              <a:lnTo>
                <a:pt x="4896" y="2341"/>
              </a:lnTo>
              <a:lnTo>
                <a:pt x="3390" y="2497"/>
              </a:lnTo>
              <a:lnTo>
                <a:pt x="1507" y="4525"/>
              </a:lnTo>
              <a:lnTo>
                <a:pt x="1883" y="4993"/>
              </a:lnTo>
              <a:lnTo>
                <a:pt x="2260" y="5305"/>
              </a:lnTo>
              <a:lnTo>
                <a:pt x="2637" y="5617"/>
              </a:lnTo>
              <a:lnTo>
                <a:pt x="2072" y="5929"/>
              </a:lnTo>
              <a:lnTo>
                <a:pt x="1507" y="6085"/>
              </a:lnTo>
              <a:lnTo>
                <a:pt x="2072" y="6710"/>
              </a:lnTo>
              <a:lnTo>
                <a:pt x="2260" y="7490"/>
              </a:lnTo>
              <a:lnTo>
                <a:pt x="2448" y="8114"/>
              </a:lnTo>
              <a:lnTo>
                <a:pt x="2072" y="8738"/>
              </a:lnTo>
              <a:lnTo>
                <a:pt x="2072" y="9206"/>
              </a:lnTo>
              <a:lnTo>
                <a:pt x="2072" y="9518"/>
              </a:lnTo>
              <a:lnTo>
                <a:pt x="3013" y="9986"/>
              </a:lnTo>
              <a:lnTo>
                <a:pt x="3766" y="10299"/>
              </a:lnTo>
              <a:lnTo>
                <a:pt x="4520" y="10299"/>
              </a:lnTo>
              <a:lnTo>
                <a:pt x="4520" y="10611"/>
              </a:lnTo>
              <a:lnTo>
                <a:pt x="3201" y="10611"/>
              </a:lnTo>
              <a:lnTo>
                <a:pt x="2448" y="10767"/>
              </a:lnTo>
              <a:lnTo>
                <a:pt x="1883" y="10923"/>
              </a:lnTo>
              <a:lnTo>
                <a:pt x="753" y="10455"/>
              </a:lnTo>
              <a:lnTo>
                <a:pt x="753" y="11235"/>
              </a:lnTo>
              <a:lnTo>
                <a:pt x="1318" y="11547"/>
              </a:lnTo>
              <a:lnTo>
                <a:pt x="1883" y="11235"/>
              </a:lnTo>
              <a:lnTo>
                <a:pt x="2448" y="11391"/>
              </a:lnTo>
              <a:lnTo>
                <a:pt x="1507" y="11859"/>
              </a:lnTo>
              <a:lnTo>
                <a:pt x="2260" y="12327"/>
              </a:lnTo>
              <a:lnTo>
                <a:pt x="2072" y="12483"/>
              </a:lnTo>
              <a:lnTo>
                <a:pt x="565" y="12171"/>
              </a:lnTo>
              <a:lnTo>
                <a:pt x="0" y="12483"/>
              </a:lnTo>
              <a:lnTo>
                <a:pt x="188" y="12951"/>
              </a:lnTo>
              <a:lnTo>
                <a:pt x="1507" y="13575"/>
              </a:lnTo>
              <a:lnTo>
                <a:pt x="1318" y="14512"/>
              </a:lnTo>
              <a:lnTo>
                <a:pt x="565" y="15136"/>
              </a:lnTo>
              <a:lnTo>
                <a:pt x="1318" y="15604"/>
              </a:lnTo>
              <a:lnTo>
                <a:pt x="1883" y="16072"/>
              </a:lnTo>
              <a:lnTo>
                <a:pt x="3013" y="16072"/>
              </a:lnTo>
              <a:lnTo>
                <a:pt x="5085" y="16384"/>
              </a:lnTo>
              <a:lnTo>
                <a:pt x="5461" y="15916"/>
              </a:lnTo>
              <a:lnTo>
                <a:pt x="6591" y="15760"/>
              </a:lnTo>
              <a:lnTo>
                <a:pt x="7156" y="15760"/>
              </a:lnTo>
              <a:lnTo>
                <a:pt x="7156" y="16072"/>
              </a:lnTo>
              <a:lnTo>
                <a:pt x="9228" y="15916"/>
              </a:lnTo>
              <a:lnTo>
                <a:pt x="9604" y="15292"/>
              </a:lnTo>
              <a:lnTo>
                <a:pt x="10923" y="16228"/>
              </a:lnTo>
              <a:lnTo>
                <a:pt x="11676" y="15916"/>
              </a:lnTo>
              <a:lnTo>
                <a:pt x="12241" y="15760"/>
              </a:lnTo>
              <a:lnTo>
                <a:pt x="12994" y="15604"/>
              </a:lnTo>
              <a:lnTo>
                <a:pt x="12994" y="15136"/>
              </a:lnTo>
              <a:lnTo>
                <a:pt x="12241" y="14980"/>
              </a:lnTo>
              <a:lnTo>
                <a:pt x="13371" y="14512"/>
              </a:lnTo>
              <a:lnTo>
                <a:pt x="13747" y="15292"/>
              </a:lnTo>
              <a:lnTo>
                <a:pt x="13747" y="15916"/>
              </a:lnTo>
              <a:lnTo>
                <a:pt x="14501" y="15916"/>
              </a:lnTo>
              <a:lnTo>
                <a:pt x="14877" y="15448"/>
              </a:lnTo>
              <a:lnTo>
                <a:pt x="15631" y="16072"/>
              </a:lnTo>
              <a:lnTo>
                <a:pt x="15631" y="15448"/>
              </a:lnTo>
              <a:lnTo>
                <a:pt x="15442" y="14824"/>
              </a:lnTo>
              <a:lnTo>
                <a:pt x="16196" y="14512"/>
              </a:lnTo>
              <a:lnTo>
                <a:pt x="16384" y="13575"/>
              </a:lnTo>
              <a:lnTo>
                <a:pt x="16196" y="12639"/>
              </a:lnTo>
              <a:lnTo>
                <a:pt x="15819" y="12015"/>
              </a:lnTo>
              <a:lnTo>
                <a:pt x="15254" y="11859"/>
              </a:lnTo>
              <a:lnTo>
                <a:pt x="14312" y="11703"/>
              </a:lnTo>
              <a:lnTo>
                <a:pt x="13183" y="11547"/>
              </a:lnTo>
              <a:lnTo>
                <a:pt x="12053" y="11079"/>
              </a:lnTo>
              <a:lnTo>
                <a:pt x="12053" y="10299"/>
              </a:lnTo>
              <a:lnTo>
                <a:pt x="11676" y="8894"/>
              </a:lnTo>
              <a:lnTo>
                <a:pt x="11676" y="8426"/>
              </a:lnTo>
              <a:lnTo>
                <a:pt x="10546" y="7958"/>
              </a:lnTo>
              <a:lnTo>
                <a:pt x="10546" y="6866"/>
              </a:lnTo>
              <a:lnTo>
                <a:pt x="11111" y="5617"/>
              </a:lnTo>
              <a:lnTo>
                <a:pt x="11488" y="4837"/>
              </a:lnTo>
              <a:lnTo>
                <a:pt x="12053" y="4213"/>
              </a:lnTo>
              <a:lnTo>
                <a:pt x="12994" y="3589"/>
              </a:lnTo>
              <a:close/>
            </a:path>
          </a:pathLst>
        </a:custGeom>
        <a:solidFill>
          <a:srgbClr val="FF6600"/>
        </a:solidFill>
        <a:ln w="9525" cap="flat">
          <a:solidFill>
            <a:srgbClr val="000000"/>
          </a:solidFill>
          <a:prstDash val="solid"/>
          <a:round/>
          <a:headEnd/>
          <a:tailEnd/>
        </a:ln>
      </xdr:spPr>
    </xdr:sp>
    <xdr:clientData/>
  </xdr:twoCellAnchor>
  <xdr:twoCellAnchor editAs="oneCell">
    <xdr:from>
      <xdr:col>5</xdr:col>
      <xdr:colOff>47625</xdr:colOff>
      <xdr:row>20</xdr:row>
      <xdr:rowOff>38100</xdr:rowOff>
    </xdr:from>
    <xdr:to>
      <xdr:col>7</xdr:col>
      <xdr:colOff>552450</xdr:colOff>
      <xdr:row>30</xdr:row>
      <xdr:rowOff>104775</xdr:rowOff>
    </xdr:to>
    <xdr:sp macro="" textlink="">
      <xdr:nvSpPr>
        <xdr:cNvPr id="172" name="d14211">
          <a:extLst>
            <a:ext uri="{FF2B5EF4-FFF2-40B4-BE49-F238E27FC236}">
              <a16:creationId xmlns:a16="http://schemas.microsoft.com/office/drawing/2014/main" id="{00000000-0008-0000-0000-0000AC000000}"/>
            </a:ext>
          </a:extLst>
        </xdr:cNvPr>
        <xdr:cNvSpPr>
          <a:spLocks/>
        </xdr:cNvSpPr>
      </xdr:nvSpPr>
      <xdr:spPr bwMode="auto">
        <a:xfrm>
          <a:off x="3095625" y="3086100"/>
          <a:ext cx="1724025" cy="1590675"/>
        </a:xfrm>
        <a:custGeom>
          <a:avLst/>
          <a:gdLst/>
          <a:ahLst/>
          <a:cxnLst>
            <a:cxn ang="0">
              <a:pos x="12401" y="14912"/>
            </a:cxn>
            <a:cxn ang="0">
              <a:pos x="13397" y="14912"/>
            </a:cxn>
            <a:cxn ang="0">
              <a:pos x="13940" y="14226"/>
            </a:cxn>
            <a:cxn ang="0">
              <a:pos x="14302" y="13441"/>
            </a:cxn>
            <a:cxn ang="0">
              <a:pos x="14393" y="12754"/>
            </a:cxn>
            <a:cxn ang="0">
              <a:pos x="15207" y="12656"/>
            </a:cxn>
            <a:cxn ang="0">
              <a:pos x="16022" y="12460"/>
            </a:cxn>
            <a:cxn ang="0">
              <a:pos x="16203" y="11479"/>
            </a:cxn>
            <a:cxn ang="0">
              <a:pos x="14845" y="10596"/>
            </a:cxn>
            <a:cxn ang="0">
              <a:pos x="13216" y="10792"/>
            </a:cxn>
            <a:cxn ang="0">
              <a:pos x="12039" y="11086"/>
            </a:cxn>
            <a:cxn ang="0">
              <a:pos x="12220" y="9418"/>
            </a:cxn>
            <a:cxn ang="0">
              <a:pos x="12401" y="9026"/>
            </a:cxn>
            <a:cxn ang="0">
              <a:pos x="12220" y="8045"/>
            </a:cxn>
            <a:cxn ang="0">
              <a:pos x="11586" y="7064"/>
            </a:cxn>
            <a:cxn ang="0">
              <a:pos x="10319" y="5396"/>
            </a:cxn>
            <a:cxn ang="0">
              <a:pos x="9595" y="3630"/>
            </a:cxn>
            <a:cxn ang="0">
              <a:pos x="9686" y="2747"/>
            </a:cxn>
            <a:cxn ang="0">
              <a:pos x="9686" y="1864"/>
            </a:cxn>
            <a:cxn ang="0">
              <a:pos x="9414" y="1275"/>
            </a:cxn>
            <a:cxn ang="0">
              <a:pos x="8780" y="294"/>
            </a:cxn>
            <a:cxn ang="0">
              <a:pos x="8056" y="0"/>
            </a:cxn>
            <a:cxn ang="0">
              <a:pos x="7242" y="392"/>
            </a:cxn>
            <a:cxn ang="0">
              <a:pos x="6789" y="883"/>
            </a:cxn>
            <a:cxn ang="0">
              <a:pos x="6065" y="1472"/>
            </a:cxn>
            <a:cxn ang="0">
              <a:pos x="5160" y="1668"/>
            </a:cxn>
            <a:cxn ang="0">
              <a:pos x="4435" y="2158"/>
            </a:cxn>
            <a:cxn ang="0">
              <a:pos x="3621" y="1275"/>
            </a:cxn>
            <a:cxn ang="0">
              <a:pos x="2535" y="883"/>
            </a:cxn>
            <a:cxn ang="0">
              <a:pos x="2082" y="1570"/>
            </a:cxn>
            <a:cxn ang="0">
              <a:pos x="1358" y="2256"/>
            </a:cxn>
            <a:cxn ang="0">
              <a:pos x="91" y="2453"/>
            </a:cxn>
            <a:cxn ang="0">
              <a:pos x="91" y="3041"/>
            </a:cxn>
            <a:cxn ang="0">
              <a:pos x="181" y="4121"/>
            </a:cxn>
            <a:cxn ang="0">
              <a:pos x="453" y="5003"/>
            </a:cxn>
            <a:cxn ang="0">
              <a:pos x="634" y="5690"/>
            </a:cxn>
            <a:cxn ang="0">
              <a:pos x="634" y="6671"/>
            </a:cxn>
            <a:cxn ang="0">
              <a:pos x="453" y="7260"/>
            </a:cxn>
            <a:cxn ang="0">
              <a:pos x="815" y="8143"/>
            </a:cxn>
            <a:cxn ang="0">
              <a:pos x="905" y="9026"/>
            </a:cxn>
            <a:cxn ang="0">
              <a:pos x="905" y="9811"/>
            </a:cxn>
            <a:cxn ang="0">
              <a:pos x="362" y="10399"/>
            </a:cxn>
            <a:cxn ang="0">
              <a:pos x="272" y="11577"/>
            </a:cxn>
            <a:cxn ang="0">
              <a:pos x="2082" y="14716"/>
            </a:cxn>
            <a:cxn ang="0">
              <a:pos x="2897" y="15010"/>
            </a:cxn>
            <a:cxn ang="0">
              <a:pos x="3802" y="16384"/>
            </a:cxn>
            <a:cxn ang="0">
              <a:pos x="4707" y="15501"/>
            </a:cxn>
            <a:cxn ang="0">
              <a:pos x="6155" y="15010"/>
            </a:cxn>
            <a:cxn ang="0">
              <a:pos x="6698" y="14422"/>
            </a:cxn>
            <a:cxn ang="0">
              <a:pos x="7151" y="14128"/>
            </a:cxn>
            <a:cxn ang="0">
              <a:pos x="7604" y="14422"/>
            </a:cxn>
            <a:cxn ang="0">
              <a:pos x="7694" y="14814"/>
            </a:cxn>
            <a:cxn ang="0">
              <a:pos x="8237" y="15403"/>
            </a:cxn>
            <a:cxn ang="0">
              <a:pos x="9595" y="15305"/>
            </a:cxn>
            <a:cxn ang="0">
              <a:pos x="11043" y="15109"/>
            </a:cxn>
          </a:cxnLst>
          <a:rect l="0" t="0" r="r" b="b"/>
          <a:pathLst>
            <a:path w="16384" h="16384">
              <a:moveTo>
                <a:pt x="11949" y="15207"/>
              </a:moveTo>
              <a:lnTo>
                <a:pt x="12401" y="14912"/>
              </a:lnTo>
              <a:lnTo>
                <a:pt x="12854" y="14814"/>
              </a:lnTo>
              <a:lnTo>
                <a:pt x="13397" y="14912"/>
              </a:lnTo>
              <a:lnTo>
                <a:pt x="13668" y="14814"/>
              </a:lnTo>
              <a:lnTo>
                <a:pt x="13940" y="14226"/>
              </a:lnTo>
              <a:lnTo>
                <a:pt x="14121" y="13539"/>
              </a:lnTo>
              <a:lnTo>
                <a:pt x="14302" y="13441"/>
              </a:lnTo>
              <a:lnTo>
                <a:pt x="14302" y="13048"/>
              </a:lnTo>
              <a:lnTo>
                <a:pt x="14393" y="12754"/>
              </a:lnTo>
              <a:lnTo>
                <a:pt x="14664" y="12558"/>
              </a:lnTo>
              <a:lnTo>
                <a:pt x="15207" y="12656"/>
              </a:lnTo>
              <a:lnTo>
                <a:pt x="15569" y="12362"/>
              </a:lnTo>
              <a:lnTo>
                <a:pt x="16022" y="12460"/>
              </a:lnTo>
              <a:lnTo>
                <a:pt x="16384" y="12460"/>
              </a:lnTo>
              <a:lnTo>
                <a:pt x="16203" y="11479"/>
              </a:lnTo>
              <a:lnTo>
                <a:pt x="15388" y="11184"/>
              </a:lnTo>
              <a:lnTo>
                <a:pt x="14845" y="10596"/>
              </a:lnTo>
              <a:lnTo>
                <a:pt x="13849" y="10890"/>
              </a:lnTo>
              <a:lnTo>
                <a:pt x="13216" y="10792"/>
              </a:lnTo>
              <a:lnTo>
                <a:pt x="12401" y="11282"/>
              </a:lnTo>
              <a:lnTo>
                <a:pt x="12039" y="11086"/>
              </a:lnTo>
              <a:lnTo>
                <a:pt x="11858" y="9909"/>
              </a:lnTo>
              <a:lnTo>
                <a:pt x="12220" y="9418"/>
              </a:lnTo>
              <a:lnTo>
                <a:pt x="12492" y="9320"/>
              </a:lnTo>
              <a:lnTo>
                <a:pt x="12401" y="9026"/>
              </a:lnTo>
              <a:lnTo>
                <a:pt x="12220" y="8633"/>
              </a:lnTo>
              <a:lnTo>
                <a:pt x="12220" y="8045"/>
              </a:lnTo>
              <a:lnTo>
                <a:pt x="11858" y="7751"/>
              </a:lnTo>
              <a:lnTo>
                <a:pt x="11586" y="7064"/>
              </a:lnTo>
              <a:lnTo>
                <a:pt x="11043" y="6868"/>
              </a:lnTo>
              <a:lnTo>
                <a:pt x="10319" y="5396"/>
              </a:lnTo>
              <a:lnTo>
                <a:pt x="9867" y="4022"/>
              </a:lnTo>
              <a:lnTo>
                <a:pt x="9595" y="3630"/>
              </a:lnTo>
              <a:lnTo>
                <a:pt x="9686" y="3041"/>
              </a:lnTo>
              <a:lnTo>
                <a:pt x="9686" y="2747"/>
              </a:lnTo>
              <a:lnTo>
                <a:pt x="9595" y="2256"/>
              </a:lnTo>
              <a:lnTo>
                <a:pt x="9686" y="1864"/>
              </a:lnTo>
              <a:lnTo>
                <a:pt x="9323" y="1570"/>
              </a:lnTo>
              <a:lnTo>
                <a:pt x="9414" y="1275"/>
              </a:lnTo>
              <a:lnTo>
                <a:pt x="9595" y="785"/>
              </a:lnTo>
              <a:lnTo>
                <a:pt x="8780" y="294"/>
              </a:lnTo>
              <a:lnTo>
                <a:pt x="8147" y="98"/>
              </a:lnTo>
              <a:lnTo>
                <a:pt x="8056" y="0"/>
              </a:lnTo>
              <a:lnTo>
                <a:pt x="7423" y="196"/>
              </a:lnTo>
              <a:lnTo>
                <a:pt x="7242" y="392"/>
              </a:lnTo>
              <a:lnTo>
                <a:pt x="6970" y="196"/>
              </a:lnTo>
              <a:lnTo>
                <a:pt x="6789" y="883"/>
              </a:lnTo>
              <a:lnTo>
                <a:pt x="6427" y="981"/>
              </a:lnTo>
              <a:lnTo>
                <a:pt x="6065" y="1472"/>
              </a:lnTo>
              <a:lnTo>
                <a:pt x="5884" y="1472"/>
              </a:lnTo>
              <a:lnTo>
                <a:pt x="5160" y="1668"/>
              </a:lnTo>
              <a:lnTo>
                <a:pt x="4616" y="1766"/>
              </a:lnTo>
              <a:lnTo>
                <a:pt x="4435" y="2158"/>
              </a:lnTo>
              <a:lnTo>
                <a:pt x="4164" y="2060"/>
              </a:lnTo>
              <a:lnTo>
                <a:pt x="3621" y="1275"/>
              </a:lnTo>
              <a:lnTo>
                <a:pt x="3078" y="1079"/>
              </a:lnTo>
              <a:lnTo>
                <a:pt x="2535" y="883"/>
              </a:lnTo>
              <a:lnTo>
                <a:pt x="2354" y="981"/>
              </a:lnTo>
              <a:lnTo>
                <a:pt x="2082" y="1570"/>
              </a:lnTo>
              <a:lnTo>
                <a:pt x="1720" y="1668"/>
              </a:lnTo>
              <a:lnTo>
                <a:pt x="1358" y="2256"/>
              </a:lnTo>
              <a:lnTo>
                <a:pt x="724" y="2355"/>
              </a:lnTo>
              <a:lnTo>
                <a:pt x="91" y="2453"/>
              </a:lnTo>
              <a:lnTo>
                <a:pt x="0" y="2747"/>
              </a:lnTo>
              <a:lnTo>
                <a:pt x="91" y="3041"/>
              </a:lnTo>
              <a:lnTo>
                <a:pt x="0" y="3532"/>
              </a:lnTo>
              <a:lnTo>
                <a:pt x="181" y="4121"/>
              </a:lnTo>
              <a:lnTo>
                <a:pt x="453" y="4513"/>
              </a:lnTo>
              <a:lnTo>
                <a:pt x="453" y="5003"/>
              </a:lnTo>
              <a:lnTo>
                <a:pt x="543" y="5298"/>
              </a:lnTo>
              <a:lnTo>
                <a:pt x="634" y="5690"/>
              </a:lnTo>
              <a:lnTo>
                <a:pt x="543" y="6083"/>
              </a:lnTo>
              <a:lnTo>
                <a:pt x="634" y="6671"/>
              </a:lnTo>
              <a:lnTo>
                <a:pt x="543" y="7064"/>
              </a:lnTo>
              <a:lnTo>
                <a:pt x="453" y="7260"/>
              </a:lnTo>
              <a:lnTo>
                <a:pt x="362" y="7554"/>
              </a:lnTo>
              <a:lnTo>
                <a:pt x="815" y="8143"/>
              </a:lnTo>
              <a:lnTo>
                <a:pt x="724" y="8535"/>
              </a:lnTo>
              <a:lnTo>
                <a:pt x="905" y="9026"/>
              </a:lnTo>
              <a:lnTo>
                <a:pt x="996" y="9516"/>
              </a:lnTo>
              <a:lnTo>
                <a:pt x="905" y="9811"/>
              </a:lnTo>
              <a:lnTo>
                <a:pt x="543" y="10007"/>
              </a:lnTo>
              <a:lnTo>
                <a:pt x="362" y="10399"/>
              </a:lnTo>
              <a:lnTo>
                <a:pt x="272" y="11086"/>
              </a:lnTo>
              <a:lnTo>
                <a:pt x="272" y="11577"/>
              </a:lnTo>
              <a:lnTo>
                <a:pt x="1629" y="13735"/>
              </a:lnTo>
              <a:lnTo>
                <a:pt x="2082" y="14716"/>
              </a:lnTo>
              <a:lnTo>
                <a:pt x="2716" y="14520"/>
              </a:lnTo>
              <a:lnTo>
                <a:pt x="2897" y="15010"/>
              </a:lnTo>
              <a:lnTo>
                <a:pt x="3440" y="15893"/>
              </a:lnTo>
              <a:lnTo>
                <a:pt x="3802" y="16384"/>
              </a:lnTo>
              <a:lnTo>
                <a:pt x="4435" y="15795"/>
              </a:lnTo>
              <a:lnTo>
                <a:pt x="4707" y="15501"/>
              </a:lnTo>
              <a:lnTo>
                <a:pt x="5522" y="14912"/>
              </a:lnTo>
              <a:lnTo>
                <a:pt x="6155" y="15010"/>
              </a:lnTo>
              <a:lnTo>
                <a:pt x="6336" y="14422"/>
              </a:lnTo>
              <a:lnTo>
                <a:pt x="6698" y="14422"/>
              </a:lnTo>
              <a:lnTo>
                <a:pt x="6879" y="14128"/>
              </a:lnTo>
              <a:lnTo>
                <a:pt x="7151" y="14128"/>
              </a:lnTo>
              <a:lnTo>
                <a:pt x="7242" y="14324"/>
              </a:lnTo>
              <a:lnTo>
                <a:pt x="7604" y="14422"/>
              </a:lnTo>
              <a:lnTo>
                <a:pt x="7604" y="14618"/>
              </a:lnTo>
              <a:lnTo>
                <a:pt x="7694" y="14814"/>
              </a:lnTo>
              <a:lnTo>
                <a:pt x="7694" y="14912"/>
              </a:lnTo>
              <a:lnTo>
                <a:pt x="8237" y="15403"/>
              </a:lnTo>
              <a:lnTo>
                <a:pt x="8780" y="15207"/>
              </a:lnTo>
              <a:lnTo>
                <a:pt x="9595" y="15305"/>
              </a:lnTo>
              <a:lnTo>
                <a:pt x="10410" y="15501"/>
              </a:lnTo>
              <a:lnTo>
                <a:pt x="11043" y="15109"/>
              </a:lnTo>
              <a:lnTo>
                <a:pt x="11949" y="15207"/>
              </a:lnTo>
              <a:close/>
            </a:path>
          </a:pathLst>
        </a:custGeom>
        <a:solidFill>
          <a:srgbClr val="FF0000"/>
        </a:solidFill>
        <a:ln w="9525" cap="flat">
          <a:solidFill>
            <a:srgbClr val="000000"/>
          </a:solidFill>
          <a:prstDash val="solid"/>
          <a:round/>
          <a:headEnd/>
          <a:tailEnd/>
        </a:ln>
      </xdr:spPr>
    </xdr:sp>
    <xdr:clientData/>
  </xdr:twoCellAnchor>
  <xdr:twoCellAnchor editAs="oneCell">
    <xdr:from>
      <xdr:col>6</xdr:col>
      <xdr:colOff>419100</xdr:colOff>
      <xdr:row>14</xdr:row>
      <xdr:rowOff>57150</xdr:rowOff>
    </xdr:from>
    <xdr:to>
      <xdr:col>9</xdr:col>
      <xdr:colOff>342900</xdr:colOff>
      <xdr:row>26</xdr:row>
      <xdr:rowOff>57150</xdr:rowOff>
    </xdr:to>
    <xdr:sp macro="" textlink="">
      <xdr:nvSpPr>
        <xdr:cNvPr id="173" name="d14212">
          <a:extLst>
            <a:ext uri="{FF2B5EF4-FFF2-40B4-BE49-F238E27FC236}">
              <a16:creationId xmlns:a16="http://schemas.microsoft.com/office/drawing/2014/main" id="{00000000-0008-0000-0000-0000AD000000}"/>
            </a:ext>
          </a:extLst>
        </xdr:cNvPr>
        <xdr:cNvSpPr>
          <a:spLocks/>
        </xdr:cNvSpPr>
      </xdr:nvSpPr>
      <xdr:spPr bwMode="auto">
        <a:xfrm>
          <a:off x="4076700" y="2190750"/>
          <a:ext cx="1752600" cy="1828800"/>
        </a:xfrm>
        <a:custGeom>
          <a:avLst/>
          <a:gdLst/>
          <a:ahLst/>
          <a:cxnLst>
            <a:cxn ang="0">
              <a:pos x="13624" y="15189"/>
            </a:cxn>
            <a:cxn ang="0">
              <a:pos x="13891" y="15787"/>
            </a:cxn>
            <a:cxn ang="0">
              <a:pos x="14158" y="16384"/>
            </a:cxn>
            <a:cxn ang="0">
              <a:pos x="15494" y="15872"/>
            </a:cxn>
            <a:cxn ang="0">
              <a:pos x="15137" y="14763"/>
            </a:cxn>
            <a:cxn ang="0">
              <a:pos x="15405" y="13141"/>
            </a:cxn>
            <a:cxn ang="0">
              <a:pos x="15672" y="11093"/>
            </a:cxn>
            <a:cxn ang="0">
              <a:pos x="15315" y="9813"/>
            </a:cxn>
            <a:cxn ang="0">
              <a:pos x="16295" y="8277"/>
            </a:cxn>
            <a:cxn ang="0">
              <a:pos x="16295" y="6827"/>
            </a:cxn>
            <a:cxn ang="0">
              <a:pos x="15761" y="5461"/>
            </a:cxn>
            <a:cxn ang="0">
              <a:pos x="15761" y="4267"/>
            </a:cxn>
            <a:cxn ang="0">
              <a:pos x="15939" y="1365"/>
            </a:cxn>
            <a:cxn ang="0">
              <a:pos x="13980" y="256"/>
            </a:cxn>
            <a:cxn ang="0">
              <a:pos x="13446" y="427"/>
            </a:cxn>
            <a:cxn ang="0">
              <a:pos x="12911" y="1195"/>
            </a:cxn>
            <a:cxn ang="0">
              <a:pos x="13089" y="2133"/>
            </a:cxn>
            <a:cxn ang="0">
              <a:pos x="12822" y="2475"/>
            </a:cxn>
            <a:cxn ang="0">
              <a:pos x="12822" y="3328"/>
            </a:cxn>
            <a:cxn ang="0">
              <a:pos x="12110" y="3328"/>
            </a:cxn>
            <a:cxn ang="0">
              <a:pos x="10240" y="2560"/>
            </a:cxn>
            <a:cxn ang="0">
              <a:pos x="9439" y="1707"/>
            </a:cxn>
            <a:cxn ang="0">
              <a:pos x="8637" y="512"/>
            </a:cxn>
            <a:cxn ang="0">
              <a:pos x="7658" y="853"/>
            </a:cxn>
            <a:cxn ang="0">
              <a:pos x="5877" y="1792"/>
            </a:cxn>
            <a:cxn ang="0">
              <a:pos x="5165" y="2304"/>
            </a:cxn>
            <a:cxn ang="0">
              <a:pos x="5521" y="3243"/>
            </a:cxn>
            <a:cxn ang="0">
              <a:pos x="5966" y="4352"/>
            </a:cxn>
            <a:cxn ang="0">
              <a:pos x="6589" y="5035"/>
            </a:cxn>
            <a:cxn ang="0">
              <a:pos x="7213" y="5632"/>
            </a:cxn>
            <a:cxn ang="0">
              <a:pos x="7569" y="6571"/>
            </a:cxn>
            <a:cxn ang="0">
              <a:pos x="7302" y="7595"/>
            </a:cxn>
            <a:cxn ang="0">
              <a:pos x="6767" y="7765"/>
            </a:cxn>
            <a:cxn ang="0">
              <a:pos x="5343" y="7851"/>
            </a:cxn>
            <a:cxn ang="0">
              <a:pos x="4007" y="7936"/>
            </a:cxn>
            <a:cxn ang="0">
              <a:pos x="3117" y="8192"/>
            </a:cxn>
            <a:cxn ang="0">
              <a:pos x="1603" y="8192"/>
            </a:cxn>
            <a:cxn ang="0">
              <a:pos x="1158" y="8704"/>
            </a:cxn>
            <a:cxn ang="0">
              <a:pos x="0" y="9387"/>
            </a:cxn>
            <a:cxn ang="0">
              <a:pos x="356" y="10411"/>
            </a:cxn>
            <a:cxn ang="0">
              <a:pos x="1336" y="10240"/>
            </a:cxn>
            <a:cxn ang="0">
              <a:pos x="2493" y="9813"/>
            </a:cxn>
            <a:cxn ang="0">
              <a:pos x="3562" y="9899"/>
            </a:cxn>
            <a:cxn ang="0">
              <a:pos x="4274" y="10240"/>
            </a:cxn>
            <a:cxn ang="0">
              <a:pos x="6589" y="10667"/>
            </a:cxn>
            <a:cxn ang="0">
              <a:pos x="7302" y="11264"/>
            </a:cxn>
            <a:cxn ang="0">
              <a:pos x="8281" y="12288"/>
            </a:cxn>
            <a:cxn ang="0">
              <a:pos x="9350" y="12885"/>
            </a:cxn>
            <a:cxn ang="0">
              <a:pos x="10507" y="12203"/>
            </a:cxn>
            <a:cxn ang="0">
              <a:pos x="10863" y="12459"/>
            </a:cxn>
            <a:cxn ang="0">
              <a:pos x="12110" y="13397"/>
            </a:cxn>
            <a:cxn ang="0">
              <a:pos x="12822" y="13909"/>
            </a:cxn>
            <a:cxn ang="0">
              <a:pos x="12911" y="15275"/>
            </a:cxn>
          </a:cxnLst>
          <a:rect l="0" t="0" r="r" b="b"/>
          <a:pathLst>
            <a:path w="16384" h="16384">
              <a:moveTo>
                <a:pt x="13446" y="16213"/>
              </a:moveTo>
              <a:lnTo>
                <a:pt x="13535" y="16299"/>
              </a:lnTo>
              <a:lnTo>
                <a:pt x="13624" y="15189"/>
              </a:lnTo>
              <a:lnTo>
                <a:pt x="13802" y="15275"/>
              </a:lnTo>
              <a:lnTo>
                <a:pt x="13713" y="15616"/>
              </a:lnTo>
              <a:lnTo>
                <a:pt x="13891" y="15787"/>
              </a:lnTo>
              <a:lnTo>
                <a:pt x="13891" y="16128"/>
              </a:lnTo>
              <a:lnTo>
                <a:pt x="14069" y="16213"/>
              </a:lnTo>
              <a:lnTo>
                <a:pt x="14158" y="16384"/>
              </a:lnTo>
              <a:lnTo>
                <a:pt x="14692" y="16299"/>
              </a:lnTo>
              <a:lnTo>
                <a:pt x="15583" y="16384"/>
              </a:lnTo>
              <a:lnTo>
                <a:pt x="15494" y="15872"/>
              </a:lnTo>
              <a:lnTo>
                <a:pt x="15315" y="15616"/>
              </a:lnTo>
              <a:lnTo>
                <a:pt x="15226" y="15275"/>
              </a:lnTo>
              <a:lnTo>
                <a:pt x="15137" y="14763"/>
              </a:lnTo>
              <a:lnTo>
                <a:pt x="15226" y="14080"/>
              </a:lnTo>
              <a:lnTo>
                <a:pt x="15315" y="13653"/>
              </a:lnTo>
              <a:lnTo>
                <a:pt x="15405" y="13141"/>
              </a:lnTo>
              <a:lnTo>
                <a:pt x="15583" y="12459"/>
              </a:lnTo>
              <a:lnTo>
                <a:pt x="15761" y="11776"/>
              </a:lnTo>
              <a:lnTo>
                <a:pt x="15672" y="11093"/>
              </a:lnTo>
              <a:lnTo>
                <a:pt x="15583" y="10752"/>
              </a:lnTo>
              <a:lnTo>
                <a:pt x="15405" y="10411"/>
              </a:lnTo>
              <a:lnTo>
                <a:pt x="15315" y="9813"/>
              </a:lnTo>
              <a:lnTo>
                <a:pt x="15494" y="9387"/>
              </a:lnTo>
              <a:lnTo>
                <a:pt x="15850" y="8875"/>
              </a:lnTo>
              <a:lnTo>
                <a:pt x="16295" y="8277"/>
              </a:lnTo>
              <a:lnTo>
                <a:pt x="16384" y="7595"/>
              </a:lnTo>
              <a:lnTo>
                <a:pt x="16384" y="7083"/>
              </a:lnTo>
              <a:lnTo>
                <a:pt x="16295" y="6827"/>
              </a:lnTo>
              <a:lnTo>
                <a:pt x="16206" y="6229"/>
              </a:lnTo>
              <a:lnTo>
                <a:pt x="15939" y="5803"/>
              </a:lnTo>
              <a:lnTo>
                <a:pt x="15761" y="5461"/>
              </a:lnTo>
              <a:lnTo>
                <a:pt x="15761" y="5120"/>
              </a:lnTo>
              <a:lnTo>
                <a:pt x="15672" y="4779"/>
              </a:lnTo>
              <a:lnTo>
                <a:pt x="15761" y="4267"/>
              </a:lnTo>
              <a:lnTo>
                <a:pt x="15939" y="3499"/>
              </a:lnTo>
              <a:lnTo>
                <a:pt x="16028" y="1963"/>
              </a:lnTo>
              <a:lnTo>
                <a:pt x="15939" y="1365"/>
              </a:lnTo>
              <a:lnTo>
                <a:pt x="14959" y="768"/>
              </a:lnTo>
              <a:lnTo>
                <a:pt x="14336" y="683"/>
              </a:lnTo>
              <a:lnTo>
                <a:pt x="13980" y="256"/>
              </a:lnTo>
              <a:lnTo>
                <a:pt x="13713" y="0"/>
              </a:lnTo>
              <a:lnTo>
                <a:pt x="13446" y="256"/>
              </a:lnTo>
              <a:lnTo>
                <a:pt x="13446" y="427"/>
              </a:lnTo>
              <a:lnTo>
                <a:pt x="13802" y="427"/>
              </a:lnTo>
              <a:lnTo>
                <a:pt x="13802" y="939"/>
              </a:lnTo>
              <a:lnTo>
                <a:pt x="12911" y="1195"/>
              </a:lnTo>
              <a:lnTo>
                <a:pt x="13000" y="1621"/>
              </a:lnTo>
              <a:lnTo>
                <a:pt x="13178" y="1963"/>
              </a:lnTo>
              <a:lnTo>
                <a:pt x="13089" y="2133"/>
              </a:lnTo>
              <a:lnTo>
                <a:pt x="12911" y="2219"/>
              </a:lnTo>
              <a:lnTo>
                <a:pt x="13000" y="2389"/>
              </a:lnTo>
              <a:lnTo>
                <a:pt x="12822" y="2475"/>
              </a:lnTo>
              <a:lnTo>
                <a:pt x="12911" y="2645"/>
              </a:lnTo>
              <a:lnTo>
                <a:pt x="12733" y="2816"/>
              </a:lnTo>
              <a:lnTo>
                <a:pt x="12822" y="3328"/>
              </a:lnTo>
              <a:lnTo>
                <a:pt x="12644" y="3499"/>
              </a:lnTo>
              <a:lnTo>
                <a:pt x="12466" y="3584"/>
              </a:lnTo>
              <a:lnTo>
                <a:pt x="12110" y="3328"/>
              </a:lnTo>
              <a:lnTo>
                <a:pt x="11665" y="2816"/>
              </a:lnTo>
              <a:lnTo>
                <a:pt x="10863" y="2560"/>
              </a:lnTo>
              <a:lnTo>
                <a:pt x="10240" y="2560"/>
              </a:lnTo>
              <a:lnTo>
                <a:pt x="9973" y="2304"/>
              </a:lnTo>
              <a:lnTo>
                <a:pt x="9439" y="2389"/>
              </a:lnTo>
              <a:lnTo>
                <a:pt x="9439" y="1707"/>
              </a:lnTo>
              <a:lnTo>
                <a:pt x="9082" y="1280"/>
              </a:lnTo>
              <a:lnTo>
                <a:pt x="9171" y="768"/>
              </a:lnTo>
              <a:lnTo>
                <a:pt x="8637" y="512"/>
              </a:lnTo>
              <a:lnTo>
                <a:pt x="8192" y="853"/>
              </a:lnTo>
              <a:lnTo>
                <a:pt x="7836" y="683"/>
              </a:lnTo>
              <a:lnTo>
                <a:pt x="7658" y="853"/>
              </a:lnTo>
              <a:lnTo>
                <a:pt x="7213" y="853"/>
              </a:lnTo>
              <a:lnTo>
                <a:pt x="6678" y="1536"/>
              </a:lnTo>
              <a:lnTo>
                <a:pt x="5877" y="1792"/>
              </a:lnTo>
              <a:lnTo>
                <a:pt x="5521" y="1707"/>
              </a:lnTo>
              <a:lnTo>
                <a:pt x="5254" y="1877"/>
              </a:lnTo>
              <a:lnTo>
                <a:pt x="5165" y="2304"/>
              </a:lnTo>
              <a:lnTo>
                <a:pt x="5254" y="2560"/>
              </a:lnTo>
              <a:lnTo>
                <a:pt x="5432" y="2901"/>
              </a:lnTo>
              <a:lnTo>
                <a:pt x="5521" y="3243"/>
              </a:lnTo>
              <a:lnTo>
                <a:pt x="5877" y="3584"/>
              </a:lnTo>
              <a:lnTo>
                <a:pt x="5877" y="4096"/>
              </a:lnTo>
              <a:lnTo>
                <a:pt x="5966" y="4352"/>
              </a:lnTo>
              <a:lnTo>
                <a:pt x="6144" y="4608"/>
              </a:lnTo>
              <a:lnTo>
                <a:pt x="6500" y="4608"/>
              </a:lnTo>
              <a:lnTo>
                <a:pt x="6589" y="5035"/>
              </a:lnTo>
              <a:lnTo>
                <a:pt x="6678" y="5376"/>
              </a:lnTo>
              <a:lnTo>
                <a:pt x="6856" y="5547"/>
              </a:lnTo>
              <a:lnTo>
                <a:pt x="7213" y="5632"/>
              </a:lnTo>
              <a:lnTo>
                <a:pt x="7480" y="5803"/>
              </a:lnTo>
              <a:lnTo>
                <a:pt x="7569" y="6229"/>
              </a:lnTo>
              <a:lnTo>
                <a:pt x="7569" y="6571"/>
              </a:lnTo>
              <a:lnTo>
                <a:pt x="7569" y="6827"/>
              </a:lnTo>
              <a:lnTo>
                <a:pt x="7302" y="7083"/>
              </a:lnTo>
              <a:lnTo>
                <a:pt x="7302" y="7595"/>
              </a:lnTo>
              <a:lnTo>
                <a:pt x="7123" y="7936"/>
              </a:lnTo>
              <a:lnTo>
                <a:pt x="6856" y="7936"/>
              </a:lnTo>
              <a:lnTo>
                <a:pt x="6767" y="7765"/>
              </a:lnTo>
              <a:lnTo>
                <a:pt x="6233" y="8021"/>
              </a:lnTo>
              <a:lnTo>
                <a:pt x="5877" y="7851"/>
              </a:lnTo>
              <a:lnTo>
                <a:pt x="5343" y="7851"/>
              </a:lnTo>
              <a:lnTo>
                <a:pt x="4897" y="8021"/>
              </a:lnTo>
              <a:lnTo>
                <a:pt x="4452" y="7851"/>
              </a:lnTo>
              <a:lnTo>
                <a:pt x="4007" y="7936"/>
              </a:lnTo>
              <a:lnTo>
                <a:pt x="3740" y="8107"/>
              </a:lnTo>
              <a:lnTo>
                <a:pt x="3473" y="7936"/>
              </a:lnTo>
              <a:lnTo>
                <a:pt x="3117" y="8192"/>
              </a:lnTo>
              <a:lnTo>
                <a:pt x="2582" y="8192"/>
              </a:lnTo>
              <a:lnTo>
                <a:pt x="2048" y="7851"/>
              </a:lnTo>
              <a:lnTo>
                <a:pt x="1603" y="8192"/>
              </a:lnTo>
              <a:lnTo>
                <a:pt x="1336" y="8192"/>
              </a:lnTo>
              <a:lnTo>
                <a:pt x="1158" y="8448"/>
              </a:lnTo>
              <a:lnTo>
                <a:pt x="1158" y="8704"/>
              </a:lnTo>
              <a:lnTo>
                <a:pt x="534" y="8960"/>
              </a:lnTo>
              <a:lnTo>
                <a:pt x="89" y="9131"/>
              </a:lnTo>
              <a:lnTo>
                <a:pt x="0" y="9387"/>
              </a:lnTo>
              <a:lnTo>
                <a:pt x="356" y="9643"/>
              </a:lnTo>
              <a:lnTo>
                <a:pt x="267" y="9984"/>
              </a:lnTo>
              <a:lnTo>
                <a:pt x="356" y="10411"/>
              </a:lnTo>
              <a:lnTo>
                <a:pt x="356" y="10667"/>
              </a:lnTo>
              <a:lnTo>
                <a:pt x="979" y="10581"/>
              </a:lnTo>
              <a:lnTo>
                <a:pt x="1336" y="10240"/>
              </a:lnTo>
              <a:lnTo>
                <a:pt x="1603" y="9899"/>
              </a:lnTo>
              <a:lnTo>
                <a:pt x="1870" y="9728"/>
              </a:lnTo>
              <a:lnTo>
                <a:pt x="2493" y="9813"/>
              </a:lnTo>
              <a:lnTo>
                <a:pt x="2849" y="9643"/>
              </a:lnTo>
              <a:lnTo>
                <a:pt x="3206" y="9813"/>
              </a:lnTo>
              <a:lnTo>
                <a:pt x="3562" y="9899"/>
              </a:lnTo>
              <a:lnTo>
                <a:pt x="3740" y="10069"/>
              </a:lnTo>
              <a:lnTo>
                <a:pt x="4007" y="9984"/>
              </a:lnTo>
              <a:lnTo>
                <a:pt x="4274" y="10240"/>
              </a:lnTo>
              <a:lnTo>
                <a:pt x="5343" y="10240"/>
              </a:lnTo>
              <a:lnTo>
                <a:pt x="5521" y="10496"/>
              </a:lnTo>
              <a:lnTo>
                <a:pt x="6589" y="10667"/>
              </a:lnTo>
              <a:lnTo>
                <a:pt x="6767" y="10923"/>
              </a:lnTo>
              <a:lnTo>
                <a:pt x="6945" y="10923"/>
              </a:lnTo>
              <a:lnTo>
                <a:pt x="7302" y="11264"/>
              </a:lnTo>
              <a:lnTo>
                <a:pt x="8103" y="11349"/>
              </a:lnTo>
              <a:lnTo>
                <a:pt x="8014" y="11947"/>
              </a:lnTo>
              <a:lnTo>
                <a:pt x="8281" y="12288"/>
              </a:lnTo>
              <a:lnTo>
                <a:pt x="8548" y="12544"/>
              </a:lnTo>
              <a:lnTo>
                <a:pt x="9082" y="12715"/>
              </a:lnTo>
              <a:lnTo>
                <a:pt x="9350" y="12885"/>
              </a:lnTo>
              <a:lnTo>
                <a:pt x="10151" y="12459"/>
              </a:lnTo>
              <a:lnTo>
                <a:pt x="10151" y="12117"/>
              </a:lnTo>
              <a:lnTo>
                <a:pt x="10507" y="12203"/>
              </a:lnTo>
              <a:lnTo>
                <a:pt x="10774" y="12032"/>
              </a:lnTo>
              <a:lnTo>
                <a:pt x="10952" y="12203"/>
              </a:lnTo>
              <a:lnTo>
                <a:pt x="10863" y="12459"/>
              </a:lnTo>
              <a:lnTo>
                <a:pt x="11219" y="12715"/>
              </a:lnTo>
              <a:lnTo>
                <a:pt x="11665" y="12885"/>
              </a:lnTo>
              <a:lnTo>
                <a:pt x="12110" y="13397"/>
              </a:lnTo>
              <a:lnTo>
                <a:pt x="12466" y="13483"/>
              </a:lnTo>
              <a:lnTo>
                <a:pt x="12644" y="13739"/>
              </a:lnTo>
              <a:lnTo>
                <a:pt x="12822" y="13909"/>
              </a:lnTo>
              <a:lnTo>
                <a:pt x="12822" y="14421"/>
              </a:lnTo>
              <a:lnTo>
                <a:pt x="12822" y="14848"/>
              </a:lnTo>
              <a:lnTo>
                <a:pt x="12911" y="15275"/>
              </a:lnTo>
              <a:lnTo>
                <a:pt x="13267" y="15531"/>
              </a:lnTo>
              <a:lnTo>
                <a:pt x="13446" y="16213"/>
              </a:lnTo>
              <a:close/>
            </a:path>
          </a:pathLst>
        </a:custGeom>
        <a:solidFill>
          <a:srgbClr val="FF0000"/>
        </a:solidFill>
        <a:ln w="9525" cap="flat">
          <a:solidFill>
            <a:srgbClr val="000000"/>
          </a:solidFill>
          <a:prstDash val="solid"/>
          <a:round/>
          <a:headEnd/>
          <a:tailEnd/>
        </a:ln>
      </xdr:spPr>
    </xdr:sp>
    <xdr:clientData/>
  </xdr:twoCellAnchor>
  <xdr:twoCellAnchor editAs="oneCell">
    <xdr:from>
      <xdr:col>10</xdr:col>
      <xdr:colOff>285750</xdr:colOff>
      <xdr:row>15</xdr:row>
      <xdr:rowOff>9525</xdr:rowOff>
    </xdr:from>
    <xdr:to>
      <xdr:col>11</xdr:col>
      <xdr:colOff>257175</xdr:colOff>
      <xdr:row>23</xdr:row>
      <xdr:rowOff>123825</xdr:rowOff>
    </xdr:to>
    <xdr:sp macro="" textlink="">
      <xdr:nvSpPr>
        <xdr:cNvPr id="174" name="d14213">
          <a:extLst>
            <a:ext uri="{FF2B5EF4-FFF2-40B4-BE49-F238E27FC236}">
              <a16:creationId xmlns:a16="http://schemas.microsoft.com/office/drawing/2014/main" id="{00000000-0008-0000-0000-0000AE000000}"/>
            </a:ext>
          </a:extLst>
        </xdr:cNvPr>
        <xdr:cNvSpPr>
          <a:spLocks/>
        </xdr:cNvSpPr>
      </xdr:nvSpPr>
      <xdr:spPr bwMode="auto">
        <a:xfrm>
          <a:off x="6381750" y="2295525"/>
          <a:ext cx="581025" cy="1333500"/>
        </a:xfrm>
        <a:custGeom>
          <a:avLst/>
          <a:gdLst/>
          <a:ahLst/>
          <a:cxnLst>
            <a:cxn ang="0">
              <a:pos x="26" y="134"/>
            </a:cxn>
            <a:cxn ang="0">
              <a:pos x="35" y="137"/>
            </a:cxn>
            <a:cxn ang="0">
              <a:pos x="41" y="126"/>
            </a:cxn>
            <a:cxn ang="0">
              <a:pos x="44" y="137"/>
            </a:cxn>
            <a:cxn ang="0">
              <a:pos x="53" y="130"/>
            </a:cxn>
            <a:cxn ang="0">
              <a:pos x="57" y="114"/>
            </a:cxn>
            <a:cxn ang="0">
              <a:pos x="58" y="96"/>
            </a:cxn>
            <a:cxn ang="0">
              <a:pos x="52" y="81"/>
            </a:cxn>
            <a:cxn ang="0">
              <a:pos x="54" y="72"/>
            </a:cxn>
            <a:cxn ang="0">
              <a:pos x="50" y="60"/>
            </a:cxn>
            <a:cxn ang="0">
              <a:pos x="49" y="50"/>
            </a:cxn>
            <a:cxn ang="0">
              <a:pos x="47" y="36"/>
            </a:cxn>
            <a:cxn ang="0">
              <a:pos x="42" y="32"/>
            </a:cxn>
            <a:cxn ang="0">
              <a:pos x="47" y="26"/>
            </a:cxn>
            <a:cxn ang="0">
              <a:pos x="48" y="18"/>
            </a:cxn>
            <a:cxn ang="0">
              <a:pos x="44" y="11"/>
            </a:cxn>
            <a:cxn ang="0">
              <a:pos x="44" y="5"/>
            </a:cxn>
            <a:cxn ang="0">
              <a:pos x="38" y="0"/>
            </a:cxn>
            <a:cxn ang="0">
              <a:pos x="33" y="0"/>
            </a:cxn>
            <a:cxn ang="0">
              <a:pos x="23" y="5"/>
            </a:cxn>
            <a:cxn ang="0">
              <a:pos x="17" y="12"/>
            </a:cxn>
            <a:cxn ang="0">
              <a:pos x="6" y="16"/>
            </a:cxn>
            <a:cxn ang="0">
              <a:pos x="0" y="18"/>
            </a:cxn>
            <a:cxn ang="0">
              <a:pos x="3" y="31"/>
            </a:cxn>
            <a:cxn ang="0">
              <a:pos x="11" y="56"/>
            </a:cxn>
            <a:cxn ang="0">
              <a:pos x="8" y="66"/>
            </a:cxn>
            <a:cxn ang="0">
              <a:pos x="9" y="76"/>
            </a:cxn>
            <a:cxn ang="0">
              <a:pos x="27" y="86"/>
            </a:cxn>
            <a:cxn ang="0">
              <a:pos x="32" y="94"/>
            </a:cxn>
            <a:cxn ang="0">
              <a:pos x="28" y="102"/>
            </a:cxn>
            <a:cxn ang="0">
              <a:pos x="24" y="109"/>
            </a:cxn>
            <a:cxn ang="0">
              <a:pos x="26" y="124"/>
            </a:cxn>
          </a:cxnLst>
          <a:rect l="0" t="0" r="r" b="b"/>
          <a:pathLst>
            <a:path w="61" h="140">
              <a:moveTo>
                <a:pt x="23" y="131"/>
              </a:moveTo>
              <a:lnTo>
                <a:pt x="26" y="134"/>
              </a:lnTo>
              <a:lnTo>
                <a:pt x="30" y="136"/>
              </a:lnTo>
              <a:lnTo>
                <a:pt x="35" y="137"/>
              </a:lnTo>
              <a:lnTo>
                <a:pt x="39" y="138"/>
              </a:lnTo>
              <a:lnTo>
                <a:pt x="41" y="126"/>
              </a:lnTo>
              <a:lnTo>
                <a:pt x="45" y="128"/>
              </a:lnTo>
              <a:lnTo>
                <a:pt x="44" y="137"/>
              </a:lnTo>
              <a:lnTo>
                <a:pt x="51" y="140"/>
              </a:lnTo>
              <a:lnTo>
                <a:pt x="53" y="130"/>
              </a:lnTo>
              <a:lnTo>
                <a:pt x="52" y="125"/>
              </a:lnTo>
              <a:lnTo>
                <a:pt x="57" y="114"/>
              </a:lnTo>
              <a:lnTo>
                <a:pt x="61" y="105"/>
              </a:lnTo>
              <a:lnTo>
                <a:pt x="58" y="96"/>
              </a:lnTo>
              <a:lnTo>
                <a:pt x="54" y="88"/>
              </a:lnTo>
              <a:lnTo>
                <a:pt x="52" y="81"/>
              </a:lnTo>
              <a:lnTo>
                <a:pt x="54" y="77"/>
              </a:lnTo>
              <a:lnTo>
                <a:pt x="54" y="72"/>
              </a:lnTo>
              <a:lnTo>
                <a:pt x="50" y="64"/>
              </a:lnTo>
              <a:lnTo>
                <a:pt x="50" y="60"/>
              </a:lnTo>
              <a:lnTo>
                <a:pt x="50" y="55"/>
              </a:lnTo>
              <a:lnTo>
                <a:pt x="49" y="50"/>
              </a:lnTo>
              <a:lnTo>
                <a:pt x="51" y="45"/>
              </a:lnTo>
              <a:lnTo>
                <a:pt x="47" y="36"/>
              </a:lnTo>
              <a:lnTo>
                <a:pt x="44" y="35"/>
              </a:lnTo>
              <a:lnTo>
                <a:pt x="42" y="32"/>
              </a:lnTo>
              <a:lnTo>
                <a:pt x="44" y="30"/>
              </a:lnTo>
              <a:lnTo>
                <a:pt x="47" y="26"/>
              </a:lnTo>
              <a:lnTo>
                <a:pt x="48" y="22"/>
              </a:lnTo>
              <a:lnTo>
                <a:pt x="48" y="18"/>
              </a:lnTo>
              <a:lnTo>
                <a:pt x="46" y="16"/>
              </a:lnTo>
              <a:lnTo>
                <a:pt x="44" y="11"/>
              </a:lnTo>
              <a:lnTo>
                <a:pt x="44" y="8"/>
              </a:lnTo>
              <a:lnTo>
                <a:pt x="44" y="5"/>
              </a:lnTo>
              <a:lnTo>
                <a:pt x="42" y="2"/>
              </a:lnTo>
              <a:lnTo>
                <a:pt x="38" y="0"/>
              </a:lnTo>
              <a:lnTo>
                <a:pt x="34" y="1"/>
              </a:lnTo>
              <a:lnTo>
                <a:pt x="33" y="0"/>
              </a:lnTo>
              <a:lnTo>
                <a:pt x="27" y="3"/>
              </a:lnTo>
              <a:lnTo>
                <a:pt x="23" y="5"/>
              </a:lnTo>
              <a:lnTo>
                <a:pt x="20" y="7"/>
              </a:lnTo>
              <a:lnTo>
                <a:pt x="17" y="12"/>
              </a:lnTo>
              <a:lnTo>
                <a:pt x="11" y="15"/>
              </a:lnTo>
              <a:lnTo>
                <a:pt x="6" y="16"/>
              </a:lnTo>
              <a:lnTo>
                <a:pt x="2" y="16"/>
              </a:lnTo>
              <a:lnTo>
                <a:pt x="0" y="18"/>
              </a:lnTo>
              <a:lnTo>
                <a:pt x="1" y="23"/>
              </a:lnTo>
              <a:lnTo>
                <a:pt x="3" y="31"/>
              </a:lnTo>
              <a:lnTo>
                <a:pt x="9" y="49"/>
              </a:lnTo>
              <a:lnTo>
                <a:pt x="11" y="56"/>
              </a:lnTo>
              <a:lnTo>
                <a:pt x="5" y="61"/>
              </a:lnTo>
              <a:lnTo>
                <a:pt x="8" y="66"/>
              </a:lnTo>
              <a:lnTo>
                <a:pt x="9" y="71"/>
              </a:lnTo>
              <a:lnTo>
                <a:pt x="9" y="76"/>
              </a:lnTo>
              <a:lnTo>
                <a:pt x="27" y="75"/>
              </a:lnTo>
              <a:lnTo>
                <a:pt x="27" y="86"/>
              </a:lnTo>
              <a:lnTo>
                <a:pt x="30" y="89"/>
              </a:lnTo>
              <a:lnTo>
                <a:pt x="32" y="94"/>
              </a:lnTo>
              <a:lnTo>
                <a:pt x="31" y="100"/>
              </a:lnTo>
              <a:lnTo>
                <a:pt x="28" y="102"/>
              </a:lnTo>
              <a:lnTo>
                <a:pt x="25" y="108"/>
              </a:lnTo>
              <a:lnTo>
                <a:pt x="24" y="109"/>
              </a:lnTo>
              <a:lnTo>
                <a:pt x="25" y="117"/>
              </a:lnTo>
              <a:lnTo>
                <a:pt x="26" y="124"/>
              </a:lnTo>
              <a:lnTo>
                <a:pt x="23" y="131"/>
              </a:lnTo>
              <a:close/>
            </a:path>
          </a:pathLst>
        </a:custGeom>
        <a:solidFill>
          <a:srgbClr val="FF0000"/>
        </a:solidFill>
        <a:ln w="9525" cap="flat">
          <a:solidFill>
            <a:srgbClr val="000000"/>
          </a:solidFill>
          <a:prstDash val="solid"/>
          <a:round/>
          <a:headEnd/>
          <a:tailEnd/>
        </a:ln>
      </xdr:spPr>
    </xdr:sp>
    <xdr:clientData/>
  </xdr:twoCellAnchor>
  <xdr:twoCellAnchor editAs="oneCell">
    <xdr:from>
      <xdr:col>6</xdr:col>
      <xdr:colOff>447675</xdr:colOff>
      <xdr:row>21</xdr:row>
      <xdr:rowOff>66675</xdr:rowOff>
    </xdr:from>
    <xdr:to>
      <xdr:col>9</xdr:col>
      <xdr:colOff>76200</xdr:colOff>
      <xdr:row>28</xdr:row>
      <xdr:rowOff>66675</xdr:rowOff>
    </xdr:to>
    <xdr:sp macro="" textlink="">
      <xdr:nvSpPr>
        <xdr:cNvPr id="175" name="d14214">
          <a:extLst>
            <a:ext uri="{FF2B5EF4-FFF2-40B4-BE49-F238E27FC236}">
              <a16:creationId xmlns:a16="http://schemas.microsoft.com/office/drawing/2014/main" id="{00000000-0008-0000-0000-0000AF000000}"/>
            </a:ext>
          </a:extLst>
        </xdr:cNvPr>
        <xdr:cNvSpPr>
          <a:spLocks/>
        </xdr:cNvSpPr>
      </xdr:nvSpPr>
      <xdr:spPr bwMode="auto">
        <a:xfrm>
          <a:off x="4105275" y="3267075"/>
          <a:ext cx="1457325" cy="1066800"/>
        </a:xfrm>
        <a:custGeom>
          <a:avLst/>
          <a:gdLst/>
          <a:ahLst/>
          <a:cxnLst>
            <a:cxn ang="0">
              <a:pos x="8246" y="14043"/>
            </a:cxn>
            <a:cxn ang="0">
              <a:pos x="9102" y="13897"/>
            </a:cxn>
            <a:cxn ang="0">
              <a:pos x="9316" y="12727"/>
            </a:cxn>
            <a:cxn ang="0">
              <a:pos x="10280" y="14043"/>
            </a:cxn>
            <a:cxn ang="0">
              <a:pos x="10923" y="15067"/>
            </a:cxn>
            <a:cxn ang="0">
              <a:pos x="11565" y="16384"/>
            </a:cxn>
            <a:cxn ang="0">
              <a:pos x="11458" y="14629"/>
            </a:cxn>
            <a:cxn ang="0">
              <a:pos x="11779" y="14336"/>
            </a:cxn>
            <a:cxn ang="0">
              <a:pos x="12315" y="14482"/>
            </a:cxn>
            <a:cxn ang="0">
              <a:pos x="13171" y="14336"/>
            </a:cxn>
            <a:cxn ang="0">
              <a:pos x="14135" y="14482"/>
            </a:cxn>
            <a:cxn ang="0">
              <a:pos x="14885" y="12727"/>
            </a:cxn>
            <a:cxn ang="0">
              <a:pos x="15206" y="13751"/>
            </a:cxn>
            <a:cxn ang="0">
              <a:pos x="16170" y="13605"/>
            </a:cxn>
            <a:cxn ang="0">
              <a:pos x="16063" y="11703"/>
            </a:cxn>
            <a:cxn ang="0">
              <a:pos x="15634" y="10094"/>
            </a:cxn>
            <a:cxn ang="0">
              <a:pos x="15099" y="8923"/>
            </a:cxn>
            <a:cxn ang="0">
              <a:pos x="15099" y="7314"/>
            </a:cxn>
            <a:cxn ang="0">
              <a:pos x="14671" y="6583"/>
            </a:cxn>
            <a:cxn ang="0">
              <a:pos x="13707" y="5559"/>
            </a:cxn>
            <a:cxn ang="0">
              <a:pos x="12743" y="4827"/>
            </a:cxn>
            <a:cxn ang="0">
              <a:pos x="12636" y="4096"/>
            </a:cxn>
            <a:cxn ang="0">
              <a:pos x="11886" y="4242"/>
            </a:cxn>
            <a:cxn ang="0">
              <a:pos x="10923" y="5559"/>
            </a:cxn>
            <a:cxn ang="0">
              <a:pos x="9959" y="4974"/>
            </a:cxn>
            <a:cxn ang="0">
              <a:pos x="9316" y="3950"/>
            </a:cxn>
            <a:cxn ang="0">
              <a:pos x="8460" y="2779"/>
            </a:cxn>
            <a:cxn ang="0">
              <a:pos x="7817" y="2194"/>
            </a:cxn>
            <a:cxn ang="0">
              <a:pos x="6318" y="1463"/>
            </a:cxn>
            <a:cxn ang="0">
              <a:pos x="4819" y="1024"/>
            </a:cxn>
            <a:cxn ang="0">
              <a:pos x="4176" y="731"/>
            </a:cxn>
            <a:cxn ang="0">
              <a:pos x="3534" y="293"/>
            </a:cxn>
            <a:cxn ang="0">
              <a:pos x="2677" y="293"/>
            </a:cxn>
            <a:cxn ang="0">
              <a:pos x="1606" y="439"/>
            </a:cxn>
            <a:cxn ang="0">
              <a:pos x="857" y="1609"/>
            </a:cxn>
            <a:cxn ang="0">
              <a:pos x="0" y="2633"/>
            </a:cxn>
            <a:cxn ang="0">
              <a:pos x="857" y="5266"/>
            </a:cxn>
            <a:cxn ang="0">
              <a:pos x="2356" y="7753"/>
            </a:cxn>
            <a:cxn ang="0">
              <a:pos x="3105" y="9216"/>
            </a:cxn>
            <a:cxn ang="0">
              <a:pos x="3320" y="10679"/>
            </a:cxn>
            <a:cxn ang="0">
              <a:pos x="3105" y="11264"/>
            </a:cxn>
            <a:cxn ang="0">
              <a:pos x="2891" y="13751"/>
            </a:cxn>
            <a:cxn ang="0">
              <a:pos x="4283" y="13312"/>
            </a:cxn>
            <a:cxn ang="0">
              <a:pos x="6211" y="13019"/>
            </a:cxn>
            <a:cxn ang="0">
              <a:pos x="7817" y="14336"/>
            </a:cxn>
          </a:cxnLst>
          <a:rect l="0" t="0" r="r" b="b"/>
          <a:pathLst>
            <a:path w="16384" h="16384">
              <a:moveTo>
                <a:pt x="7817" y="14336"/>
              </a:moveTo>
              <a:lnTo>
                <a:pt x="8246" y="14043"/>
              </a:lnTo>
              <a:lnTo>
                <a:pt x="9102" y="14336"/>
              </a:lnTo>
              <a:lnTo>
                <a:pt x="9102" y="13897"/>
              </a:lnTo>
              <a:lnTo>
                <a:pt x="9102" y="13312"/>
              </a:lnTo>
              <a:lnTo>
                <a:pt x="9316" y="12727"/>
              </a:lnTo>
              <a:lnTo>
                <a:pt x="9638" y="14043"/>
              </a:lnTo>
              <a:lnTo>
                <a:pt x="10280" y="14043"/>
              </a:lnTo>
              <a:lnTo>
                <a:pt x="10601" y="14336"/>
              </a:lnTo>
              <a:lnTo>
                <a:pt x="10923" y="15067"/>
              </a:lnTo>
              <a:lnTo>
                <a:pt x="10923" y="16091"/>
              </a:lnTo>
              <a:lnTo>
                <a:pt x="11565" y="16384"/>
              </a:lnTo>
              <a:lnTo>
                <a:pt x="11565" y="15360"/>
              </a:lnTo>
              <a:lnTo>
                <a:pt x="11458" y="14629"/>
              </a:lnTo>
              <a:lnTo>
                <a:pt x="11565" y="13751"/>
              </a:lnTo>
              <a:lnTo>
                <a:pt x="11779" y="14336"/>
              </a:lnTo>
              <a:lnTo>
                <a:pt x="12208" y="14775"/>
              </a:lnTo>
              <a:lnTo>
                <a:pt x="12315" y="14482"/>
              </a:lnTo>
              <a:lnTo>
                <a:pt x="12636" y="14190"/>
              </a:lnTo>
              <a:lnTo>
                <a:pt x="13171" y="14336"/>
              </a:lnTo>
              <a:lnTo>
                <a:pt x="13600" y="13751"/>
              </a:lnTo>
              <a:lnTo>
                <a:pt x="14135" y="14482"/>
              </a:lnTo>
              <a:lnTo>
                <a:pt x="14564" y="14482"/>
              </a:lnTo>
              <a:lnTo>
                <a:pt x="14885" y="12727"/>
              </a:lnTo>
              <a:lnTo>
                <a:pt x="15206" y="12873"/>
              </a:lnTo>
              <a:lnTo>
                <a:pt x="15206" y="13751"/>
              </a:lnTo>
              <a:lnTo>
                <a:pt x="14992" y="14921"/>
              </a:lnTo>
              <a:lnTo>
                <a:pt x="16170" y="13605"/>
              </a:lnTo>
              <a:lnTo>
                <a:pt x="16384" y="12288"/>
              </a:lnTo>
              <a:lnTo>
                <a:pt x="16063" y="11703"/>
              </a:lnTo>
              <a:lnTo>
                <a:pt x="15849" y="11264"/>
              </a:lnTo>
              <a:lnTo>
                <a:pt x="15634" y="10094"/>
              </a:lnTo>
              <a:lnTo>
                <a:pt x="15206" y="9655"/>
              </a:lnTo>
              <a:lnTo>
                <a:pt x="15099" y="8923"/>
              </a:lnTo>
              <a:lnTo>
                <a:pt x="15099" y="8192"/>
              </a:lnTo>
              <a:lnTo>
                <a:pt x="15099" y="7314"/>
              </a:lnTo>
              <a:lnTo>
                <a:pt x="14885" y="7022"/>
              </a:lnTo>
              <a:lnTo>
                <a:pt x="14671" y="6583"/>
              </a:lnTo>
              <a:lnTo>
                <a:pt x="14242" y="6437"/>
              </a:lnTo>
              <a:lnTo>
                <a:pt x="13707" y="5559"/>
              </a:lnTo>
              <a:lnTo>
                <a:pt x="13171" y="5266"/>
              </a:lnTo>
              <a:lnTo>
                <a:pt x="12743" y="4827"/>
              </a:lnTo>
              <a:lnTo>
                <a:pt x="12850" y="4389"/>
              </a:lnTo>
              <a:lnTo>
                <a:pt x="12636" y="4096"/>
              </a:lnTo>
              <a:lnTo>
                <a:pt x="12315" y="4389"/>
              </a:lnTo>
              <a:lnTo>
                <a:pt x="11886" y="4242"/>
              </a:lnTo>
              <a:lnTo>
                <a:pt x="11886" y="4827"/>
              </a:lnTo>
              <a:lnTo>
                <a:pt x="10923" y="5559"/>
              </a:lnTo>
              <a:lnTo>
                <a:pt x="10601" y="5266"/>
              </a:lnTo>
              <a:lnTo>
                <a:pt x="9959" y="4974"/>
              </a:lnTo>
              <a:lnTo>
                <a:pt x="9638" y="4535"/>
              </a:lnTo>
              <a:lnTo>
                <a:pt x="9316" y="3950"/>
              </a:lnTo>
              <a:lnTo>
                <a:pt x="9423" y="2926"/>
              </a:lnTo>
              <a:lnTo>
                <a:pt x="8460" y="2779"/>
              </a:lnTo>
              <a:lnTo>
                <a:pt x="8031" y="2194"/>
              </a:lnTo>
              <a:lnTo>
                <a:pt x="7817" y="2194"/>
              </a:lnTo>
              <a:lnTo>
                <a:pt x="7603" y="1755"/>
              </a:lnTo>
              <a:lnTo>
                <a:pt x="6318" y="1463"/>
              </a:lnTo>
              <a:lnTo>
                <a:pt x="6104" y="1024"/>
              </a:lnTo>
              <a:lnTo>
                <a:pt x="4819" y="1024"/>
              </a:lnTo>
              <a:lnTo>
                <a:pt x="4498" y="585"/>
              </a:lnTo>
              <a:lnTo>
                <a:pt x="4176" y="731"/>
              </a:lnTo>
              <a:lnTo>
                <a:pt x="3962" y="439"/>
              </a:lnTo>
              <a:lnTo>
                <a:pt x="3534" y="293"/>
              </a:lnTo>
              <a:lnTo>
                <a:pt x="3105" y="0"/>
              </a:lnTo>
              <a:lnTo>
                <a:pt x="2677" y="293"/>
              </a:lnTo>
              <a:lnTo>
                <a:pt x="1928" y="146"/>
              </a:lnTo>
              <a:lnTo>
                <a:pt x="1606" y="439"/>
              </a:lnTo>
              <a:lnTo>
                <a:pt x="1285" y="1024"/>
              </a:lnTo>
              <a:lnTo>
                <a:pt x="857" y="1609"/>
              </a:lnTo>
              <a:lnTo>
                <a:pt x="107" y="1755"/>
              </a:lnTo>
              <a:lnTo>
                <a:pt x="0" y="2633"/>
              </a:lnTo>
              <a:lnTo>
                <a:pt x="321" y="3218"/>
              </a:lnTo>
              <a:lnTo>
                <a:pt x="857" y="5266"/>
              </a:lnTo>
              <a:lnTo>
                <a:pt x="1713" y="7461"/>
              </a:lnTo>
              <a:lnTo>
                <a:pt x="2356" y="7753"/>
              </a:lnTo>
              <a:lnTo>
                <a:pt x="2677" y="8777"/>
              </a:lnTo>
              <a:lnTo>
                <a:pt x="3105" y="9216"/>
              </a:lnTo>
              <a:lnTo>
                <a:pt x="3105" y="10094"/>
              </a:lnTo>
              <a:lnTo>
                <a:pt x="3320" y="10679"/>
              </a:lnTo>
              <a:lnTo>
                <a:pt x="3427" y="11118"/>
              </a:lnTo>
              <a:lnTo>
                <a:pt x="3105" y="11264"/>
              </a:lnTo>
              <a:lnTo>
                <a:pt x="2677" y="11995"/>
              </a:lnTo>
              <a:lnTo>
                <a:pt x="2891" y="13751"/>
              </a:lnTo>
              <a:lnTo>
                <a:pt x="3320" y="14043"/>
              </a:lnTo>
              <a:lnTo>
                <a:pt x="4283" y="13312"/>
              </a:lnTo>
              <a:lnTo>
                <a:pt x="5033" y="13458"/>
              </a:lnTo>
              <a:lnTo>
                <a:pt x="6211" y="13019"/>
              </a:lnTo>
              <a:lnTo>
                <a:pt x="6853" y="13897"/>
              </a:lnTo>
              <a:lnTo>
                <a:pt x="7817" y="14336"/>
              </a:lnTo>
              <a:close/>
            </a:path>
          </a:pathLst>
        </a:custGeom>
        <a:solidFill>
          <a:srgbClr val="FF0000"/>
        </a:solidFill>
        <a:ln w="9525" cap="flat">
          <a:solidFill>
            <a:srgbClr val="000000"/>
          </a:solidFill>
          <a:prstDash val="solid"/>
          <a:round/>
          <a:headEnd/>
          <a:tailEnd/>
        </a:ln>
      </xdr:spPr>
    </xdr:sp>
    <xdr:clientData/>
  </xdr:twoCellAnchor>
  <xdr:twoCellAnchor editAs="oneCell">
    <xdr:from>
      <xdr:col>2</xdr:col>
      <xdr:colOff>285750</xdr:colOff>
      <xdr:row>30</xdr:row>
      <xdr:rowOff>9525</xdr:rowOff>
    </xdr:from>
    <xdr:to>
      <xdr:col>4</xdr:col>
      <xdr:colOff>552450</xdr:colOff>
      <xdr:row>37</xdr:row>
      <xdr:rowOff>47625</xdr:rowOff>
    </xdr:to>
    <xdr:sp macro="" textlink="">
      <xdr:nvSpPr>
        <xdr:cNvPr id="176" name="d14217">
          <a:extLst>
            <a:ext uri="{FF2B5EF4-FFF2-40B4-BE49-F238E27FC236}">
              <a16:creationId xmlns:a16="http://schemas.microsoft.com/office/drawing/2014/main" id="{00000000-0008-0000-0000-0000B0000000}"/>
            </a:ext>
          </a:extLst>
        </xdr:cNvPr>
        <xdr:cNvSpPr>
          <a:spLocks/>
        </xdr:cNvSpPr>
      </xdr:nvSpPr>
      <xdr:spPr bwMode="auto">
        <a:xfrm>
          <a:off x="1504950" y="4581525"/>
          <a:ext cx="1485900" cy="1104900"/>
        </a:xfrm>
        <a:custGeom>
          <a:avLst/>
          <a:gdLst/>
          <a:ahLst/>
          <a:cxnLst>
            <a:cxn ang="0">
              <a:pos x="7877" y="16102"/>
            </a:cxn>
            <a:cxn ang="0">
              <a:pos x="9137" y="16102"/>
            </a:cxn>
            <a:cxn ang="0">
              <a:pos x="10713" y="15537"/>
            </a:cxn>
            <a:cxn ang="0">
              <a:pos x="13023" y="14830"/>
            </a:cxn>
            <a:cxn ang="0">
              <a:pos x="14073" y="14689"/>
            </a:cxn>
            <a:cxn ang="0">
              <a:pos x="14599" y="13842"/>
            </a:cxn>
            <a:cxn ang="0">
              <a:pos x="14914" y="13277"/>
            </a:cxn>
            <a:cxn ang="0">
              <a:pos x="15859" y="13135"/>
            </a:cxn>
            <a:cxn ang="0">
              <a:pos x="16174" y="12288"/>
            </a:cxn>
            <a:cxn ang="0">
              <a:pos x="16384" y="11723"/>
            </a:cxn>
            <a:cxn ang="0">
              <a:pos x="16174" y="10169"/>
            </a:cxn>
            <a:cxn ang="0">
              <a:pos x="16069" y="9039"/>
            </a:cxn>
            <a:cxn ang="0">
              <a:pos x="16384" y="8333"/>
            </a:cxn>
            <a:cxn ang="0">
              <a:pos x="16069" y="7486"/>
            </a:cxn>
            <a:cxn ang="0">
              <a:pos x="15649" y="6921"/>
            </a:cxn>
            <a:cxn ang="0">
              <a:pos x="14914" y="6497"/>
            </a:cxn>
            <a:cxn ang="0">
              <a:pos x="14599" y="5226"/>
            </a:cxn>
            <a:cxn ang="0">
              <a:pos x="14178" y="3390"/>
            </a:cxn>
            <a:cxn ang="0">
              <a:pos x="13653" y="2401"/>
            </a:cxn>
            <a:cxn ang="0">
              <a:pos x="13023" y="1271"/>
            </a:cxn>
            <a:cxn ang="0">
              <a:pos x="13548" y="424"/>
            </a:cxn>
            <a:cxn ang="0">
              <a:pos x="12813" y="141"/>
            </a:cxn>
            <a:cxn ang="0">
              <a:pos x="11763" y="989"/>
            </a:cxn>
            <a:cxn ang="0">
              <a:pos x="10818" y="424"/>
            </a:cxn>
            <a:cxn ang="0">
              <a:pos x="9767" y="282"/>
            </a:cxn>
            <a:cxn ang="0">
              <a:pos x="8717" y="1130"/>
            </a:cxn>
            <a:cxn ang="0">
              <a:pos x="7352" y="424"/>
            </a:cxn>
            <a:cxn ang="0">
              <a:pos x="6512" y="141"/>
            </a:cxn>
            <a:cxn ang="0">
              <a:pos x="5776" y="989"/>
            </a:cxn>
            <a:cxn ang="0">
              <a:pos x="4831" y="1130"/>
            </a:cxn>
            <a:cxn ang="0">
              <a:pos x="4096" y="2260"/>
            </a:cxn>
            <a:cxn ang="0">
              <a:pos x="3361" y="3107"/>
            </a:cxn>
            <a:cxn ang="0">
              <a:pos x="3046" y="4096"/>
            </a:cxn>
            <a:cxn ang="0">
              <a:pos x="2101" y="3955"/>
            </a:cxn>
            <a:cxn ang="0">
              <a:pos x="1785" y="5085"/>
            </a:cxn>
            <a:cxn ang="0">
              <a:pos x="1260" y="6497"/>
            </a:cxn>
            <a:cxn ang="0">
              <a:pos x="735" y="7768"/>
            </a:cxn>
            <a:cxn ang="0">
              <a:pos x="630" y="8898"/>
            </a:cxn>
            <a:cxn ang="0">
              <a:pos x="420" y="10028"/>
            </a:cxn>
            <a:cxn ang="0">
              <a:pos x="210" y="11441"/>
            </a:cxn>
            <a:cxn ang="0">
              <a:pos x="0" y="12570"/>
            </a:cxn>
            <a:cxn ang="0">
              <a:pos x="840" y="13559"/>
            </a:cxn>
            <a:cxn ang="0">
              <a:pos x="1050" y="14124"/>
            </a:cxn>
            <a:cxn ang="0">
              <a:pos x="1470" y="14548"/>
            </a:cxn>
            <a:cxn ang="0">
              <a:pos x="1890" y="14689"/>
            </a:cxn>
            <a:cxn ang="0">
              <a:pos x="2836" y="14972"/>
            </a:cxn>
            <a:cxn ang="0">
              <a:pos x="3256" y="15537"/>
            </a:cxn>
            <a:cxn ang="0">
              <a:pos x="4096" y="15254"/>
            </a:cxn>
            <a:cxn ang="0">
              <a:pos x="4726" y="14830"/>
            </a:cxn>
            <a:cxn ang="0">
              <a:pos x="5461" y="14124"/>
            </a:cxn>
            <a:cxn ang="0">
              <a:pos x="5881" y="14830"/>
            </a:cxn>
          </a:cxnLst>
          <a:rect l="0" t="0" r="r" b="b"/>
          <a:pathLst>
            <a:path w="16384" h="16384">
              <a:moveTo>
                <a:pt x="7142" y="16384"/>
              </a:moveTo>
              <a:lnTo>
                <a:pt x="7877" y="16102"/>
              </a:lnTo>
              <a:lnTo>
                <a:pt x="8717" y="16102"/>
              </a:lnTo>
              <a:lnTo>
                <a:pt x="9137" y="16102"/>
              </a:lnTo>
              <a:lnTo>
                <a:pt x="9872" y="15678"/>
              </a:lnTo>
              <a:lnTo>
                <a:pt x="10713" y="15537"/>
              </a:lnTo>
              <a:lnTo>
                <a:pt x="10923" y="15113"/>
              </a:lnTo>
              <a:lnTo>
                <a:pt x="13023" y="14830"/>
              </a:lnTo>
              <a:lnTo>
                <a:pt x="13758" y="14689"/>
              </a:lnTo>
              <a:lnTo>
                <a:pt x="14073" y="14689"/>
              </a:lnTo>
              <a:lnTo>
                <a:pt x="14704" y="14548"/>
              </a:lnTo>
              <a:lnTo>
                <a:pt x="14599" y="13842"/>
              </a:lnTo>
              <a:lnTo>
                <a:pt x="14599" y="13418"/>
              </a:lnTo>
              <a:lnTo>
                <a:pt x="14914" y="13277"/>
              </a:lnTo>
              <a:lnTo>
                <a:pt x="15439" y="13418"/>
              </a:lnTo>
              <a:lnTo>
                <a:pt x="15859" y="13135"/>
              </a:lnTo>
              <a:lnTo>
                <a:pt x="16069" y="12712"/>
              </a:lnTo>
              <a:lnTo>
                <a:pt x="16174" y="12288"/>
              </a:lnTo>
              <a:lnTo>
                <a:pt x="16069" y="11864"/>
              </a:lnTo>
              <a:lnTo>
                <a:pt x="16384" y="11723"/>
              </a:lnTo>
              <a:lnTo>
                <a:pt x="16174" y="10452"/>
              </a:lnTo>
              <a:lnTo>
                <a:pt x="16174" y="10169"/>
              </a:lnTo>
              <a:lnTo>
                <a:pt x="16069" y="9604"/>
              </a:lnTo>
              <a:lnTo>
                <a:pt x="16069" y="9039"/>
              </a:lnTo>
              <a:lnTo>
                <a:pt x="16174" y="8757"/>
              </a:lnTo>
              <a:lnTo>
                <a:pt x="16384" y="8333"/>
              </a:lnTo>
              <a:lnTo>
                <a:pt x="16279" y="7910"/>
              </a:lnTo>
              <a:lnTo>
                <a:pt x="16069" y="7486"/>
              </a:lnTo>
              <a:lnTo>
                <a:pt x="15754" y="7345"/>
              </a:lnTo>
              <a:lnTo>
                <a:pt x="15649" y="6921"/>
              </a:lnTo>
              <a:lnTo>
                <a:pt x="15334" y="6780"/>
              </a:lnTo>
              <a:lnTo>
                <a:pt x="14914" y="6497"/>
              </a:lnTo>
              <a:lnTo>
                <a:pt x="14809" y="6356"/>
              </a:lnTo>
              <a:lnTo>
                <a:pt x="14599" y="5226"/>
              </a:lnTo>
              <a:lnTo>
                <a:pt x="14283" y="4237"/>
              </a:lnTo>
              <a:lnTo>
                <a:pt x="14178" y="3390"/>
              </a:lnTo>
              <a:lnTo>
                <a:pt x="14073" y="2825"/>
              </a:lnTo>
              <a:lnTo>
                <a:pt x="13653" y="2401"/>
              </a:lnTo>
              <a:lnTo>
                <a:pt x="13338" y="2119"/>
              </a:lnTo>
              <a:lnTo>
                <a:pt x="13023" y="1271"/>
              </a:lnTo>
              <a:lnTo>
                <a:pt x="13338" y="847"/>
              </a:lnTo>
              <a:lnTo>
                <a:pt x="13548" y="424"/>
              </a:lnTo>
              <a:lnTo>
                <a:pt x="13548" y="0"/>
              </a:lnTo>
              <a:lnTo>
                <a:pt x="12813" y="141"/>
              </a:lnTo>
              <a:lnTo>
                <a:pt x="12393" y="424"/>
              </a:lnTo>
              <a:lnTo>
                <a:pt x="11763" y="989"/>
              </a:lnTo>
              <a:lnTo>
                <a:pt x="11238" y="565"/>
              </a:lnTo>
              <a:lnTo>
                <a:pt x="10818" y="424"/>
              </a:lnTo>
              <a:lnTo>
                <a:pt x="10293" y="565"/>
              </a:lnTo>
              <a:lnTo>
                <a:pt x="9767" y="282"/>
              </a:lnTo>
              <a:lnTo>
                <a:pt x="9347" y="847"/>
              </a:lnTo>
              <a:lnTo>
                <a:pt x="8717" y="1130"/>
              </a:lnTo>
              <a:lnTo>
                <a:pt x="7877" y="847"/>
              </a:lnTo>
              <a:lnTo>
                <a:pt x="7352" y="424"/>
              </a:lnTo>
              <a:lnTo>
                <a:pt x="7142" y="141"/>
              </a:lnTo>
              <a:lnTo>
                <a:pt x="6512" y="141"/>
              </a:lnTo>
              <a:lnTo>
                <a:pt x="6091" y="282"/>
              </a:lnTo>
              <a:lnTo>
                <a:pt x="5776" y="989"/>
              </a:lnTo>
              <a:lnTo>
                <a:pt x="5566" y="1130"/>
              </a:lnTo>
              <a:lnTo>
                <a:pt x="4831" y="1130"/>
              </a:lnTo>
              <a:lnTo>
                <a:pt x="4411" y="1554"/>
              </a:lnTo>
              <a:lnTo>
                <a:pt x="4096" y="2260"/>
              </a:lnTo>
              <a:lnTo>
                <a:pt x="3571" y="2542"/>
              </a:lnTo>
              <a:lnTo>
                <a:pt x="3361" y="3107"/>
              </a:lnTo>
              <a:lnTo>
                <a:pt x="3466" y="3814"/>
              </a:lnTo>
              <a:lnTo>
                <a:pt x="3046" y="4096"/>
              </a:lnTo>
              <a:lnTo>
                <a:pt x="2626" y="4096"/>
              </a:lnTo>
              <a:lnTo>
                <a:pt x="2101" y="3955"/>
              </a:lnTo>
              <a:lnTo>
                <a:pt x="1785" y="4378"/>
              </a:lnTo>
              <a:lnTo>
                <a:pt x="1785" y="5085"/>
              </a:lnTo>
              <a:lnTo>
                <a:pt x="1575" y="5932"/>
              </a:lnTo>
              <a:lnTo>
                <a:pt x="1260" y="6497"/>
              </a:lnTo>
              <a:lnTo>
                <a:pt x="1050" y="7203"/>
              </a:lnTo>
              <a:lnTo>
                <a:pt x="735" y="7768"/>
              </a:lnTo>
              <a:lnTo>
                <a:pt x="840" y="8333"/>
              </a:lnTo>
              <a:lnTo>
                <a:pt x="630" y="8898"/>
              </a:lnTo>
              <a:lnTo>
                <a:pt x="525" y="9463"/>
              </a:lnTo>
              <a:lnTo>
                <a:pt x="420" y="10028"/>
              </a:lnTo>
              <a:lnTo>
                <a:pt x="210" y="10593"/>
              </a:lnTo>
              <a:lnTo>
                <a:pt x="210" y="11441"/>
              </a:lnTo>
              <a:lnTo>
                <a:pt x="0" y="12288"/>
              </a:lnTo>
              <a:lnTo>
                <a:pt x="0" y="12570"/>
              </a:lnTo>
              <a:lnTo>
                <a:pt x="525" y="13135"/>
              </a:lnTo>
              <a:lnTo>
                <a:pt x="840" y="13559"/>
              </a:lnTo>
              <a:lnTo>
                <a:pt x="840" y="13983"/>
              </a:lnTo>
              <a:lnTo>
                <a:pt x="1050" y="14124"/>
              </a:lnTo>
              <a:lnTo>
                <a:pt x="1470" y="14124"/>
              </a:lnTo>
              <a:lnTo>
                <a:pt x="1470" y="14548"/>
              </a:lnTo>
              <a:lnTo>
                <a:pt x="1575" y="14830"/>
              </a:lnTo>
              <a:lnTo>
                <a:pt x="1890" y="14689"/>
              </a:lnTo>
              <a:lnTo>
                <a:pt x="2311" y="14689"/>
              </a:lnTo>
              <a:lnTo>
                <a:pt x="2836" y="14972"/>
              </a:lnTo>
              <a:lnTo>
                <a:pt x="3046" y="15254"/>
              </a:lnTo>
              <a:lnTo>
                <a:pt x="3256" y="15537"/>
              </a:lnTo>
              <a:lnTo>
                <a:pt x="3676" y="15537"/>
              </a:lnTo>
              <a:lnTo>
                <a:pt x="4096" y="15254"/>
              </a:lnTo>
              <a:lnTo>
                <a:pt x="4306" y="14830"/>
              </a:lnTo>
              <a:lnTo>
                <a:pt x="4726" y="14830"/>
              </a:lnTo>
              <a:lnTo>
                <a:pt x="4936" y="14548"/>
              </a:lnTo>
              <a:lnTo>
                <a:pt x="5461" y="14124"/>
              </a:lnTo>
              <a:lnTo>
                <a:pt x="5881" y="14407"/>
              </a:lnTo>
              <a:lnTo>
                <a:pt x="5881" y="14830"/>
              </a:lnTo>
              <a:lnTo>
                <a:pt x="7142" y="16384"/>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13</xdr:col>
      <xdr:colOff>28575</xdr:colOff>
      <xdr:row>35</xdr:row>
      <xdr:rowOff>104775</xdr:rowOff>
    </xdr:from>
    <xdr:to>
      <xdr:col>14</xdr:col>
      <xdr:colOff>276225</xdr:colOff>
      <xdr:row>39</xdr:row>
      <xdr:rowOff>28576</xdr:rowOff>
    </xdr:to>
    <xdr:sp macro="" textlink="">
      <xdr:nvSpPr>
        <xdr:cNvPr id="177" name="d14301">
          <a:extLst>
            <a:ext uri="{FF2B5EF4-FFF2-40B4-BE49-F238E27FC236}">
              <a16:creationId xmlns:a16="http://schemas.microsoft.com/office/drawing/2014/main" id="{00000000-0008-0000-0000-0000B1000000}"/>
            </a:ext>
          </a:extLst>
        </xdr:cNvPr>
        <xdr:cNvSpPr>
          <a:spLocks/>
        </xdr:cNvSpPr>
      </xdr:nvSpPr>
      <xdr:spPr bwMode="auto">
        <a:xfrm>
          <a:off x="7953375" y="5438775"/>
          <a:ext cx="857250" cy="533401"/>
        </a:xfrm>
        <a:custGeom>
          <a:avLst/>
          <a:gdLst/>
          <a:ahLst/>
          <a:cxnLst>
            <a:cxn ang="0">
              <a:pos x="12561" y="5851"/>
            </a:cxn>
            <a:cxn ang="0">
              <a:pos x="11287" y="6729"/>
            </a:cxn>
            <a:cxn ang="0">
              <a:pos x="9830" y="5851"/>
            </a:cxn>
            <a:cxn ang="0">
              <a:pos x="8192" y="6437"/>
            </a:cxn>
            <a:cxn ang="0">
              <a:pos x="6736" y="6144"/>
            </a:cxn>
            <a:cxn ang="0">
              <a:pos x="6372" y="4389"/>
            </a:cxn>
            <a:cxn ang="0">
              <a:pos x="7828" y="3803"/>
            </a:cxn>
            <a:cxn ang="0">
              <a:pos x="9466" y="2633"/>
            </a:cxn>
            <a:cxn ang="0">
              <a:pos x="9102" y="585"/>
            </a:cxn>
            <a:cxn ang="0">
              <a:pos x="8010" y="293"/>
            </a:cxn>
            <a:cxn ang="0">
              <a:pos x="6372" y="0"/>
            </a:cxn>
            <a:cxn ang="0">
              <a:pos x="4915" y="0"/>
            </a:cxn>
            <a:cxn ang="0">
              <a:pos x="3459" y="2048"/>
            </a:cxn>
            <a:cxn ang="0">
              <a:pos x="2367" y="3218"/>
            </a:cxn>
            <a:cxn ang="0">
              <a:pos x="728" y="2341"/>
            </a:cxn>
            <a:cxn ang="0">
              <a:pos x="182" y="3803"/>
            </a:cxn>
            <a:cxn ang="0">
              <a:pos x="728" y="6729"/>
            </a:cxn>
            <a:cxn ang="0">
              <a:pos x="546" y="8777"/>
            </a:cxn>
            <a:cxn ang="0">
              <a:pos x="0" y="10533"/>
            </a:cxn>
            <a:cxn ang="0">
              <a:pos x="1456" y="11410"/>
            </a:cxn>
            <a:cxn ang="0">
              <a:pos x="2002" y="13751"/>
            </a:cxn>
            <a:cxn ang="0">
              <a:pos x="1820" y="16091"/>
            </a:cxn>
            <a:cxn ang="0">
              <a:pos x="3095" y="15506"/>
            </a:cxn>
            <a:cxn ang="0">
              <a:pos x="7100" y="14921"/>
            </a:cxn>
            <a:cxn ang="0">
              <a:pos x="7646" y="14043"/>
            </a:cxn>
            <a:cxn ang="0">
              <a:pos x="8920" y="14043"/>
            </a:cxn>
            <a:cxn ang="0">
              <a:pos x="10012" y="14043"/>
            </a:cxn>
            <a:cxn ang="0">
              <a:pos x="11105" y="12288"/>
            </a:cxn>
            <a:cxn ang="0">
              <a:pos x="11651" y="13458"/>
            </a:cxn>
            <a:cxn ang="0">
              <a:pos x="12561" y="15214"/>
            </a:cxn>
            <a:cxn ang="0">
              <a:pos x="13289" y="14336"/>
            </a:cxn>
            <a:cxn ang="0">
              <a:pos x="14382" y="13458"/>
            </a:cxn>
            <a:cxn ang="0">
              <a:pos x="16020" y="12873"/>
            </a:cxn>
            <a:cxn ang="0">
              <a:pos x="15656" y="10240"/>
            </a:cxn>
            <a:cxn ang="0">
              <a:pos x="16384" y="8192"/>
            </a:cxn>
            <a:cxn ang="0">
              <a:pos x="15474" y="7899"/>
            </a:cxn>
            <a:cxn ang="0">
              <a:pos x="13835" y="6437"/>
            </a:cxn>
            <a:cxn ang="0">
              <a:pos x="12379" y="5266"/>
            </a:cxn>
          </a:cxnLst>
          <a:rect l="0" t="0" r="r" b="b"/>
          <a:pathLst>
            <a:path w="16384" h="16384">
              <a:moveTo>
                <a:pt x="12379" y="5266"/>
              </a:moveTo>
              <a:lnTo>
                <a:pt x="12561" y="5851"/>
              </a:lnTo>
              <a:lnTo>
                <a:pt x="12197" y="6729"/>
              </a:lnTo>
              <a:lnTo>
                <a:pt x="11287" y="6729"/>
              </a:lnTo>
              <a:lnTo>
                <a:pt x="10559" y="5851"/>
              </a:lnTo>
              <a:lnTo>
                <a:pt x="9830" y="5851"/>
              </a:lnTo>
              <a:lnTo>
                <a:pt x="8920" y="6144"/>
              </a:lnTo>
              <a:lnTo>
                <a:pt x="8192" y="6437"/>
              </a:lnTo>
              <a:lnTo>
                <a:pt x="7464" y="5851"/>
              </a:lnTo>
              <a:lnTo>
                <a:pt x="6736" y="6144"/>
              </a:lnTo>
              <a:lnTo>
                <a:pt x="6372" y="4974"/>
              </a:lnTo>
              <a:lnTo>
                <a:pt x="6372" y="4389"/>
              </a:lnTo>
              <a:lnTo>
                <a:pt x="6918" y="4389"/>
              </a:lnTo>
              <a:lnTo>
                <a:pt x="7828" y="3803"/>
              </a:lnTo>
              <a:lnTo>
                <a:pt x="8374" y="3803"/>
              </a:lnTo>
              <a:lnTo>
                <a:pt x="9466" y="2633"/>
              </a:lnTo>
              <a:lnTo>
                <a:pt x="9648" y="1170"/>
              </a:lnTo>
              <a:lnTo>
                <a:pt x="9102" y="585"/>
              </a:lnTo>
              <a:lnTo>
                <a:pt x="8192" y="585"/>
              </a:lnTo>
              <a:lnTo>
                <a:pt x="8010" y="293"/>
              </a:lnTo>
              <a:lnTo>
                <a:pt x="6554" y="293"/>
              </a:lnTo>
              <a:lnTo>
                <a:pt x="6372" y="0"/>
              </a:lnTo>
              <a:lnTo>
                <a:pt x="5279" y="293"/>
              </a:lnTo>
              <a:lnTo>
                <a:pt x="4915" y="0"/>
              </a:lnTo>
              <a:lnTo>
                <a:pt x="4187" y="1463"/>
              </a:lnTo>
              <a:lnTo>
                <a:pt x="3459" y="2048"/>
              </a:lnTo>
              <a:lnTo>
                <a:pt x="2913" y="2048"/>
              </a:lnTo>
              <a:lnTo>
                <a:pt x="2367" y="3218"/>
              </a:lnTo>
              <a:lnTo>
                <a:pt x="1456" y="3803"/>
              </a:lnTo>
              <a:lnTo>
                <a:pt x="728" y="2341"/>
              </a:lnTo>
              <a:lnTo>
                <a:pt x="182" y="2633"/>
              </a:lnTo>
              <a:lnTo>
                <a:pt x="182" y="3803"/>
              </a:lnTo>
              <a:lnTo>
                <a:pt x="546" y="4974"/>
              </a:lnTo>
              <a:lnTo>
                <a:pt x="728" y="6729"/>
              </a:lnTo>
              <a:lnTo>
                <a:pt x="364" y="7899"/>
              </a:lnTo>
              <a:lnTo>
                <a:pt x="546" y="8777"/>
              </a:lnTo>
              <a:lnTo>
                <a:pt x="364" y="9655"/>
              </a:lnTo>
              <a:lnTo>
                <a:pt x="0" y="10533"/>
              </a:lnTo>
              <a:lnTo>
                <a:pt x="910" y="11118"/>
              </a:lnTo>
              <a:lnTo>
                <a:pt x="1456" y="11410"/>
              </a:lnTo>
              <a:lnTo>
                <a:pt x="1456" y="12581"/>
              </a:lnTo>
              <a:lnTo>
                <a:pt x="2002" y="13751"/>
              </a:lnTo>
              <a:lnTo>
                <a:pt x="2549" y="14629"/>
              </a:lnTo>
              <a:lnTo>
                <a:pt x="1820" y="16091"/>
              </a:lnTo>
              <a:lnTo>
                <a:pt x="2731" y="16384"/>
              </a:lnTo>
              <a:lnTo>
                <a:pt x="3095" y="15506"/>
              </a:lnTo>
              <a:lnTo>
                <a:pt x="6007" y="15214"/>
              </a:lnTo>
              <a:lnTo>
                <a:pt x="7100" y="14921"/>
              </a:lnTo>
              <a:lnTo>
                <a:pt x="7282" y="14921"/>
              </a:lnTo>
              <a:lnTo>
                <a:pt x="7646" y="14043"/>
              </a:lnTo>
              <a:lnTo>
                <a:pt x="8192" y="14043"/>
              </a:lnTo>
              <a:lnTo>
                <a:pt x="8920" y="14043"/>
              </a:lnTo>
              <a:lnTo>
                <a:pt x="9466" y="14043"/>
              </a:lnTo>
              <a:lnTo>
                <a:pt x="10012" y="14043"/>
              </a:lnTo>
              <a:lnTo>
                <a:pt x="10559" y="13458"/>
              </a:lnTo>
              <a:lnTo>
                <a:pt x="11105" y="12288"/>
              </a:lnTo>
              <a:lnTo>
                <a:pt x="11469" y="12581"/>
              </a:lnTo>
              <a:lnTo>
                <a:pt x="11651" y="13458"/>
              </a:lnTo>
              <a:lnTo>
                <a:pt x="12015" y="14336"/>
              </a:lnTo>
              <a:lnTo>
                <a:pt x="12561" y="15214"/>
              </a:lnTo>
              <a:lnTo>
                <a:pt x="13107" y="15214"/>
              </a:lnTo>
              <a:lnTo>
                <a:pt x="13289" y="14336"/>
              </a:lnTo>
              <a:lnTo>
                <a:pt x="13653" y="13751"/>
              </a:lnTo>
              <a:lnTo>
                <a:pt x="14382" y="13458"/>
              </a:lnTo>
              <a:lnTo>
                <a:pt x="15110" y="12873"/>
              </a:lnTo>
              <a:lnTo>
                <a:pt x="16020" y="12873"/>
              </a:lnTo>
              <a:lnTo>
                <a:pt x="16020" y="11995"/>
              </a:lnTo>
              <a:lnTo>
                <a:pt x="15656" y="10240"/>
              </a:lnTo>
              <a:lnTo>
                <a:pt x="15656" y="8777"/>
              </a:lnTo>
              <a:lnTo>
                <a:pt x="16384" y="8192"/>
              </a:lnTo>
              <a:lnTo>
                <a:pt x="16202" y="7899"/>
              </a:lnTo>
              <a:lnTo>
                <a:pt x="15474" y="7899"/>
              </a:lnTo>
              <a:lnTo>
                <a:pt x="14928" y="7607"/>
              </a:lnTo>
              <a:lnTo>
                <a:pt x="13835" y="6437"/>
              </a:lnTo>
              <a:lnTo>
                <a:pt x="12925" y="5266"/>
              </a:lnTo>
              <a:lnTo>
                <a:pt x="12379" y="5266"/>
              </a:lnTo>
              <a:close/>
            </a:path>
          </a:pathLst>
        </a:custGeom>
        <a:solidFill>
          <a:srgbClr val="FF6600"/>
        </a:solidFill>
        <a:ln w="9525" cap="flat">
          <a:solidFill>
            <a:srgbClr val="000000"/>
          </a:solidFill>
          <a:prstDash val="solid"/>
          <a:round/>
          <a:headEnd/>
          <a:tailEnd/>
        </a:ln>
      </xdr:spPr>
    </xdr:sp>
    <xdr:clientData/>
  </xdr:twoCellAnchor>
  <xdr:twoCellAnchor editAs="oneCell">
    <xdr:from>
      <xdr:col>9</xdr:col>
      <xdr:colOff>200025</xdr:colOff>
      <xdr:row>25</xdr:row>
      <xdr:rowOff>114300</xdr:rowOff>
    </xdr:from>
    <xdr:to>
      <xdr:col>10</xdr:col>
      <xdr:colOff>0</xdr:colOff>
      <xdr:row>30</xdr:row>
      <xdr:rowOff>57149</xdr:rowOff>
    </xdr:to>
    <xdr:sp macro="" textlink="">
      <xdr:nvSpPr>
        <xdr:cNvPr id="178" name="d14321">
          <a:extLst>
            <a:ext uri="{FF2B5EF4-FFF2-40B4-BE49-F238E27FC236}">
              <a16:creationId xmlns:a16="http://schemas.microsoft.com/office/drawing/2014/main" id="{00000000-0008-0000-0000-0000B2000000}"/>
            </a:ext>
          </a:extLst>
        </xdr:cNvPr>
        <xdr:cNvSpPr>
          <a:spLocks/>
        </xdr:cNvSpPr>
      </xdr:nvSpPr>
      <xdr:spPr bwMode="auto">
        <a:xfrm>
          <a:off x="5686425" y="3924300"/>
          <a:ext cx="409575" cy="704849"/>
        </a:xfrm>
        <a:custGeom>
          <a:avLst/>
          <a:gdLst/>
          <a:ahLst/>
          <a:cxnLst>
            <a:cxn ang="0">
              <a:pos x="2286" y="2214"/>
            </a:cxn>
            <a:cxn ang="0">
              <a:pos x="3048" y="3321"/>
            </a:cxn>
            <a:cxn ang="0">
              <a:pos x="3048" y="4428"/>
            </a:cxn>
            <a:cxn ang="0">
              <a:pos x="2667" y="5978"/>
            </a:cxn>
            <a:cxn ang="0">
              <a:pos x="1524" y="7528"/>
            </a:cxn>
            <a:cxn ang="0">
              <a:pos x="1524" y="9299"/>
            </a:cxn>
            <a:cxn ang="0">
              <a:pos x="381" y="11070"/>
            </a:cxn>
            <a:cxn ang="0">
              <a:pos x="0" y="11956"/>
            </a:cxn>
            <a:cxn ang="0">
              <a:pos x="1524" y="13284"/>
            </a:cxn>
            <a:cxn ang="0">
              <a:pos x="1905" y="14391"/>
            </a:cxn>
            <a:cxn ang="0">
              <a:pos x="762" y="14834"/>
            </a:cxn>
            <a:cxn ang="0">
              <a:pos x="381" y="16384"/>
            </a:cxn>
            <a:cxn ang="0">
              <a:pos x="3048" y="16384"/>
            </a:cxn>
            <a:cxn ang="0">
              <a:pos x="6477" y="15941"/>
            </a:cxn>
            <a:cxn ang="0">
              <a:pos x="11431" y="15720"/>
            </a:cxn>
            <a:cxn ang="0">
              <a:pos x="12574" y="14391"/>
            </a:cxn>
            <a:cxn ang="0">
              <a:pos x="12574" y="13506"/>
            </a:cxn>
            <a:cxn ang="0">
              <a:pos x="11431" y="12842"/>
            </a:cxn>
            <a:cxn ang="0">
              <a:pos x="11812" y="11956"/>
            </a:cxn>
            <a:cxn ang="0">
              <a:pos x="13717" y="11070"/>
            </a:cxn>
            <a:cxn ang="0">
              <a:pos x="15241" y="10185"/>
            </a:cxn>
            <a:cxn ang="0">
              <a:pos x="16003" y="8635"/>
            </a:cxn>
            <a:cxn ang="0">
              <a:pos x="16384" y="7528"/>
            </a:cxn>
            <a:cxn ang="0">
              <a:pos x="15622" y="6864"/>
            </a:cxn>
            <a:cxn ang="0">
              <a:pos x="14098" y="5314"/>
            </a:cxn>
            <a:cxn ang="0">
              <a:pos x="14479" y="3321"/>
            </a:cxn>
            <a:cxn ang="0">
              <a:pos x="12193" y="3321"/>
            </a:cxn>
            <a:cxn ang="0">
              <a:pos x="12955" y="1328"/>
            </a:cxn>
            <a:cxn ang="0">
              <a:pos x="11431" y="1107"/>
            </a:cxn>
            <a:cxn ang="0">
              <a:pos x="12193" y="0"/>
            </a:cxn>
            <a:cxn ang="0">
              <a:pos x="9907" y="221"/>
            </a:cxn>
            <a:cxn ang="0">
              <a:pos x="7620" y="443"/>
            </a:cxn>
            <a:cxn ang="0">
              <a:pos x="6477" y="0"/>
            </a:cxn>
            <a:cxn ang="0">
              <a:pos x="3048" y="221"/>
            </a:cxn>
            <a:cxn ang="0">
              <a:pos x="1143" y="221"/>
            </a:cxn>
            <a:cxn ang="0">
              <a:pos x="1905" y="886"/>
            </a:cxn>
            <a:cxn ang="0">
              <a:pos x="2286" y="2214"/>
            </a:cxn>
          </a:cxnLst>
          <a:rect l="0" t="0" r="r" b="b"/>
          <a:pathLst>
            <a:path w="16384" h="16384">
              <a:moveTo>
                <a:pt x="2286" y="2214"/>
              </a:moveTo>
              <a:lnTo>
                <a:pt x="3048" y="3321"/>
              </a:lnTo>
              <a:lnTo>
                <a:pt x="3048" y="4428"/>
              </a:lnTo>
              <a:lnTo>
                <a:pt x="2667" y="5978"/>
              </a:lnTo>
              <a:lnTo>
                <a:pt x="1524" y="7528"/>
              </a:lnTo>
              <a:lnTo>
                <a:pt x="1524" y="9299"/>
              </a:lnTo>
              <a:lnTo>
                <a:pt x="381" y="11070"/>
              </a:lnTo>
              <a:lnTo>
                <a:pt x="0" y="11956"/>
              </a:lnTo>
              <a:lnTo>
                <a:pt x="1524" y="13284"/>
              </a:lnTo>
              <a:lnTo>
                <a:pt x="1905" y="14391"/>
              </a:lnTo>
              <a:lnTo>
                <a:pt x="762" y="14834"/>
              </a:lnTo>
              <a:lnTo>
                <a:pt x="381" y="16384"/>
              </a:lnTo>
              <a:lnTo>
                <a:pt x="3048" y="16384"/>
              </a:lnTo>
              <a:lnTo>
                <a:pt x="6477" y="15941"/>
              </a:lnTo>
              <a:lnTo>
                <a:pt x="11431" y="15720"/>
              </a:lnTo>
              <a:lnTo>
                <a:pt x="12574" y="14391"/>
              </a:lnTo>
              <a:lnTo>
                <a:pt x="12574" y="13506"/>
              </a:lnTo>
              <a:lnTo>
                <a:pt x="11431" y="12842"/>
              </a:lnTo>
              <a:lnTo>
                <a:pt x="11812" y="11956"/>
              </a:lnTo>
              <a:lnTo>
                <a:pt x="13717" y="11070"/>
              </a:lnTo>
              <a:lnTo>
                <a:pt x="15241" y="10185"/>
              </a:lnTo>
              <a:lnTo>
                <a:pt x="16003" y="8635"/>
              </a:lnTo>
              <a:lnTo>
                <a:pt x="16384" y="7528"/>
              </a:lnTo>
              <a:lnTo>
                <a:pt x="15622" y="6864"/>
              </a:lnTo>
              <a:lnTo>
                <a:pt x="14098" y="5314"/>
              </a:lnTo>
              <a:lnTo>
                <a:pt x="14479" y="3321"/>
              </a:lnTo>
              <a:lnTo>
                <a:pt x="12193" y="3321"/>
              </a:lnTo>
              <a:lnTo>
                <a:pt x="12955" y="1328"/>
              </a:lnTo>
              <a:lnTo>
                <a:pt x="11431" y="1107"/>
              </a:lnTo>
              <a:lnTo>
                <a:pt x="12193" y="0"/>
              </a:lnTo>
              <a:lnTo>
                <a:pt x="9907" y="221"/>
              </a:lnTo>
              <a:lnTo>
                <a:pt x="7620" y="443"/>
              </a:lnTo>
              <a:lnTo>
                <a:pt x="6477" y="0"/>
              </a:lnTo>
              <a:lnTo>
                <a:pt x="3048" y="221"/>
              </a:lnTo>
              <a:lnTo>
                <a:pt x="1143" y="221"/>
              </a:lnTo>
              <a:lnTo>
                <a:pt x="1905" y="886"/>
              </a:lnTo>
              <a:lnTo>
                <a:pt x="2286" y="2214"/>
              </a:lnTo>
              <a:close/>
            </a:path>
          </a:pathLst>
        </a:custGeom>
        <a:solidFill>
          <a:srgbClr val="FF0000"/>
        </a:solidFill>
        <a:ln w="9525" cap="flat">
          <a:solidFill>
            <a:srgbClr val="000000"/>
          </a:solidFill>
          <a:prstDash val="solid"/>
          <a:round/>
          <a:headEnd/>
          <a:tailEnd/>
        </a:ln>
      </xdr:spPr>
    </xdr:sp>
    <xdr:clientData/>
  </xdr:twoCellAnchor>
  <xdr:twoCellAnchor editAs="oneCell">
    <xdr:from>
      <xdr:col>7</xdr:col>
      <xdr:colOff>66675</xdr:colOff>
      <xdr:row>31</xdr:row>
      <xdr:rowOff>114300</xdr:rowOff>
    </xdr:from>
    <xdr:to>
      <xdr:col>8</xdr:col>
      <xdr:colOff>419100</xdr:colOff>
      <xdr:row>35</xdr:row>
      <xdr:rowOff>9524</xdr:rowOff>
    </xdr:to>
    <xdr:sp macro="" textlink="">
      <xdr:nvSpPr>
        <xdr:cNvPr id="179" name="d14341">
          <a:extLst>
            <a:ext uri="{FF2B5EF4-FFF2-40B4-BE49-F238E27FC236}">
              <a16:creationId xmlns:a16="http://schemas.microsoft.com/office/drawing/2014/main" id="{00000000-0008-0000-0000-0000B3000000}"/>
            </a:ext>
          </a:extLst>
        </xdr:cNvPr>
        <xdr:cNvSpPr>
          <a:spLocks/>
        </xdr:cNvSpPr>
      </xdr:nvSpPr>
      <xdr:spPr bwMode="auto">
        <a:xfrm>
          <a:off x="4333875" y="4838700"/>
          <a:ext cx="962025" cy="504824"/>
        </a:xfrm>
        <a:custGeom>
          <a:avLst/>
          <a:gdLst/>
          <a:ahLst/>
          <a:cxnLst>
            <a:cxn ang="0">
              <a:pos x="15573" y="9892"/>
            </a:cxn>
            <a:cxn ang="0">
              <a:pos x="14762" y="8656"/>
            </a:cxn>
            <a:cxn ang="0">
              <a:pos x="15086" y="6492"/>
            </a:cxn>
            <a:cxn ang="0">
              <a:pos x="15573" y="6183"/>
            </a:cxn>
            <a:cxn ang="0">
              <a:pos x="16384" y="5255"/>
            </a:cxn>
            <a:cxn ang="0">
              <a:pos x="15897" y="4019"/>
            </a:cxn>
            <a:cxn ang="0">
              <a:pos x="14762" y="4019"/>
            </a:cxn>
            <a:cxn ang="0">
              <a:pos x="14437" y="2473"/>
            </a:cxn>
            <a:cxn ang="0">
              <a:pos x="14113" y="4019"/>
            </a:cxn>
            <a:cxn ang="0">
              <a:pos x="12815" y="4946"/>
            </a:cxn>
            <a:cxn ang="0">
              <a:pos x="11842" y="6492"/>
            </a:cxn>
            <a:cxn ang="0">
              <a:pos x="10544" y="6801"/>
            </a:cxn>
            <a:cxn ang="0">
              <a:pos x="10382" y="5874"/>
            </a:cxn>
            <a:cxn ang="0">
              <a:pos x="9409" y="5255"/>
            </a:cxn>
            <a:cxn ang="0">
              <a:pos x="8922" y="4019"/>
            </a:cxn>
            <a:cxn ang="0">
              <a:pos x="8435" y="4019"/>
            </a:cxn>
            <a:cxn ang="0">
              <a:pos x="8922" y="2164"/>
            </a:cxn>
            <a:cxn ang="0">
              <a:pos x="8435" y="1546"/>
            </a:cxn>
            <a:cxn ang="0">
              <a:pos x="6489" y="1546"/>
            </a:cxn>
            <a:cxn ang="0">
              <a:pos x="6002" y="618"/>
            </a:cxn>
            <a:cxn ang="0">
              <a:pos x="5029" y="618"/>
            </a:cxn>
            <a:cxn ang="0">
              <a:pos x="4380" y="0"/>
            </a:cxn>
            <a:cxn ang="0">
              <a:pos x="3082" y="309"/>
            </a:cxn>
            <a:cxn ang="0">
              <a:pos x="2109" y="0"/>
            </a:cxn>
            <a:cxn ang="0">
              <a:pos x="1298" y="1855"/>
            </a:cxn>
            <a:cxn ang="0">
              <a:pos x="0" y="2164"/>
            </a:cxn>
            <a:cxn ang="0">
              <a:pos x="811" y="5874"/>
            </a:cxn>
            <a:cxn ang="0">
              <a:pos x="1298" y="8656"/>
            </a:cxn>
            <a:cxn ang="0">
              <a:pos x="2433" y="8656"/>
            </a:cxn>
            <a:cxn ang="0">
              <a:pos x="2758" y="10820"/>
            </a:cxn>
            <a:cxn ang="0">
              <a:pos x="2758" y="12674"/>
            </a:cxn>
            <a:cxn ang="0">
              <a:pos x="3244" y="14529"/>
            </a:cxn>
            <a:cxn ang="0">
              <a:pos x="3407" y="16384"/>
            </a:cxn>
            <a:cxn ang="0">
              <a:pos x="9895" y="13911"/>
            </a:cxn>
            <a:cxn ang="0">
              <a:pos x="12815" y="12674"/>
            </a:cxn>
            <a:cxn ang="0">
              <a:pos x="13140" y="11438"/>
            </a:cxn>
            <a:cxn ang="0">
              <a:pos x="15573" y="9892"/>
            </a:cxn>
          </a:cxnLst>
          <a:rect l="0" t="0" r="r" b="b"/>
          <a:pathLst>
            <a:path w="16384" h="16384">
              <a:moveTo>
                <a:pt x="15573" y="9892"/>
              </a:moveTo>
              <a:lnTo>
                <a:pt x="14762" y="8656"/>
              </a:lnTo>
              <a:lnTo>
                <a:pt x="15086" y="6492"/>
              </a:lnTo>
              <a:lnTo>
                <a:pt x="15573" y="6183"/>
              </a:lnTo>
              <a:lnTo>
                <a:pt x="16384" y="5255"/>
              </a:lnTo>
              <a:lnTo>
                <a:pt x="15897" y="4019"/>
              </a:lnTo>
              <a:lnTo>
                <a:pt x="14762" y="4019"/>
              </a:lnTo>
              <a:lnTo>
                <a:pt x="14437" y="2473"/>
              </a:lnTo>
              <a:lnTo>
                <a:pt x="14113" y="4019"/>
              </a:lnTo>
              <a:lnTo>
                <a:pt x="12815" y="4946"/>
              </a:lnTo>
              <a:lnTo>
                <a:pt x="11842" y="6492"/>
              </a:lnTo>
              <a:lnTo>
                <a:pt x="10544" y="6801"/>
              </a:lnTo>
              <a:lnTo>
                <a:pt x="10382" y="5874"/>
              </a:lnTo>
              <a:lnTo>
                <a:pt x="9409" y="5255"/>
              </a:lnTo>
              <a:lnTo>
                <a:pt x="8922" y="4019"/>
              </a:lnTo>
              <a:lnTo>
                <a:pt x="8435" y="4019"/>
              </a:lnTo>
              <a:lnTo>
                <a:pt x="8922" y="2164"/>
              </a:lnTo>
              <a:lnTo>
                <a:pt x="8435" y="1546"/>
              </a:lnTo>
              <a:lnTo>
                <a:pt x="6489" y="1546"/>
              </a:lnTo>
              <a:lnTo>
                <a:pt x="6002" y="618"/>
              </a:lnTo>
              <a:lnTo>
                <a:pt x="5029" y="618"/>
              </a:lnTo>
              <a:lnTo>
                <a:pt x="4380" y="0"/>
              </a:lnTo>
              <a:lnTo>
                <a:pt x="3082" y="309"/>
              </a:lnTo>
              <a:lnTo>
                <a:pt x="2109" y="0"/>
              </a:lnTo>
              <a:lnTo>
                <a:pt x="1298" y="1855"/>
              </a:lnTo>
              <a:lnTo>
                <a:pt x="0" y="2164"/>
              </a:lnTo>
              <a:lnTo>
                <a:pt x="811" y="5874"/>
              </a:lnTo>
              <a:lnTo>
                <a:pt x="1298" y="8656"/>
              </a:lnTo>
              <a:lnTo>
                <a:pt x="2433" y="8656"/>
              </a:lnTo>
              <a:lnTo>
                <a:pt x="2758" y="10820"/>
              </a:lnTo>
              <a:lnTo>
                <a:pt x="2758" y="12674"/>
              </a:lnTo>
              <a:lnTo>
                <a:pt x="3244" y="14529"/>
              </a:lnTo>
              <a:lnTo>
                <a:pt x="3407" y="16384"/>
              </a:lnTo>
              <a:lnTo>
                <a:pt x="9895" y="13911"/>
              </a:lnTo>
              <a:lnTo>
                <a:pt x="12815" y="12674"/>
              </a:lnTo>
              <a:lnTo>
                <a:pt x="13140" y="11438"/>
              </a:lnTo>
              <a:lnTo>
                <a:pt x="15573" y="9892"/>
              </a:lnTo>
              <a:close/>
            </a:path>
          </a:pathLst>
        </a:custGeom>
        <a:solidFill>
          <a:srgbClr val="FF0000"/>
        </a:solidFill>
        <a:ln w="9525" cap="flat">
          <a:solidFill>
            <a:srgbClr val="000000"/>
          </a:solidFill>
          <a:prstDash val="solid"/>
          <a:round/>
          <a:headEnd/>
          <a:tailEnd/>
        </a:ln>
      </xdr:spPr>
    </xdr:sp>
    <xdr:clientData/>
  </xdr:twoCellAnchor>
  <xdr:twoCellAnchor editAs="oneCell">
    <xdr:from>
      <xdr:col>6</xdr:col>
      <xdr:colOff>466725</xdr:colOff>
      <xdr:row>32</xdr:row>
      <xdr:rowOff>19050</xdr:rowOff>
    </xdr:from>
    <xdr:to>
      <xdr:col>7</xdr:col>
      <xdr:colOff>266700</xdr:colOff>
      <xdr:row>36</xdr:row>
      <xdr:rowOff>1</xdr:rowOff>
    </xdr:to>
    <xdr:sp macro="" textlink="">
      <xdr:nvSpPr>
        <xdr:cNvPr id="180" name="d14342">
          <a:extLst>
            <a:ext uri="{FF2B5EF4-FFF2-40B4-BE49-F238E27FC236}">
              <a16:creationId xmlns:a16="http://schemas.microsoft.com/office/drawing/2014/main" id="{00000000-0008-0000-0000-0000B4000000}"/>
            </a:ext>
          </a:extLst>
        </xdr:cNvPr>
        <xdr:cNvSpPr>
          <a:spLocks/>
        </xdr:cNvSpPr>
      </xdr:nvSpPr>
      <xdr:spPr bwMode="auto">
        <a:xfrm>
          <a:off x="4124325" y="4895850"/>
          <a:ext cx="409575" cy="590551"/>
        </a:xfrm>
        <a:custGeom>
          <a:avLst/>
          <a:gdLst/>
          <a:ahLst/>
          <a:cxnLst>
            <a:cxn ang="0">
              <a:pos x="8383" y="264"/>
            </a:cxn>
            <a:cxn ang="0">
              <a:pos x="7620" y="529"/>
            </a:cxn>
            <a:cxn ang="0">
              <a:pos x="7239" y="0"/>
            </a:cxn>
            <a:cxn ang="0">
              <a:pos x="4191" y="1586"/>
            </a:cxn>
            <a:cxn ang="0">
              <a:pos x="1524" y="3700"/>
            </a:cxn>
            <a:cxn ang="0">
              <a:pos x="0" y="3700"/>
            </a:cxn>
            <a:cxn ang="0">
              <a:pos x="381" y="4492"/>
            </a:cxn>
            <a:cxn ang="0">
              <a:pos x="1143" y="5285"/>
            </a:cxn>
            <a:cxn ang="0">
              <a:pos x="2667" y="5814"/>
            </a:cxn>
            <a:cxn ang="0">
              <a:pos x="2286" y="7663"/>
            </a:cxn>
            <a:cxn ang="0">
              <a:pos x="1905" y="8456"/>
            </a:cxn>
            <a:cxn ang="0">
              <a:pos x="2286" y="9513"/>
            </a:cxn>
            <a:cxn ang="0">
              <a:pos x="2286" y="10042"/>
            </a:cxn>
            <a:cxn ang="0">
              <a:pos x="2286" y="11363"/>
            </a:cxn>
            <a:cxn ang="0">
              <a:pos x="1143" y="12420"/>
            </a:cxn>
            <a:cxn ang="0">
              <a:pos x="1905" y="12684"/>
            </a:cxn>
            <a:cxn ang="0">
              <a:pos x="1905" y="12949"/>
            </a:cxn>
            <a:cxn ang="0">
              <a:pos x="1143" y="13741"/>
            </a:cxn>
            <a:cxn ang="0">
              <a:pos x="762" y="14798"/>
            </a:cxn>
            <a:cxn ang="0">
              <a:pos x="1524" y="16384"/>
            </a:cxn>
            <a:cxn ang="0">
              <a:pos x="5334" y="15063"/>
            </a:cxn>
            <a:cxn ang="0">
              <a:pos x="9526" y="13741"/>
            </a:cxn>
            <a:cxn ang="0">
              <a:pos x="13336" y="12949"/>
            </a:cxn>
            <a:cxn ang="0">
              <a:pos x="16384" y="12420"/>
            </a:cxn>
            <a:cxn ang="0">
              <a:pos x="16003" y="10835"/>
            </a:cxn>
            <a:cxn ang="0">
              <a:pos x="14860" y="9249"/>
            </a:cxn>
            <a:cxn ang="0">
              <a:pos x="14860" y="7663"/>
            </a:cxn>
            <a:cxn ang="0">
              <a:pos x="14098" y="5814"/>
            </a:cxn>
            <a:cxn ang="0">
              <a:pos x="11431" y="5814"/>
            </a:cxn>
            <a:cxn ang="0">
              <a:pos x="10288" y="3435"/>
            </a:cxn>
            <a:cxn ang="0">
              <a:pos x="8383" y="264"/>
            </a:cxn>
          </a:cxnLst>
          <a:rect l="0" t="0" r="r" b="b"/>
          <a:pathLst>
            <a:path w="16384" h="16384">
              <a:moveTo>
                <a:pt x="8383" y="264"/>
              </a:moveTo>
              <a:lnTo>
                <a:pt x="7620" y="529"/>
              </a:lnTo>
              <a:lnTo>
                <a:pt x="7239" y="0"/>
              </a:lnTo>
              <a:lnTo>
                <a:pt x="4191" y="1586"/>
              </a:lnTo>
              <a:lnTo>
                <a:pt x="1524" y="3700"/>
              </a:lnTo>
              <a:lnTo>
                <a:pt x="0" y="3700"/>
              </a:lnTo>
              <a:lnTo>
                <a:pt x="381" y="4492"/>
              </a:lnTo>
              <a:lnTo>
                <a:pt x="1143" y="5285"/>
              </a:lnTo>
              <a:lnTo>
                <a:pt x="2667" y="5814"/>
              </a:lnTo>
              <a:lnTo>
                <a:pt x="2286" y="7663"/>
              </a:lnTo>
              <a:lnTo>
                <a:pt x="1905" y="8456"/>
              </a:lnTo>
              <a:lnTo>
                <a:pt x="2286" y="9513"/>
              </a:lnTo>
              <a:lnTo>
                <a:pt x="2286" y="10042"/>
              </a:lnTo>
              <a:lnTo>
                <a:pt x="2286" y="11363"/>
              </a:lnTo>
              <a:lnTo>
                <a:pt x="1143" y="12420"/>
              </a:lnTo>
              <a:lnTo>
                <a:pt x="1905" y="12684"/>
              </a:lnTo>
              <a:lnTo>
                <a:pt x="1905" y="12949"/>
              </a:lnTo>
              <a:lnTo>
                <a:pt x="1143" y="13741"/>
              </a:lnTo>
              <a:lnTo>
                <a:pt x="762" y="14798"/>
              </a:lnTo>
              <a:lnTo>
                <a:pt x="1524" y="16384"/>
              </a:lnTo>
              <a:lnTo>
                <a:pt x="5334" y="15063"/>
              </a:lnTo>
              <a:lnTo>
                <a:pt x="9526" y="13741"/>
              </a:lnTo>
              <a:lnTo>
                <a:pt x="13336" y="12949"/>
              </a:lnTo>
              <a:lnTo>
                <a:pt x="16384" y="12420"/>
              </a:lnTo>
              <a:lnTo>
                <a:pt x="16003" y="10835"/>
              </a:lnTo>
              <a:lnTo>
                <a:pt x="14860" y="9249"/>
              </a:lnTo>
              <a:lnTo>
                <a:pt x="14860" y="7663"/>
              </a:lnTo>
              <a:lnTo>
                <a:pt x="14098" y="5814"/>
              </a:lnTo>
              <a:lnTo>
                <a:pt x="11431" y="5814"/>
              </a:lnTo>
              <a:lnTo>
                <a:pt x="10288" y="3435"/>
              </a:lnTo>
              <a:lnTo>
                <a:pt x="8383" y="264"/>
              </a:lnTo>
              <a:close/>
            </a:path>
          </a:pathLst>
        </a:custGeom>
        <a:solidFill>
          <a:srgbClr val="FF0000"/>
        </a:solidFill>
        <a:ln w="9525" cap="flat">
          <a:solidFill>
            <a:srgbClr val="000000"/>
          </a:solidFill>
          <a:prstDash val="solid"/>
          <a:round/>
          <a:headEnd/>
          <a:tailEnd/>
        </a:ln>
      </xdr:spPr>
    </xdr:sp>
    <xdr:clientData/>
  </xdr:twoCellAnchor>
  <xdr:twoCellAnchor editAs="oneCell">
    <xdr:from>
      <xdr:col>5</xdr:col>
      <xdr:colOff>542925</xdr:colOff>
      <xdr:row>29</xdr:row>
      <xdr:rowOff>38100</xdr:rowOff>
    </xdr:from>
    <xdr:to>
      <xdr:col>7</xdr:col>
      <xdr:colOff>85725</xdr:colOff>
      <xdr:row>33</xdr:row>
      <xdr:rowOff>142876</xdr:rowOff>
    </xdr:to>
    <xdr:sp macro="" textlink="">
      <xdr:nvSpPr>
        <xdr:cNvPr id="181" name="d14361">
          <a:extLst>
            <a:ext uri="{FF2B5EF4-FFF2-40B4-BE49-F238E27FC236}">
              <a16:creationId xmlns:a16="http://schemas.microsoft.com/office/drawing/2014/main" id="{00000000-0008-0000-0000-0000B5000000}"/>
            </a:ext>
          </a:extLst>
        </xdr:cNvPr>
        <xdr:cNvSpPr>
          <a:spLocks/>
        </xdr:cNvSpPr>
      </xdr:nvSpPr>
      <xdr:spPr bwMode="auto">
        <a:xfrm>
          <a:off x="3590925" y="4457700"/>
          <a:ext cx="762000" cy="714376"/>
        </a:xfrm>
        <a:custGeom>
          <a:avLst/>
          <a:gdLst/>
          <a:ahLst/>
          <a:cxnLst>
            <a:cxn ang="0">
              <a:pos x="410" y="12233"/>
            </a:cxn>
            <a:cxn ang="0">
              <a:pos x="1024" y="13107"/>
            </a:cxn>
            <a:cxn ang="0">
              <a:pos x="1843" y="13763"/>
            </a:cxn>
            <a:cxn ang="0">
              <a:pos x="3072" y="14418"/>
            </a:cxn>
            <a:cxn ang="0">
              <a:pos x="3482" y="14636"/>
            </a:cxn>
            <a:cxn ang="0">
              <a:pos x="4096" y="15292"/>
            </a:cxn>
            <a:cxn ang="0">
              <a:pos x="4301" y="16384"/>
            </a:cxn>
            <a:cxn ang="0">
              <a:pos x="5325" y="15729"/>
            </a:cxn>
            <a:cxn ang="0">
              <a:pos x="6144" y="14855"/>
            </a:cxn>
            <a:cxn ang="0">
              <a:pos x="7168" y="13763"/>
            </a:cxn>
            <a:cxn ang="0">
              <a:pos x="8806" y="14199"/>
            </a:cxn>
            <a:cxn ang="0">
              <a:pos x="10035" y="14418"/>
            </a:cxn>
            <a:cxn ang="0">
              <a:pos x="11059" y="13326"/>
            </a:cxn>
            <a:cxn ang="0">
              <a:pos x="11469" y="13107"/>
            </a:cxn>
            <a:cxn ang="0">
              <a:pos x="12288" y="13107"/>
            </a:cxn>
            <a:cxn ang="0">
              <a:pos x="13722" y="11360"/>
            </a:cxn>
            <a:cxn ang="0">
              <a:pos x="15360" y="10049"/>
            </a:cxn>
            <a:cxn ang="0">
              <a:pos x="14746" y="8738"/>
            </a:cxn>
            <a:cxn ang="0">
              <a:pos x="13312" y="7646"/>
            </a:cxn>
            <a:cxn ang="0">
              <a:pos x="13312" y="3932"/>
            </a:cxn>
            <a:cxn ang="0">
              <a:pos x="14541" y="2840"/>
            </a:cxn>
            <a:cxn ang="0">
              <a:pos x="16384" y="2403"/>
            </a:cxn>
            <a:cxn ang="0">
              <a:pos x="14336" y="2185"/>
            </a:cxn>
            <a:cxn ang="0">
              <a:pos x="12902" y="3058"/>
            </a:cxn>
            <a:cxn ang="0">
              <a:pos x="11059" y="2621"/>
            </a:cxn>
            <a:cxn ang="0">
              <a:pos x="9216" y="2403"/>
            </a:cxn>
            <a:cxn ang="0">
              <a:pos x="7987" y="2840"/>
            </a:cxn>
            <a:cxn ang="0">
              <a:pos x="6758" y="1748"/>
            </a:cxn>
            <a:cxn ang="0">
              <a:pos x="6758" y="1529"/>
            </a:cxn>
            <a:cxn ang="0">
              <a:pos x="6554" y="1092"/>
            </a:cxn>
            <a:cxn ang="0">
              <a:pos x="6554" y="655"/>
            </a:cxn>
            <a:cxn ang="0">
              <a:pos x="5734" y="437"/>
            </a:cxn>
            <a:cxn ang="0">
              <a:pos x="5530" y="0"/>
            </a:cxn>
            <a:cxn ang="0">
              <a:pos x="4915" y="0"/>
            </a:cxn>
            <a:cxn ang="0">
              <a:pos x="4506" y="655"/>
            </a:cxn>
            <a:cxn ang="0">
              <a:pos x="3686" y="655"/>
            </a:cxn>
            <a:cxn ang="0">
              <a:pos x="3277" y="1966"/>
            </a:cxn>
            <a:cxn ang="0">
              <a:pos x="1843" y="1748"/>
            </a:cxn>
            <a:cxn ang="0">
              <a:pos x="0" y="3058"/>
            </a:cxn>
            <a:cxn ang="0">
              <a:pos x="0" y="3714"/>
            </a:cxn>
            <a:cxn ang="0">
              <a:pos x="410" y="4588"/>
            </a:cxn>
            <a:cxn ang="0">
              <a:pos x="1024" y="5461"/>
            </a:cxn>
            <a:cxn ang="0">
              <a:pos x="1434" y="6335"/>
            </a:cxn>
            <a:cxn ang="0">
              <a:pos x="1229" y="7209"/>
            </a:cxn>
            <a:cxn ang="0">
              <a:pos x="614" y="8301"/>
            </a:cxn>
            <a:cxn ang="0">
              <a:pos x="819" y="8520"/>
            </a:cxn>
            <a:cxn ang="0">
              <a:pos x="1434" y="8301"/>
            </a:cxn>
            <a:cxn ang="0">
              <a:pos x="1638" y="9175"/>
            </a:cxn>
            <a:cxn ang="0">
              <a:pos x="1638" y="9830"/>
            </a:cxn>
            <a:cxn ang="0">
              <a:pos x="2048" y="10049"/>
            </a:cxn>
            <a:cxn ang="0">
              <a:pos x="1434" y="10923"/>
            </a:cxn>
            <a:cxn ang="0">
              <a:pos x="1024" y="11578"/>
            </a:cxn>
            <a:cxn ang="0">
              <a:pos x="410" y="12233"/>
            </a:cxn>
          </a:cxnLst>
          <a:rect l="0" t="0" r="r" b="b"/>
          <a:pathLst>
            <a:path w="16384" h="16384">
              <a:moveTo>
                <a:pt x="410" y="12233"/>
              </a:moveTo>
              <a:lnTo>
                <a:pt x="1024" y="13107"/>
              </a:lnTo>
              <a:lnTo>
                <a:pt x="1843" y="13763"/>
              </a:lnTo>
              <a:lnTo>
                <a:pt x="3072" y="14418"/>
              </a:lnTo>
              <a:lnTo>
                <a:pt x="3482" y="14636"/>
              </a:lnTo>
              <a:lnTo>
                <a:pt x="4096" y="15292"/>
              </a:lnTo>
              <a:lnTo>
                <a:pt x="4301" y="16384"/>
              </a:lnTo>
              <a:lnTo>
                <a:pt x="5325" y="15729"/>
              </a:lnTo>
              <a:lnTo>
                <a:pt x="6144" y="14855"/>
              </a:lnTo>
              <a:lnTo>
                <a:pt x="7168" y="13763"/>
              </a:lnTo>
              <a:lnTo>
                <a:pt x="8806" y="14199"/>
              </a:lnTo>
              <a:lnTo>
                <a:pt x="10035" y="14418"/>
              </a:lnTo>
              <a:lnTo>
                <a:pt x="11059" y="13326"/>
              </a:lnTo>
              <a:lnTo>
                <a:pt x="11469" y="13107"/>
              </a:lnTo>
              <a:lnTo>
                <a:pt x="12288" y="13107"/>
              </a:lnTo>
              <a:lnTo>
                <a:pt x="13722" y="11360"/>
              </a:lnTo>
              <a:lnTo>
                <a:pt x="15360" y="10049"/>
              </a:lnTo>
              <a:lnTo>
                <a:pt x="14746" y="8738"/>
              </a:lnTo>
              <a:lnTo>
                <a:pt x="13312" y="7646"/>
              </a:lnTo>
              <a:lnTo>
                <a:pt x="13312" y="3932"/>
              </a:lnTo>
              <a:lnTo>
                <a:pt x="14541" y="2840"/>
              </a:lnTo>
              <a:lnTo>
                <a:pt x="16384" y="2403"/>
              </a:lnTo>
              <a:lnTo>
                <a:pt x="14336" y="2185"/>
              </a:lnTo>
              <a:lnTo>
                <a:pt x="12902" y="3058"/>
              </a:lnTo>
              <a:lnTo>
                <a:pt x="11059" y="2621"/>
              </a:lnTo>
              <a:lnTo>
                <a:pt x="9216" y="2403"/>
              </a:lnTo>
              <a:lnTo>
                <a:pt x="7987" y="2840"/>
              </a:lnTo>
              <a:lnTo>
                <a:pt x="6758" y="1748"/>
              </a:lnTo>
              <a:lnTo>
                <a:pt x="6758" y="1529"/>
              </a:lnTo>
              <a:lnTo>
                <a:pt x="6554" y="1092"/>
              </a:lnTo>
              <a:lnTo>
                <a:pt x="6554" y="655"/>
              </a:lnTo>
              <a:lnTo>
                <a:pt x="5734" y="437"/>
              </a:lnTo>
              <a:lnTo>
                <a:pt x="5530" y="0"/>
              </a:lnTo>
              <a:lnTo>
                <a:pt x="4915" y="0"/>
              </a:lnTo>
              <a:lnTo>
                <a:pt x="4506" y="655"/>
              </a:lnTo>
              <a:lnTo>
                <a:pt x="3686" y="655"/>
              </a:lnTo>
              <a:lnTo>
                <a:pt x="3277" y="1966"/>
              </a:lnTo>
              <a:lnTo>
                <a:pt x="1843" y="1748"/>
              </a:lnTo>
              <a:lnTo>
                <a:pt x="0" y="3058"/>
              </a:lnTo>
              <a:lnTo>
                <a:pt x="0" y="3714"/>
              </a:lnTo>
              <a:lnTo>
                <a:pt x="410" y="4588"/>
              </a:lnTo>
              <a:lnTo>
                <a:pt x="1024" y="5461"/>
              </a:lnTo>
              <a:lnTo>
                <a:pt x="1434" y="6335"/>
              </a:lnTo>
              <a:lnTo>
                <a:pt x="1229" y="7209"/>
              </a:lnTo>
              <a:lnTo>
                <a:pt x="614" y="8301"/>
              </a:lnTo>
              <a:lnTo>
                <a:pt x="819" y="8520"/>
              </a:lnTo>
              <a:lnTo>
                <a:pt x="1434" y="8301"/>
              </a:lnTo>
              <a:lnTo>
                <a:pt x="1638" y="9175"/>
              </a:lnTo>
              <a:lnTo>
                <a:pt x="1638" y="9830"/>
              </a:lnTo>
              <a:lnTo>
                <a:pt x="2048" y="10049"/>
              </a:lnTo>
              <a:lnTo>
                <a:pt x="1434" y="10923"/>
              </a:lnTo>
              <a:lnTo>
                <a:pt x="1024" y="11578"/>
              </a:lnTo>
              <a:lnTo>
                <a:pt x="410" y="12233"/>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571500</xdr:colOff>
      <xdr:row>29</xdr:row>
      <xdr:rowOff>76200</xdr:rowOff>
    </xdr:from>
    <xdr:to>
      <xdr:col>6</xdr:col>
      <xdr:colOff>28575</xdr:colOff>
      <xdr:row>33</xdr:row>
      <xdr:rowOff>85726</xdr:rowOff>
    </xdr:to>
    <xdr:sp macro="" textlink="">
      <xdr:nvSpPr>
        <xdr:cNvPr id="182" name="d14362">
          <a:extLst>
            <a:ext uri="{FF2B5EF4-FFF2-40B4-BE49-F238E27FC236}">
              <a16:creationId xmlns:a16="http://schemas.microsoft.com/office/drawing/2014/main" id="{00000000-0008-0000-0000-0000B6000000}"/>
            </a:ext>
          </a:extLst>
        </xdr:cNvPr>
        <xdr:cNvSpPr>
          <a:spLocks/>
        </xdr:cNvSpPr>
      </xdr:nvSpPr>
      <xdr:spPr bwMode="auto">
        <a:xfrm>
          <a:off x="3009900" y="4495800"/>
          <a:ext cx="676275" cy="619126"/>
        </a:xfrm>
        <a:custGeom>
          <a:avLst/>
          <a:gdLst/>
          <a:ahLst/>
          <a:cxnLst>
            <a:cxn ang="0">
              <a:pos x="2077" y="12351"/>
            </a:cxn>
            <a:cxn ang="0">
              <a:pos x="4154" y="16384"/>
            </a:cxn>
            <a:cxn ang="0">
              <a:pos x="5769" y="16384"/>
            </a:cxn>
            <a:cxn ang="0">
              <a:pos x="6923" y="15628"/>
            </a:cxn>
            <a:cxn ang="0">
              <a:pos x="8077" y="14620"/>
            </a:cxn>
            <a:cxn ang="0">
              <a:pos x="8307" y="15124"/>
            </a:cxn>
            <a:cxn ang="0">
              <a:pos x="8769" y="14368"/>
            </a:cxn>
            <a:cxn ang="0">
              <a:pos x="9230" y="13611"/>
            </a:cxn>
            <a:cxn ang="0">
              <a:pos x="9923" y="13107"/>
            </a:cxn>
            <a:cxn ang="0">
              <a:pos x="10153" y="11847"/>
            </a:cxn>
            <a:cxn ang="0">
              <a:pos x="10384" y="11343"/>
            </a:cxn>
            <a:cxn ang="0">
              <a:pos x="12230" y="11091"/>
            </a:cxn>
            <a:cxn ang="0">
              <a:pos x="12692" y="10587"/>
            </a:cxn>
            <a:cxn ang="0">
              <a:pos x="13153" y="10839"/>
            </a:cxn>
            <a:cxn ang="0">
              <a:pos x="13384" y="11343"/>
            </a:cxn>
            <a:cxn ang="0">
              <a:pos x="14538" y="13107"/>
            </a:cxn>
            <a:cxn ang="0">
              <a:pos x="15230" y="12351"/>
            </a:cxn>
            <a:cxn ang="0">
              <a:pos x="15692" y="11595"/>
            </a:cxn>
            <a:cxn ang="0">
              <a:pos x="16384" y="10587"/>
            </a:cxn>
            <a:cxn ang="0">
              <a:pos x="15922" y="10335"/>
            </a:cxn>
            <a:cxn ang="0">
              <a:pos x="15922" y="9578"/>
            </a:cxn>
            <a:cxn ang="0">
              <a:pos x="15692" y="8570"/>
            </a:cxn>
            <a:cxn ang="0">
              <a:pos x="14999" y="8822"/>
            </a:cxn>
            <a:cxn ang="0">
              <a:pos x="14769" y="8570"/>
            </a:cxn>
            <a:cxn ang="0">
              <a:pos x="15461" y="7310"/>
            </a:cxn>
            <a:cxn ang="0">
              <a:pos x="15692" y="6302"/>
            </a:cxn>
            <a:cxn ang="0">
              <a:pos x="15230" y="5293"/>
            </a:cxn>
            <a:cxn ang="0">
              <a:pos x="14538" y="4285"/>
            </a:cxn>
            <a:cxn ang="0">
              <a:pos x="14076" y="3277"/>
            </a:cxn>
            <a:cxn ang="0">
              <a:pos x="14076" y="2521"/>
            </a:cxn>
            <a:cxn ang="0">
              <a:pos x="13384" y="3277"/>
            </a:cxn>
            <a:cxn ang="0">
              <a:pos x="11769" y="4789"/>
            </a:cxn>
            <a:cxn ang="0">
              <a:pos x="10846" y="3529"/>
            </a:cxn>
            <a:cxn ang="0">
              <a:pos x="9461" y="1260"/>
            </a:cxn>
            <a:cxn ang="0">
              <a:pos x="9000" y="0"/>
            </a:cxn>
            <a:cxn ang="0">
              <a:pos x="7384" y="504"/>
            </a:cxn>
            <a:cxn ang="0">
              <a:pos x="7384" y="2016"/>
            </a:cxn>
            <a:cxn ang="0">
              <a:pos x="7384" y="3277"/>
            </a:cxn>
            <a:cxn ang="0">
              <a:pos x="6923" y="4285"/>
            </a:cxn>
            <a:cxn ang="0">
              <a:pos x="6231" y="5041"/>
            </a:cxn>
            <a:cxn ang="0">
              <a:pos x="5077" y="4789"/>
            </a:cxn>
            <a:cxn ang="0">
              <a:pos x="4384" y="5545"/>
            </a:cxn>
            <a:cxn ang="0">
              <a:pos x="3231" y="5797"/>
            </a:cxn>
            <a:cxn ang="0">
              <a:pos x="2538" y="6302"/>
            </a:cxn>
            <a:cxn ang="0">
              <a:pos x="2308" y="7562"/>
            </a:cxn>
            <a:cxn ang="0">
              <a:pos x="1385" y="7814"/>
            </a:cxn>
            <a:cxn ang="0">
              <a:pos x="0" y="7058"/>
            </a:cxn>
            <a:cxn ang="0">
              <a:pos x="0" y="8570"/>
            </a:cxn>
            <a:cxn ang="0">
              <a:pos x="231" y="9830"/>
            </a:cxn>
            <a:cxn ang="0">
              <a:pos x="1154" y="10839"/>
            </a:cxn>
            <a:cxn ang="0">
              <a:pos x="1846" y="12099"/>
            </a:cxn>
            <a:cxn ang="0">
              <a:pos x="2077" y="12351"/>
            </a:cxn>
          </a:cxnLst>
          <a:rect l="0" t="0" r="r" b="b"/>
          <a:pathLst>
            <a:path w="16384" h="16384">
              <a:moveTo>
                <a:pt x="2077" y="12351"/>
              </a:moveTo>
              <a:lnTo>
                <a:pt x="4154" y="16384"/>
              </a:lnTo>
              <a:lnTo>
                <a:pt x="5769" y="16384"/>
              </a:lnTo>
              <a:lnTo>
                <a:pt x="6923" y="15628"/>
              </a:lnTo>
              <a:lnTo>
                <a:pt x="8077" y="14620"/>
              </a:lnTo>
              <a:lnTo>
                <a:pt x="8307" y="15124"/>
              </a:lnTo>
              <a:lnTo>
                <a:pt x="8769" y="14368"/>
              </a:lnTo>
              <a:lnTo>
                <a:pt x="9230" y="13611"/>
              </a:lnTo>
              <a:lnTo>
                <a:pt x="9923" y="13107"/>
              </a:lnTo>
              <a:lnTo>
                <a:pt x="10153" y="11847"/>
              </a:lnTo>
              <a:lnTo>
                <a:pt x="10384" y="11343"/>
              </a:lnTo>
              <a:lnTo>
                <a:pt x="12230" y="11091"/>
              </a:lnTo>
              <a:lnTo>
                <a:pt x="12692" y="10587"/>
              </a:lnTo>
              <a:lnTo>
                <a:pt x="13153" y="10839"/>
              </a:lnTo>
              <a:lnTo>
                <a:pt x="13384" y="11343"/>
              </a:lnTo>
              <a:lnTo>
                <a:pt x="14538" y="13107"/>
              </a:lnTo>
              <a:lnTo>
                <a:pt x="15230" y="12351"/>
              </a:lnTo>
              <a:lnTo>
                <a:pt x="15692" y="11595"/>
              </a:lnTo>
              <a:lnTo>
                <a:pt x="16384" y="10587"/>
              </a:lnTo>
              <a:lnTo>
                <a:pt x="15922" y="10335"/>
              </a:lnTo>
              <a:lnTo>
                <a:pt x="15922" y="9578"/>
              </a:lnTo>
              <a:lnTo>
                <a:pt x="15692" y="8570"/>
              </a:lnTo>
              <a:lnTo>
                <a:pt x="14999" y="8822"/>
              </a:lnTo>
              <a:lnTo>
                <a:pt x="14769" y="8570"/>
              </a:lnTo>
              <a:lnTo>
                <a:pt x="15461" y="7310"/>
              </a:lnTo>
              <a:lnTo>
                <a:pt x="15692" y="6302"/>
              </a:lnTo>
              <a:lnTo>
                <a:pt x="15230" y="5293"/>
              </a:lnTo>
              <a:lnTo>
                <a:pt x="14538" y="4285"/>
              </a:lnTo>
              <a:lnTo>
                <a:pt x="14076" y="3277"/>
              </a:lnTo>
              <a:lnTo>
                <a:pt x="14076" y="2521"/>
              </a:lnTo>
              <a:lnTo>
                <a:pt x="13384" y="3277"/>
              </a:lnTo>
              <a:lnTo>
                <a:pt x="11769" y="4789"/>
              </a:lnTo>
              <a:lnTo>
                <a:pt x="10846" y="3529"/>
              </a:lnTo>
              <a:lnTo>
                <a:pt x="9461" y="1260"/>
              </a:lnTo>
              <a:lnTo>
                <a:pt x="9000" y="0"/>
              </a:lnTo>
              <a:lnTo>
                <a:pt x="7384" y="504"/>
              </a:lnTo>
              <a:lnTo>
                <a:pt x="7384" y="2016"/>
              </a:lnTo>
              <a:lnTo>
                <a:pt x="7384" y="3277"/>
              </a:lnTo>
              <a:lnTo>
                <a:pt x="6923" y="4285"/>
              </a:lnTo>
              <a:lnTo>
                <a:pt x="6231" y="5041"/>
              </a:lnTo>
              <a:lnTo>
                <a:pt x="5077" y="4789"/>
              </a:lnTo>
              <a:lnTo>
                <a:pt x="4384" y="5545"/>
              </a:lnTo>
              <a:lnTo>
                <a:pt x="3231" y="5797"/>
              </a:lnTo>
              <a:lnTo>
                <a:pt x="2538" y="6302"/>
              </a:lnTo>
              <a:lnTo>
                <a:pt x="2308" y="7562"/>
              </a:lnTo>
              <a:lnTo>
                <a:pt x="1385" y="7814"/>
              </a:lnTo>
              <a:lnTo>
                <a:pt x="0" y="7058"/>
              </a:lnTo>
              <a:lnTo>
                <a:pt x="0" y="8570"/>
              </a:lnTo>
              <a:lnTo>
                <a:pt x="231" y="9830"/>
              </a:lnTo>
              <a:lnTo>
                <a:pt x="1154" y="10839"/>
              </a:lnTo>
              <a:lnTo>
                <a:pt x="1846" y="12099"/>
              </a:lnTo>
              <a:lnTo>
                <a:pt x="2077" y="12351"/>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161925</xdr:colOff>
      <xdr:row>21</xdr:row>
      <xdr:rowOff>95250</xdr:rowOff>
    </xdr:from>
    <xdr:to>
      <xdr:col>5</xdr:col>
      <xdr:colOff>266700</xdr:colOff>
      <xdr:row>31</xdr:row>
      <xdr:rowOff>66676</xdr:rowOff>
    </xdr:to>
    <xdr:sp macro="" textlink="">
      <xdr:nvSpPr>
        <xdr:cNvPr id="183" name="d14363">
          <a:extLst>
            <a:ext uri="{FF2B5EF4-FFF2-40B4-BE49-F238E27FC236}">
              <a16:creationId xmlns:a16="http://schemas.microsoft.com/office/drawing/2014/main" id="{00000000-0008-0000-0000-0000B7000000}"/>
            </a:ext>
          </a:extLst>
        </xdr:cNvPr>
        <xdr:cNvSpPr>
          <a:spLocks/>
        </xdr:cNvSpPr>
      </xdr:nvSpPr>
      <xdr:spPr bwMode="auto">
        <a:xfrm>
          <a:off x="2600325" y="3295650"/>
          <a:ext cx="714375" cy="1495426"/>
        </a:xfrm>
        <a:custGeom>
          <a:avLst/>
          <a:gdLst/>
          <a:ahLst/>
          <a:cxnLst>
            <a:cxn ang="0">
              <a:pos x="15292" y="12314"/>
            </a:cxn>
            <a:cxn ang="0">
              <a:pos x="12015" y="9496"/>
            </a:cxn>
            <a:cxn ang="0">
              <a:pos x="12670" y="8349"/>
            </a:cxn>
            <a:cxn ang="0">
              <a:pos x="13763" y="7827"/>
            </a:cxn>
            <a:cxn ang="0">
              <a:pos x="13107" y="6783"/>
            </a:cxn>
            <a:cxn ang="0">
              <a:pos x="12233" y="5740"/>
            </a:cxn>
            <a:cxn ang="0">
              <a:pos x="12670" y="5218"/>
            </a:cxn>
            <a:cxn ang="0">
              <a:pos x="12670" y="4174"/>
            </a:cxn>
            <a:cxn ang="0">
              <a:pos x="12670" y="3339"/>
            </a:cxn>
            <a:cxn ang="0">
              <a:pos x="12452" y="2505"/>
            </a:cxn>
            <a:cxn ang="0">
              <a:pos x="11360" y="1461"/>
            </a:cxn>
            <a:cxn ang="0">
              <a:pos x="11360" y="626"/>
            </a:cxn>
            <a:cxn ang="0">
              <a:pos x="8520" y="0"/>
            </a:cxn>
            <a:cxn ang="0">
              <a:pos x="7646" y="626"/>
            </a:cxn>
            <a:cxn ang="0">
              <a:pos x="6554" y="1148"/>
            </a:cxn>
            <a:cxn ang="0">
              <a:pos x="4588" y="1983"/>
            </a:cxn>
            <a:cxn ang="0">
              <a:pos x="3495" y="2505"/>
            </a:cxn>
            <a:cxn ang="0">
              <a:pos x="1966" y="2922"/>
            </a:cxn>
            <a:cxn ang="0">
              <a:pos x="1748" y="3548"/>
            </a:cxn>
            <a:cxn ang="0">
              <a:pos x="655" y="4487"/>
            </a:cxn>
            <a:cxn ang="0">
              <a:pos x="1748" y="5218"/>
            </a:cxn>
            <a:cxn ang="0">
              <a:pos x="1311" y="5844"/>
            </a:cxn>
            <a:cxn ang="0">
              <a:pos x="655" y="6261"/>
            </a:cxn>
            <a:cxn ang="0">
              <a:pos x="218" y="7305"/>
            </a:cxn>
            <a:cxn ang="0">
              <a:pos x="0" y="8244"/>
            </a:cxn>
            <a:cxn ang="0">
              <a:pos x="2621" y="9079"/>
            </a:cxn>
            <a:cxn ang="0">
              <a:pos x="5898" y="9810"/>
            </a:cxn>
            <a:cxn ang="0">
              <a:pos x="7646" y="10540"/>
            </a:cxn>
            <a:cxn ang="0">
              <a:pos x="6554" y="10644"/>
            </a:cxn>
            <a:cxn ang="0">
              <a:pos x="6335" y="11584"/>
            </a:cxn>
            <a:cxn ang="0">
              <a:pos x="6117" y="12627"/>
            </a:cxn>
            <a:cxn ang="0">
              <a:pos x="3714" y="13358"/>
            </a:cxn>
            <a:cxn ang="0">
              <a:pos x="3058" y="14088"/>
            </a:cxn>
            <a:cxn ang="0">
              <a:pos x="4588" y="14297"/>
            </a:cxn>
            <a:cxn ang="0">
              <a:pos x="6554" y="14923"/>
            </a:cxn>
            <a:cxn ang="0">
              <a:pos x="8738" y="15549"/>
            </a:cxn>
            <a:cxn ang="0">
              <a:pos x="10704" y="16384"/>
            </a:cxn>
            <a:cxn ang="0">
              <a:pos x="11796" y="15758"/>
            </a:cxn>
            <a:cxn ang="0">
              <a:pos x="13544" y="15445"/>
            </a:cxn>
            <a:cxn ang="0">
              <a:pos x="15292" y="15236"/>
            </a:cxn>
            <a:cxn ang="0">
              <a:pos x="16384" y="14506"/>
            </a:cxn>
            <a:cxn ang="0">
              <a:pos x="16384" y="13358"/>
            </a:cxn>
          </a:cxnLst>
          <a:rect l="0" t="0" r="r" b="b"/>
          <a:pathLst>
            <a:path w="16384" h="16384">
              <a:moveTo>
                <a:pt x="16384" y="13358"/>
              </a:moveTo>
              <a:lnTo>
                <a:pt x="15292" y="12314"/>
              </a:lnTo>
              <a:lnTo>
                <a:pt x="12015" y="10018"/>
              </a:lnTo>
              <a:lnTo>
                <a:pt x="12015" y="9496"/>
              </a:lnTo>
              <a:lnTo>
                <a:pt x="12233" y="8766"/>
              </a:lnTo>
              <a:lnTo>
                <a:pt x="12670" y="8349"/>
              </a:lnTo>
              <a:lnTo>
                <a:pt x="13544" y="8140"/>
              </a:lnTo>
              <a:lnTo>
                <a:pt x="13763" y="7827"/>
              </a:lnTo>
              <a:lnTo>
                <a:pt x="13544" y="7305"/>
              </a:lnTo>
              <a:lnTo>
                <a:pt x="13107" y="6783"/>
              </a:lnTo>
              <a:lnTo>
                <a:pt x="13326" y="6366"/>
              </a:lnTo>
              <a:lnTo>
                <a:pt x="12233" y="5740"/>
              </a:lnTo>
              <a:lnTo>
                <a:pt x="12452" y="5427"/>
              </a:lnTo>
              <a:lnTo>
                <a:pt x="12670" y="5218"/>
              </a:lnTo>
              <a:lnTo>
                <a:pt x="12889" y="4800"/>
              </a:lnTo>
              <a:lnTo>
                <a:pt x="12670" y="4174"/>
              </a:lnTo>
              <a:lnTo>
                <a:pt x="12889" y="3757"/>
              </a:lnTo>
              <a:lnTo>
                <a:pt x="12670" y="3339"/>
              </a:lnTo>
              <a:lnTo>
                <a:pt x="12452" y="3026"/>
              </a:lnTo>
              <a:lnTo>
                <a:pt x="12452" y="2505"/>
              </a:lnTo>
              <a:lnTo>
                <a:pt x="11796" y="2087"/>
              </a:lnTo>
              <a:lnTo>
                <a:pt x="11360" y="1461"/>
              </a:lnTo>
              <a:lnTo>
                <a:pt x="11578" y="939"/>
              </a:lnTo>
              <a:lnTo>
                <a:pt x="11360" y="626"/>
              </a:lnTo>
              <a:lnTo>
                <a:pt x="9393" y="313"/>
              </a:lnTo>
              <a:lnTo>
                <a:pt x="8520" y="0"/>
              </a:lnTo>
              <a:lnTo>
                <a:pt x="7646" y="209"/>
              </a:lnTo>
              <a:lnTo>
                <a:pt x="7646" y="626"/>
              </a:lnTo>
              <a:lnTo>
                <a:pt x="6991" y="939"/>
              </a:lnTo>
              <a:lnTo>
                <a:pt x="6554" y="1148"/>
              </a:lnTo>
              <a:lnTo>
                <a:pt x="5243" y="1461"/>
              </a:lnTo>
              <a:lnTo>
                <a:pt x="4588" y="1983"/>
              </a:lnTo>
              <a:lnTo>
                <a:pt x="4369" y="2296"/>
              </a:lnTo>
              <a:lnTo>
                <a:pt x="3495" y="2505"/>
              </a:lnTo>
              <a:lnTo>
                <a:pt x="2621" y="2609"/>
              </a:lnTo>
              <a:lnTo>
                <a:pt x="1966" y="2922"/>
              </a:lnTo>
              <a:lnTo>
                <a:pt x="1748" y="3235"/>
              </a:lnTo>
              <a:lnTo>
                <a:pt x="1748" y="3548"/>
              </a:lnTo>
              <a:lnTo>
                <a:pt x="874" y="4070"/>
              </a:lnTo>
              <a:lnTo>
                <a:pt x="655" y="4487"/>
              </a:lnTo>
              <a:lnTo>
                <a:pt x="1311" y="4800"/>
              </a:lnTo>
              <a:lnTo>
                <a:pt x="1748" y="5218"/>
              </a:lnTo>
              <a:lnTo>
                <a:pt x="1748" y="5531"/>
              </a:lnTo>
              <a:lnTo>
                <a:pt x="1311" y="5844"/>
              </a:lnTo>
              <a:lnTo>
                <a:pt x="655" y="5948"/>
              </a:lnTo>
              <a:lnTo>
                <a:pt x="655" y="6261"/>
              </a:lnTo>
              <a:lnTo>
                <a:pt x="437" y="6888"/>
              </a:lnTo>
              <a:lnTo>
                <a:pt x="218" y="7305"/>
              </a:lnTo>
              <a:lnTo>
                <a:pt x="218" y="7827"/>
              </a:lnTo>
              <a:lnTo>
                <a:pt x="0" y="8244"/>
              </a:lnTo>
              <a:lnTo>
                <a:pt x="1092" y="8557"/>
              </a:lnTo>
              <a:lnTo>
                <a:pt x="2621" y="9079"/>
              </a:lnTo>
              <a:lnTo>
                <a:pt x="4369" y="9496"/>
              </a:lnTo>
              <a:lnTo>
                <a:pt x="5898" y="9810"/>
              </a:lnTo>
              <a:lnTo>
                <a:pt x="6117" y="10227"/>
              </a:lnTo>
              <a:lnTo>
                <a:pt x="7646" y="10540"/>
              </a:lnTo>
              <a:lnTo>
                <a:pt x="7646" y="10749"/>
              </a:lnTo>
              <a:lnTo>
                <a:pt x="6554" y="10644"/>
              </a:lnTo>
              <a:lnTo>
                <a:pt x="6335" y="10957"/>
              </a:lnTo>
              <a:lnTo>
                <a:pt x="6335" y="11584"/>
              </a:lnTo>
              <a:lnTo>
                <a:pt x="6554" y="12001"/>
              </a:lnTo>
              <a:lnTo>
                <a:pt x="6117" y="12627"/>
              </a:lnTo>
              <a:lnTo>
                <a:pt x="5024" y="13045"/>
              </a:lnTo>
              <a:lnTo>
                <a:pt x="3714" y="13358"/>
              </a:lnTo>
              <a:lnTo>
                <a:pt x="3277" y="13671"/>
              </a:lnTo>
              <a:lnTo>
                <a:pt x="3058" y="14088"/>
              </a:lnTo>
              <a:lnTo>
                <a:pt x="3714" y="14088"/>
              </a:lnTo>
              <a:lnTo>
                <a:pt x="4588" y="14297"/>
              </a:lnTo>
              <a:lnTo>
                <a:pt x="5680" y="14714"/>
              </a:lnTo>
              <a:lnTo>
                <a:pt x="6554" y="14923"/>
              </a:lnTo>
              <a:lnTo>
                <a:pt x="7864" y="15236"/>
              </a:lnTo>
              <a:lnTo>
                <a:pt x="8738" y="15549"/>
              </a:lnTo>
              <a:lnTo>
                <a:pt x="9393" y="16071"/>
              </a:lnTo>
              <a:lnTo>
                <a:pt x="10704" y="16384"/>
              </a:lnTo>
              <a:lnTo>
                <a:pt x="11578" y="16280"/>
              </a:lnTo>
              <a:lnTo>
                <a:pt x="11796" y="15758"/>
              </a:lnTo>
              <a:lnTo>
                <a:pt x="12452" y="15549"/>
              </a:lnTo>
              <a:lnTo>
                <a:pt x="13544" y="15445"/>
              </a:lnTo>
              <a:lnTo>
                <a:pt x="14199" y="15132"/>
              </a:lnTo>
              <a:lnTo>
                <a:pt x="15292" y="15236"/>
              </a:lnTo>
              <a:lnTo>
                <a:pt x="15947" y="14923"/>
              </a:lnTo>
              <a:lnTo>
                <a:pt x="16384" y="14506"/>
              </a:lnTo>
              <a:lnTo>
                <a:pt x="16384" y="13984"/>
              </a:lnTo>
              <a:lnTo>
                <a:pt x="16384" y="13358"/>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0</xdr:col>
      <xdr:colOff>495300</xdr:colOff>
      <xdr:row>15</xdr:row>
      <xdr:rowOff>104775</xdr:rowOff>
    </xdr:from>
    <xdr:to>
      <xdr:col>5</xdr:col>
      <xdr:colOff>323850</xdr:colOff>
      <xdr:row>32</xdr:row>
      <xdr:rowOff>0</xdr:rowOff>
    </xdr:to>
    <xdr:sp macro="" textlink="">
      <xdr:nvSpPr>
        <xdr:cNvPr id="184" name="d14364">
          <a:extLst>
            <a:ext uri="{FF2B5EF4-FFF2-40B4-BE49-F238E27FC236}">
              <a16:creationId xmlns:a16="http://schemas.microsoft.com/office/drawing/2014/main" id="{00000000-0008-0000-0000-0000B8000000}"/>
            </a:ext>
          </a:extLst>
        </xdr:cNvPr>
        <xdr:cNvSpPr>
          <a:spLocks/>
        </xdr:cNvSpPr>
      </xdr:nvSpPr>
      <xdr:spPr bwMode="auto">
        <a:xfrm>
          <a:off x="495300" y="2390775"/>
          <a:ext cx="2876550" cy="2486025"/>
        </a:xfrm>
        <a:custGeom>
          <a:avLst/>
          <a:gdLst/>
          <a:ahLst/>
          <a:cxnLst>
            <a:cxn ang="0">
              <a:pos x="25" y="161"/>
            </a:cxn>
            <a:cxn ang="0">
              <a:pos x="45" y="157"/>
            </a:cxn>
            <a:cxn ang="0">
              <a:pos x="62" y="158"/>
            </a:cxn>
            <a:cxn ang="0">
              <a:pos x="83" y="155"/>
            </a:cxn>
            <a:cxn ang="0">
              <a:pos x="98" y="155"/>
            </a:cxn>
            <a:cxn ang="0">
              <a:pos x="105" y="172"/>
            </a:cxn>
            <a:cxn ang="0">
              <a:pos x="105" y="191"/>
            </a:cxn>
            <a:cxn ang="0">
              <a:pos x="111" y="212"/>
            </a:cxn>
            <a:cxn ang="0">
              <a:pos x="111" y="231"/>
            </a:cxn>
            <a:cxn ang="0">
              <a:pos x="116" y="254"/>
            </a:cxn>
            <a:cxn ang="0">
              <a:pos x="131" y="259"/>
            </a:cxn>
            <a:cxn ang="0">
              <a:pos x="140" y="248"/>
            </a:cxn>
            <a:cxn ang="0">
              <a:pos x="159" y="238"/>
            </a:cxn>
            <a:cxn ang="0">
              <a:pos x="174" y="231"/>
            </a:cxn>
            <a:cxn ang="0">
              <a:pos x="195" y="236"/>
            </a:cxn>
            <a:cxn ang="0">
              <a:pos x="213" y="234"/>
            </a:cxn>
            <a:cxn ang="0">
              <a:pos x="235" y="230"/>
            </a:cxn>
            <a:cxn ang="0">
              <a:pos x="249" y="216"/>
            </a:cxn>
            <a:cxn ang="0">
              <a:pos x="251" y="197"/>
            </a:cxn>
            <a:cxn ang="0">
              <a:pos x="248" y="189"/>
            </a:cxn>
            <a:cxn ang="0">
              <a:pos x="221" y="174"/>
            </a:cxn>
            <a:cxn ang="0">
              <a:pos x="224" y="155"/>
            </a:cxn>
            <a:cxn ang="0">
              <a:pos x="229" y="145"/>
            </a:cxn>
            <a:cxn ang="0">
              <a:pos x="229" y="129"/>
            </a:cxn>
            <a:cxn ang="0">
              <a:pos x="237" y="119"/>
            </a:cxn>
            <a:cxn ang="0">
              <a:pos x="251" y="106"/>
            </a:cxn>
            <a:cxn ang="0">
              <a:pos x="260" y="95"/>
            </a:cxn>
            <a:cxn ang="0">
              <a:pos x="281" y="97"/>
            </a:cxn>
            <a:cxn ang="0">
              <a:pos x="299" y="83"/>
            </a:cxn>
            <a:cxn ang="0">
              <a:pos x="302" y="63"/>
            </a:cxn>
            <a:cxn ang="0">
              <a:pos x="296" y="50"/>
            </a:cxn>
            <a:cxn ang="0">
              <a:pos x="280" y="48"/>
            </a:cxn>
            <a:cxn ang="0">
              <a:pos x="262" y="42"/>
            </a:cxn>
            <a:cxn ang="0">
              <a:pos x="234" y="48"/>
            </a:cxn>
            <a:cxn ang="0">
              <a:pos x="220" y="35"/>
            </a:cxn>
            <a:cxn ang="0">
              <a:pos x="195" y="23"/>
            </a:cxn>
            <a:cxn ang="0">
              <a:pos x="189" y="9"/>
            </a:cxn>
            <a:cxn ang="0">
              <a:pos x="179" y="4"/>
            </a:cxn>
            <a:cxn ang="0">
              <a:pos x="162" y="0"/>
            </a:cxn>
            <a:cxn ang="0">
              <a:pos x="153" y="21"/>
            </a:cxn>
            <a:cxn ang="0">
              <a:pos x="138" y="38"/>
            </a:cxn>
            <a:cxn ang="0">
              <a:pos x="120" y="46"/>
            </a:cxn>
            <a:cxn ang="0">
              <a:pos x="95" y="54"/>
            </a:cxn>
            <a:cxn ang="0">
              <a:pos x="81" y="63"/>
            </a:cxn>
            <a:cxn ang="0">
              <a:pos x="69" y="64"/>
            </a:cxn>
            <a:cxn ang="0">
              <a:pos x="55" y="70"/>
            </a:cxn>
            <a:cxn ang="0">
              <a:pos x="35" y="86"/>
            </a:cxn>
            <a:cxn ang="0">
              <a:pos x="21" y="100"/>
            </a:cxn>
            <a:cxn ang="0">
              <a:pos x="18" y="119"/>
            </a:cxn>
            <a:cxn ang="0">
              <a:pos x="15" y="137"/>
            </a:cxn>
            <a:cxn ang="0">
              <a:pos x="4" y="158"/>
            </a:cxn>
          </a:cxnLst>
          <a:rect l="0" t="0" r="r" b="b"/>
          <a:pathLst>
            <a:path w="302" h="261">
              <a:moveTo>
                <a:pt x="4" y="158"/>
              </a:moveTo>
              <a:lnTo>
                <a:pt x="15" y="159"/>
              </a:lnTo>
              <a:lnTo>
                <a:pt x="20" y="158"/>
              </a:lnTo>
              <a:lnTo>
                <a:pt x="25" y="161"/>
              </a:lnTo>
              <a:lnTo>
                <a:pt x="30" y="161"/>
              </a:lnTo>
              <a:lnTo>
                <a:pt x="36" y="161"/>
              </a:lnTo>
              <a:lnTo>
                <a:pt x="40" y="159"/>
              </a:lnTo>
              <a:lnTo>
                <a:pt x="45" y="157"/>
              </a:lnTo>
              <a:lnTo>
                <a:pt x="51" y="158"/>
              </a:lnTo>
              <a:lnTo>
                <a:pt x="54" y="156"/>
              </a:lnTo>
              <a:lnTo>
                <a:pt x="59" y="158"/>
              </a:lnTo>
              <a:lnTo>
                <a:pt x="62" y="158"/>
              </a:lnTo>
              <a:lnTo>
                <a:pt x="68" y="153"/>
              </a:lnTo>
              <a:lnTo>
                <a:pt x="72" y="154"/>
              </a:lnTo>
              <a:lnTo>
                <a:pt x="75" y="154"/>
              </a:lnTo>
              <a:lnTo>
                <a:pt x="83" y="155"/>
              </a:lnTo>
              <a:lnTo>
                <a:pt x="85" y="158"/>
              </a:lnTo>
              <a:lnTo>
                <a:pt x="89" y="156"/>
              </a:lnTo>
              <a:lnTo>
                <a:pt x="94" y="155"/>
              </a:lnTo>
              <a:lnTo>
                <a:pt x="98" y="155"/>
              </a:lnTo>
              <a:lnTo>
                <a:pt x="102" y="157"/>
              </a:lnTo>
              <a:lnTo>
                <a:pt x="104" y="160"/>
              </a:lnTo>
              <a:lnTo>
                <a:pt x="105" y="167"/>
              </a:lnTo>
              <a:lnTo>
                <a:pt x="105" y="172"/>
              </a:lnTo>
              <a:lnTo>
                <a:pt x="101" y="180"/>
              </a:lnTo>
              <a:lnTo>
                <a:pt x="101" y="186"/>
              </a:lnTo>
              <a:lnTo>
                <a:pt x="104" y="188"/>
              </a:lnTo>
              <a:lnTo>
                <a:pt x="105" y="191"/>
              </a:lnTo>
              <a:lnTo>
                <a:pt x="108" y="195"/>
              </a:lnTo>
              <a:lnTo>
                <a:pt x="108" y="202"/>
              </a:lnTo>
              <a:lnTo>
                <a:pt x="110" y="206"/>
              </a:lnTo>
              <a:lnTo>
                <a:pt x="111" y="212"/>
              </a:lnTo>
              <a:lnTo>
                <a:pt x="112" y="218"/>
              </a:lnTo>
              <a:lnTo>
                <a:pt x="116" y="221"/>
              </a:lnTo>
              <a:lnTo>
                <a:pt x="115" y="226"/>
              </a:lnTo>
              <a:lnTo>
                <a:pt x="111" y="231"/>
              </a:lnTo>
              <a:lnTo>
                <a:pt x="113" y="238"/>
              </a:lnTo>
              <a:lnTo>
                <a:pt x="115" y="241"/>
              </a:lnTo>
              <a:lnTo>
                <a:pt x="114" y="246"/>
              </a:lnTo>
              <a:lnTo>
                <a:pt x="116" y="254"/>
              </a:lnTo>
              <a:lnTo>
                <a:pt x="121" y="257"/>
              </a:lnTo>
              <a:lnTo>
                <a:pt x="123" y="261"/>
              </a:lnTo>
              <a:lnTo>
                <a:pt x="126" y="258"/>
              </a:lnTo>
              <a:lnTo>
                <a:pt x="131" y="259"/>
              </a:lnTo>
              <a:lnTo>
                <a:pt x="135" y="259"/>
              </a:lnTo>
              <a:lnTo>
                <a:pt x="139" y="257"/>
              </a:lnTo>
              <a:lnTo>
                <a:pt x="138" y="252"/>
              </a:lnTo>
              <a:lnTo>
                <a:pt x="140" y="248"/>
              </a:lnTo>
              <a:lnTo>
                <a:pt x="145" y="246"/>
              </a:lnTo>
              <a:lnTo>
                <a:pt x="148" y="241"/>
              </a:lnTo>
              <a:lnTo>
                <a:pt x="152" y="238"/>
              </a:lnTo>
              <a:lnTo>
                <a:pt x="159" y="238"/>
              </a:lnTo>
              <a:lnTo>
                <a:pt x="161" y="237"/>
              </a:lnTo>
              <a:lnTo>
                <a:pt x="164" y="232"/>
              </a:lnTo>
              <a:lnTo>
                <a:pt x="168" y="231"/>
              </a:lnTo>
              <a:lnTo>
                <a:pt x="174" y="231"/>
              </a:lnTo>
              <a:lnTo>
                <a:pt x="176" y="233"/>
              </a:lnTo>
              <a:lnTo>
                <a:pt x="181" y="236"/>
              </a:lnTo>
              <a:lnTo>
                <a:pt x="189" y="238"/>
              </a:lnTo>
              <a:lnTo>
                <a:pt x="195" y="236"/>
              </a:lnTo>
              <a:lnTo>
                <a:pt x="199" y="232"/>
              </a:lnTo>
              <a:lnTo>
                <a:pt x="204" y="234"/>
              </a:lnTo>
              <a:lnTo>
                <a:pt x="209" y="233"/>
              </a:lnTo>
              <a:lnTo>
                <a:pt x="213" y="234"/>
              </a:lnTo>
              <a:lnTo>
                <a:pt x="218" y="237"/>
              </a:lnTo>
              <a:lnTo>
                <a:pt x="224" y="233"/>
              </a:lnTo>
              <a:lnTo>
                <a:pt x="228" y="231"/>
              </a:lnTo>
              <a:lnTo>
                <a:pt x="235" y="230"/>
              </a:lnTo>
              <a:lnTo>
                <a:pt x="236" y="226"/>
              </a:lnTo>
              <a:lnTo>
                <a:pt x="238" y="223"/>
              </a:lnTo>
              <a:lnTo>
                <a:pt x="244" y="220"/>
              </a:lnTo>
              <a:lnTo>
                <a:pt x="249" y="216"/>
              </a:lnTo>
              <a:lnTo>
                <a:pt x="251" y="210"/>
              </a:lnTo>
              <a:lnTo>
                <a:pt x="250" y="206"/>
              </a:lnTo>
              <a:lnTo>
                <a:pt x="250" y="200"/>
              </a:lnTo>
              <a:lnTo>
                <a:pt x="251" y="197"/>
              </a:lnTo>
              <a:lnTo>
                <a:pt x="256" y="198"/>
              </a:lnTo>
              <a:lnTo>
                <a:pt x="256" y="196"/>
              </a:lnTo>
              <a:lnTo>
                <a:pt x="249" y="193"/>
              </a:lnTo>
              <a:lnTo>
                <a:pt x="248" y="189"/>
              </a:lnTo>
              <a:lnTo>
                <a:pt x="241" y="186"/>
              </a:lnTo>
              <a:lnTo>
                <a:pt x="233" y="182"/>
              </a:lnTo>
              <a:lnTo>
                <a:pt x="226" y="177"/>
              </a:lnTo>
              <a:lnTo>
                <a:pt x="221" y="174"/>
              </a:lnTo>
              <a:lnTo>
                <a:pt x="222" y="170"/>
              </a:lnTo>
              <a:lnTo>
                <a:pt x="222" y="165"/>
              </a:lnTo>
              <a:lnTo>
                <a:pt x="223" y="161"/>
              </a:lnTo>
              <a:lnTo>
                <a:pt x="224" y="155"/>
              </a:lnTo>
              <a:lnTo>
                <a:pt x="224" y="152"/>
              </a:lnTo>
              <a:lnTo>
                <a:pt x="227" y="151"/>
              </a:lnTo>
              <a:lnTo>
                <a:pt x="229" y="148"/>
              </a:lnTo>
              <a:lnTo>
                <a:pt x="229" y="145"/>
              </a:lnTo>
              <a:lnTo>
                <a:pt x="227" y="141"/>
              </a:lnTo>
              <a:lnTo>
                <a:pt x="224" y="138"/>
              </a:lnTo>
              <a:lnTo>
                <a:pt x="225" y="134"/>
              </a:lnTo>
              <a:lnTo>
                <a:pt x="229" y="129"/>
              </a:lnTo>
              <a:lnTo>
                <a:pt x="229" y="126"/>
              </a:lnTo>
              <a:lnTo>
                <a:pt x="230" y="123"/>
              </a:lnTo>
              <a:lnTo>
                <a:pt x="233" y="120"/>
              </a:lnTo>
              <a:lnTo>
                <a:pt x="237" y="119"/>
              </a:lnTo>
              <a:lnTo>
                <a:pt x="241" y="117"/>
              </a:lnTo>
              <a:lnTo>
                <a:pt x="242" y="114"/>
              </a:lnTo>
              <a:lnTo>
                <a:pt x="245" y="109"/>
              </a:lnTo>
              <a:lnTo>
                <a:pt x="251" y="106"/>
              </a:lnTo>
              <a:lnTo>
                <a:pt x="253" y="104"/>
              </a:lnTo>
              <a:lnTo>
                <a:pt x="256" y="101"/>
              </a:lnTo>
              <a:lnTo>
                <a:pt x="256" y="97"/>
              </a:lnTo>
              <a:lnTo>
                <a:pt x="260" y="95"/>
              </a:lnTo>
              <a:lnTo>
                <a:pt x="264" y="98"/>
              </a:lnTo>
              <a:lnTo>
                <a:pt x="273" y="101"/>
              </a:lnTo>
              <a:lnTo>
                <a:pt x="274" y="98"/>
              </a:lnTo>
              <a:lnTo>
                <a:pt x="281" y="97"/>
              </a:lnTo>
              <a:lnTo>
                <a:pt x="288" y="96"/>
              </a:lnTo>
              <a:lnTo>
                <a:pt x="292" y="90"/>
              </a:lnTo>
              <a:lnTo>
                <a:pt x="296" y="89"/>
              </a:lnTo>
              <a:lnTo>
                <a:pt x="299" y="83"/>
              </a:lnTo>
              <a:lnTo>
                <a:pt x="301" y="79"/>
              </a:lnTo>
              <a:lnTo>
                <a:pt x="300" y="75"/>
              </a:lnTo>
              <a:lnTo>
                <a:pt x="302" y="71"/>
              </a:lnTo>
              <a:lnTo>
                <a:pt x="302" y="63"/>
              </a:lnTo>
              <a:lnTo>
                <a:pt x="300" y="61"/>
              </a:lnTo>
              <a:lnTo>
                <a:pt x="299" y="58"/>
              </a:lnTo>
              <a:lnTo>
                <a:pt x="299" y="53"/>
              </a:lnTo>
              <a:lnTo>
                <a:pt x="296" y="50"/>
              </a:lnTo>
              <a:lnTo>
                <a:pt x="292" y="49"/>
              </a:lnTo>
              <a:lnTo>
                <a:pt x="287" y="51"/>
              </a:lnTo>
              <a:lnTo>
                <a:pt x="283" y="50"/>
              </a:lnTo>
              <a:lnTo>
                <a:pt x="280" y="48"/>
              </a:lnTo>
              <a:lnTo>
                <a:pt x="279" y="41"/>
              </a:lnTo>
              <a:lnTo>
                <a:pt x="274" y="38"/>
              </a:lnTo>
              <a:lnTo>
                <a:pt x="267" y="37"/>
              </a:lnTo>
              <a:lnTo>
                <a:pt x="262" y="42"/>
              </a:lnTo>
              <a:lnTo>
                <a:pt x="256" y="47"/>
              </a:lnTo>
              <a:lnTo>
                <a:pt x="252" y="51"/>
              </a:lnTo>
              <a:lnTo>
                <a:pt x="247" y="52"/>
              </a:lnTo>
              <a:lnTo>
                <a:pt x="234" y="48"/>
              </a:lnTo>
              <a:lnTo>
                <a:pt x="227" y="47"/>
              </a:lnTo>
              <a:lnTo>
                <a:pt x="225" y="41"/>
              </a:lnTo>
              <a:lnTo>
                <a:pt x="222" y="38"/>
              </a:lnTo>
              <a:lnTo>
                <a:pt x="220" y="35"/>
              </a:lnTo>
              <a:lnTo>
                <a:pt x="215" y="34"/>
              </a:lnTo>
              <a:lnTo>
                <a:pt x="212" y="29"/>
              </a:lnTo>
              <a:lnTo>
                <a:pt x="209" y="27"/>
              </a:lnTo>
              <a:lnTo>
                <a:pt x="195" y="23"/>
              </a:lnTo>
              <a:lnTo>
                <a:pt x="193" y="21"/>
              </a:lnTo>
              <a:lnTo>
                <a:pt x="192" y="15"/>
              </a:lnTo>
              <a:lnTo>
                <a:pt x="188" y="11"/>
              </a:lnTo>
              <a:lnTo>
                <a:pt x="189" y="9"/>
              </a:lnTo>
              <a:lnTo>
                <a:pt x="189" y="5"/>
              </a:lnTo>
              <a:lnTo>
                <a:pt x="187" y="1"/>
              </a:lnTo>
              <a:lnTo>
                <a:pt x="183" y="3"/>
              </a:lnTo>
              <a:lnTo>
                <a:pt x="179" y="4"/>
              </a:lnTo>
              <a:lnTo>
                <a:pt x="174" y="5"/>
              </a:lnTo>
              <a:lnTo>
                <a:pt x="171" y="4"/>
              </a:lnTo>
              <a:lnTo>
                <a:pt x="167" y="3"/>
              </a:lnTo>
              <a:lnTo>
                <a:pt x="162" y="0"/>
              </a:lnTo>
              <a:lnTo>
                <a:pt x="158" y="7"/>
              </a:lnTo>
              <a:lnTo>
                <a:pt x="157" y="11"/>
              </a:lnTo>
              <a:lnTo>
                <a:pt x="158" y="17"/>
              </a:lnTo>
              <a:lnTo>
                <a:pt x="153" y="21"/>
              </a:lnTo>
              <a:lnTo>
                <a:pt x="150" y="28"/>
              </a:lnTo>
              <a:lnTo>
                <a:pt x="145" y="30"/>
              </a:lnTo>
              <a:lnTo>
                <a:pt x="140" y="33"/>
              </a:lnTo>
              <a:lnTo>
                <a:pt x="138" y="38"/>
              </a:lnTo>
              <a:lnTo>
                <a:pt x="135" y="45"/>
              </a:lnTo>
              <a:lnTo>
                <a:pt x="131" y="44"/>
              </a:lnTo>
              <a:lnTo>
                <a:pt x="127" y="46"/>
              </a:lnTo>
              <a:lnTo>
                <a:pt x="120" y="46"/>
              </a:lnTo>
              <a:lnTo>
                <a:pt x="116" y="50"/>
              </a:lnTo>
              <a:lnTo>
                <a:pt x="109" y="52"/>
              </a:lnTo>
              <a:lnTo>
                <a:pt x="102" y="52"/>
              </a:lnTo>
              <a:lnTo>
                <a:pt x="95" y="54"/>
              </a:lnTo>
              <a:lnTo>
                <a:pt x="92" y="53"/>
              </a:lnTo>
              <a:lnTo>
                <a:pt x="87" y="57"/>
              </a:lnTo>
              <a:lnTo>
                <a:pt x="86" y="61"/>
              </a:lnTo>
              <a:lnTo>
                <a:pt x="81" y="63"/>
              </a:lnTo>
              <a:lnTo>
                <a:pt x="79" y="67"/>
              </a:lnTo>
              <a:lnTo>
                <a:pt x="76" y="67"/>
              </a:lnTo>
              <a:lnTo>
                <a:pt x="73" y="63"/>
              </a:lnTo>
              <a:lnTo>
                <a:pt x="69" y="64"/>
              </a:lnTo>
              <a:lnTo>
                <a:pt x="67" y="68"/>
              </a:lnTo>
              <a:lnTo>
                <a:pt x="62" y="68"/>
              </a:lnTo>
              <a:lnTo>
                <a:pt x="59" y="70"/>
              </a:lnTo>
              <a:lnTo>
                <a:pt x="55" y="70"/>
              </a:lnTo>
              <a:lnTo>
                <a:pt x="49" y="73"/>
              </a:lnTo>
              <a:lnTo>
                <a:pt x="45" y="78"/>
              </a:lnTo>
              <a:lnTo>
                <a:pt x="40" y="81"/>
              </a:lnTo>
              <a:lnTo>
                <a:pt x="35" y="86"/>
              </a:lnTo>
              <a:lnTo>
                <a:pt x="30" y="89"/>
              </a:lnTo>
              <a:lnTo>
                <a:pt x="27" y="94"/>
              </a:lnTo>
              <a:lnTo>
                <a:pt x="25" y="95"/>
              </a:lnTo>
              <a:lnTo>
                <a:pt x="21" y="100"/>
              </a:lnTo>
              <a:lnTo>
                <a:pt x="17" y="104"/>
              </a:lnTo>
              <a:lnTo>
                <a:pt x="16" y="110"/>
              </a:lnTo>
              <a:lnTo>
                <a:pt x="15" y="116"/>
              </a:lnTo>
              <a:lnTo>
                <a:pt x="18" y="119"/>
              </a:lnTo>
              <a:lnTo>
                <a:pt x="19" y="124"/>
              </a:lnTo>
              <a:lnTo>
                <a:pt x="19" y="130"/>
              </a:lnTo>
              <a:lnTo>
                <a:pt x="14" y="133"/>
              </a:lnTo>
              <a:lnTo>
                <a:pt x="15" y="137"/>
              </a:lnTo>
              <a:lnTo>
                <a:pt x="11" y="140"/>
              </a:lnTo>
              <a:lnTo>
                <a:pt x="4" y="144"/>
              </a:lnTo>
              <a:lnTo>
                <a:pt x="0" y="155"/>
              </a:lnTo>
              <a:lnTo>
                <a:pt x="4" y="158"/>
              </a:lnTo>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247650</xdr:colOff>
      <xdr:row>30</xdr:row>
      <xdr:rowOff>9525</xdr:rowOff>
    </xdr:from>
    <xdr:to>
      <xdr:col>5</xdr:col>
      <xdr:colOff>47625</xdr:colOff>
      <xdr:row>33</xdr:row>
      <xdr:rowOff>57151</xdr:rowOff>
    </xdr:to>
    <xdr:sp macro="" textlink="">
      <xdr:nvSpPr>
        <xdr:cNvPr id="185" name="d14366">
          <a:extLst>
            <a:ext uri="{FF2B5EF4-FFF2-40B4-BE49-F238E27FC236}">
              <a16:creationId xmlns:a16="http://schemas.microsoft.com/office/drawing/2014/main" id="{00000000-0008-0000-0000-0000B9000000}"/>
            </a:ext>
          </a:extLst>
        </xdr:cNvPr>
        <xdr:cNvSpPr>
          <a:spLocks/>
        </xdr:cNvSpPr>
      </xdr:nvSpPr>
      <xdr:spPr bwMode="auto">
        <a:xfrm>
          <a:off x="2686050" y="4581525"/>
          <a:ext cx="409575" cy="504826"/>
        </a:xfrm>
        <a:custGeom>
          <a:avLst/>
          <a:gdLst/>
          <a:ahLst/>
          <a:cxnLst>
            <a:cxn ang="0">
              <a:pos x="12955" y="5874"/>
            </a:cxn>
            <a:cxn ang="0">
              <a:pos x="11812" y="4328"/>
            </a:cxn>
            <a:cxn ang="0">
              <a:pos x="10288" y="3400"/>
            </a:cxn>
            <a:cxn ang="0">
              <a:pos x="8001" y="2473"/>
            </a:cxn>
            <a:cxn ang="0">
              <a:pos x="6477" y="1855"/>
            </a:cxn>
            <a:cxn ang="0">
              <a:pos x="4572" y="618"/>
            </a:cxn>
            <a:cxn ang="0">
              <a:pos x="3048" y="0"/>
            </a:cxn>
            <a:cxn ang="0">
              <a:pos x="1905" y="0"/>
            </a:cxn>
            <a:cxn ang="0">
              <a:pos x="1905" y="927"/>
            </a:cxn>
            <a:cxn ang="0">
              <a:pos x="1143" y="1855"/>
            </a:cxn>
            <a:cxn ang="0">
              <a:pos x="0" y="2782"/>
            </a:cxn>
            <a:cxn ang="0">
              <a:pos x="1143" y="4637"/>
            </a:cxn>
            <a:cxn ang="0">
              <a:pos x="2286" y="5255"/>
            </a:cxn>
            <a:cxn ang="0">
              <a:pos x="3810" y="6183"/>
            </a:cxn>
            <a:cxn ang="0">
              <a:pos x="4191" y="7419"/>
            </a:cxn>
            <a:cxn ang="0">
              <a:pos x="4572" y="9274"/>
            </a:cxn>
            <a:cxn ang="0">
              <a:pos x="5715" y="11438"/>
            </a:cxn>
            <a:cxn ang="0">
              <a:pos x="6477" y="13911"/>
            </a:cxn>
            <a:cxn ang="0">
              <a:pos x="6858" y="14220"/>
            </a:cxn>
            <a:cxn ang="0">
              <a:pos x="8383" y="14838"/>
            </a:cxn>
            <a:cxn ang="0">
              <a:pos x="9526" y="15147"/>
            </a:cxn>
            <a:cxn ang="0">
              <a:pos x="9907" y="16075"/>
            </a:cxn>
            <a:cxn ang="0">
              <a:pos x="11050" y="16384"/>
            </a:cxn>
            <a:cxn ang="0">
              <a:pos x="11431" y="15147"/>
            </a:cxn>
            <a:cxn ang="0">
              <a:pos x="12574" y="14529"/>
            </a:cxn>
            <a:cxn ang="0">
              <a:pos x="14479" y="14220"/>
            </a:cxn>
            <a:cxn ang="0">
              <a:pos x="14860" y="12674"/>
            </a:cxn>
            <a:cxn ang="0">
              <a:pos x="16384" y="12365"/>
            </a:cxn>
            <a:cxn ang="0">
              <a:pos x="16003" y="12056"/>
            </a:cxn>
            <a:cxn ang="0">
              <a:pos x="14860" y="10510"/>
            </a:cxn>
            <a:cxn ang="0">
              <a:pos x="13336" y="9274"/>
            </a:cxn>
            <a:cxn ang="0">
              <a:pos x="12955" y="7728"/>
            </a:cxn>
            <a:cxn ang="0">
              <a:pos x="12955" y="5874"/>
            </a:cxn>
          </a:cxnLst>
          <a:rect l="0" t="0" r="r" b="b"/>
          <a:pathLst>
            <a:path w="16384" h="16384">
              <a:moveTo>
                <a:pt x="12955" y="5874"/>
              </a:moveTo>
              <a:lnTo>
                <a:pt x="11812" y="4328"/>
              </a:lnTo>
              <a:lnTo>
                <a:pt x="10288" y="3400"/>
              </a:lnTo>
              <a:lnTo>
                <a:pt x="8001" y="2473"/>
              </a:lnTo>
              <a:lnTo>
                <a:pt x="6477" y="1855"/>
              </a:lnTo>
              <a:lnTo>
                <a:pt x="4572" y="618"/>
              </a:lnTo>
              <a:lnTo>
                <a:pt x="3048" y="0"/>
              </a:lnTo>
              <a:lnTo>
                <a:pt x="1905" y="0"/>
              </a:lnTo>
              <a:lnTo>
                <a:pt x="1905" y="927"/>
              </a:lnTo>
              <a:lnTo>
                <a:pt x="1143" y="1855"/>
              </a:lnTo>
              <a:lnTo>
                <a:pt x="0" y="2782"/>
              </a:lnTo>
              <a:lnTo>
                <a:pt x="1143" y="4637"/>
              </a:lnTo>
              <a:lnTo>
                <a:pt x="2286" y="5255"/>
              </a:lnTo>
              <a:lnTo>
                <a:pt x="3810" y="6183"/>
              </a:lnTo>
              <a:lnTo>
                <a:pt x="4191" y="7419"/>
              </a:lnTo>
              <a:lnTo>
                <a:pt x="4572" y="9274"/>
              </a:lnTo>
              <a:lnTo>
                <a:pt x="5715" y="11438"/>
              </a:lnTo>
              <a:lnTo>
                <a:pt x="6477" y="13911"/>
              </a:lnTo>
              <a:lnTo>
                <a:pt x="6858" y="14220"/>
              </a:lnTo>
              <a:lnTo>
                <a:pt x="8383" y="14838"/>
              </a:lnTo>
              <a:lnTo>
                <a:pt x="9526" y="15147"/>
              </a:lnTo>
              <a:lnTo>
                <a:pt x="9907" y="16075"/>
              </a:lnTo>
              <a:lnTo>
                <a:pt x="11050" y="16384"/>
              </a:lnTo>
              <a:lnTo>
                <a:pt x="11431" y="15147"/>
              </a:lnTo>
              <a:lnTo>
                <a:pt x="12574" y="14529"/>
              </a:lnTo>
              <a:lnTo>
                <a:pt x="14479" y="14220"/>
              </a:lnTo>
              <a:lnTo>
                <a:pt x="14860" y="12674"/>
              </a:lnTo>
              <a:lnTo>
                <a:pt x="16384" y="12365"/>
              </a:lnTo>
              <a:lnTo>
                <a:pt x="16003" y="12056"/>
              </a:lnTo>
              <a:lnTo>
                <a:pt x="14860" y="10510"/>
              </a:lnTo>
              <a:lnTo>
                <a:pt x="13336" y="9274"/>
              </a:lnTo>
              <a:lnTo>
                <a:pt x="12955" y="7728"/>
              </a:lnTo>
              <a:lnTo>
                <a:pt x="12955" y="5874"/>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1</xdr:col>
      <xdr:colOff>533400</xdr:colOff>
      <xdr:row>35</xdr:row>
      <xdr:rowOff>95250</xdr:rowOff>
    </xdr:from>
    <xdr:to>
      <xdr:col>4</xdr:col>
      <xdr:colOff>400050</xdr:colOff>
      <xdr:row>45</xdr:row>
      <xdr:rowOff>142876</xdr:rowOff>
    </xdr:to>
    <xdr:sp macro="" textlink="">
      <xdr:nvSpPr>
        <xdr:cNvPr id="186" name="d14382">
          <a:extLst>
            <a:ext uri="{FF2B5EF4-FFF2-40B4-BE49-F238E27FC236}">
              <a16:creationId xmlns:a16="http://schemas.microsoft.com/office/drawing/2014/main" id="{00000000-0008-0000-0000-0000BA000000}"/>
            </a:ext>
          </a:extLst>
        </xdr:cNvPr>
        <xdr:cNvSpPr>
          <a:spLocks/>
        </xdr:cNvSpPr>
      </xdr:nvSpPr>
      <xdr:spPr bwMode="auto">
        <a:xfrm>
          <a:off x="1143000" y="5429250"/>
          <a:ext cx="1695450" cy="1571626"/>
        </a:xfrm>
        <a:custGeom>
          <a:avLst/>
          <a:gdLst/>
          <a:ahLst/>
          <a:cxnLst>
            <a:cxn ang="0">
              <a:pos x="69" y="163"/>
            </a:cxn>
            <a:cxn ang="0">
              <a:pos x="80" y="164"/>
            </a:cxn>
            <a:cxn ang="0">
              <a:pos x="85" y="159"/>
            </a:cxn>
            <a:cxn ang="0">
              <a:pos x="87" y="153"/>
            </a:cxn>
            <a:cxn ang="0">
              <a:pos x="100" y="145"/>
            </a:cxn>
            <a:cxn ang="0">
              <a:pos x="111" y="136"/>
            </a:cxn>
            <a:cxn ang="0">
              <a:pos x="118" y="132"/>
            </a:cxn>
            <a:cxn ang="0">
              <a:pos x="126" y="129"/>
            </a:cxn>
            <a:cxn ang="0">
              <a:pos x="131" y="121"/>
            </a:cxn>
            <a:cxn ang="0">
              <a:pos x="135" y="113"/>
            </a:cxn>
            <a:cxn ang="0">
              <a:pos x="137" y="106"/>
            </a:cxn>
            <a:cxn ang="0">
              <a:pos x="143" y="101"/>
            </a:cxn>
            <a:cxn ang="0">
              <a:pos x="152" y="95"/>
            </a:cxn>
            <a:cxn ang="0">
              <a:pos x="158" y="92"/>
            </a:cxn>
            <a:cxn ang="0">
              <a:pos x="168" y="92"/>
            </a:cxn>
            <a:cxn ang="0">
              <a:pos x="172" y="87"/>
            </a:cxn>
            <a:cxn ang="0">
              <a:pos x="173" y="81"/>
            </a:cxn>
            <a:cxn ang="0">
              <a:pos x="178" y="73"/>
            </a:cxn>
            <a:cxn ang="0">
              <a:pos x="168" y="74"/>
            </a:cxn>
            <a:cxn ang="0">
              <a:pos x="160" y="73"/>
            </a:cxn>
            <a:cxn ang="0">
              <a:pos x="154" y="72"/>
            </a:cxn>
            <a:cxn ang="0">
              <a:pos x="149" y="68"/>
            </a:cxn>
            <a:cxn ang="0">
              <a:pos x="143" y="68"/>
            </a:cxn>
            <a:cxn ang="0">
              <a:pos x="142" y="74"/>
            </a:cxn>
            <a:cxn ang="0">
              <a:pos x="132" y="78"/>
            </a:cxn>
            <a:cxn ang="0">
              <a:pos x="124" y="72"/>
            </a:cxn>
            <a:cxn ang="0">
              <a:pos x="119" y="68"/>
            </a:cxn>
            <a:cxn ang="0">
              <a:pos x="113" y="70"/>
            </a:cxn>
            <a:cxn ang="0">
              <a:pos x="107" y="64"/>
            </a:cxn>
            <a:cxn ang="0">
              <a:pos x="106" y="58"/>
            </a:cxn>
            <a:cxn ang="0">
              <a:pos x="114" y="53"/>
            </a:cxn>
            <a:cxn ang="0">
              <a:pos x="112" y="49"/>
            </a:cxn>
            <a:cxn ang="0">
              <a:pos x="110" y="41"/>
            </a:cxn>
            <a:cxn ang="0">
              <a:pos x="107" y="32"/>
            </a:cxn>
            <a:cxn ang="0">
              <a:pos x="106" y="27"/>
            </a:cxn>
            <a:cxn ang="0">
              <a:pos x="94" y="13"/>
            </a:cxn>
            <a:cxn ang="0">
              <a:pos x="85" y="14"/>
            </a:cxn>
            <a:cxn ang="0">
              <a:pos x="79" y="16"/>
            </a:cxn>
            <a:cxn ang="0">
              <a:pos x="73" y="21"/>
            </a:cxn>
            <a:cxn ang="0">
              <a:pos x="67" y="19"/>
            </a:cxn>
            <a:cxn ang="0">
              <a:pos x="60" y="15"/>
            </a:cxn>
            <a:cxn ang="0">
              <a:pos x="53" y="16"/>
            </a:cxn>
            <a:cxn ang="0">
              <a:pos x="52" y="11"/>
            </a:cxn>
            <a:cxn ang="0">
              <a:pos x="46" y="10"/>
            </a:cxn>
            <a:cxn ang="0">
              <a:pos x="43" y="4"/>
            </a:cxn>
            <a:cxn ang="0">
              <a:pos x="31" y="3"/>
            </a:cxn>
            <a:cxn ang="0">
              <a:pos x="25" y="7"/>
            </a:cxn>
            <a:cxn ang="0">
              <a:pos x="16" y="17"/>
            </a:cxn>
            <a:cxn ang="0">
              <a:pos x="10" y="28"/>
            </a:cxn>
            <a:cxn ang="0">
              <a:pos x="1" y="41"/>
            </a:cxn>
            <a:cxn ang="0">
              <a:pos x="3" y="52"/>
            </a:cxn>
            <a:cxn ang="0">
              <a:pos x="2" y="66"/>
            </a:cxn>
            <a:cxn ang="0">
              <a:pos x="6" y="72"/>
            </a:cxn>
            <a:cxn ang="0">
              <a:pos x="8" y="84"/>
            </a:cxn>
            <a:cxn ang="0">
              <a:pos x="12" y="98"/>
            </a:cxn>
            <a:cxn ang="0">
              <a:pos x="13" y="106"/>
            </a:cxn>
            <a:cxn ang="0">
              <a:pos x="17" y="117"/>
            </a:cxn>
            <a:cxn ang="0">
              <a:pos x="19" y="128"/>
            </a:cxn>
            <a:cxn ang="0">
              <a:pos x="28" y="136"/>
            </a:cxn>
            <a:cxn ang="0">
              <a:pos x="34" y="146"/>
            </a:cxn>
            <a:cxn ang="0">
              <a:pos x="42" y="152"/>
            </a:cxn>
            <a:cxn ang="0">
              <a:pos x="48" y="155"/>
            </a:cxn>
            <a:cxn ang="0">
              <a:pos x="63" y="165"/>
            </a:cxn>
          </a:cxnLst>
          <a:rect l="0" t="0" r="r" b="b"/>
          <a:pathLst>
            <a:path w="178" h="165">
              <a:moveTo>
                <a:pt x="63" y="165"/>
              </a:moveTo>
              <a:lnTo>
                <a:pt x="69" y="163"/>
              </a:lnTo>
              <a:lnTo>
                <a:pt x="74" y="165"/>
              </a:lnTo>
              <a:lnTo>
                <a:pt x="80" y="164"/>
              </a:lnTo>
              <a:lnTo>
                <a:pt x="82" y="159"/>
              </a:lnTo>
              <a:lnTo>
                <a:pt x="85" y="159"/>
              </a:lnTo>
              <a:lnTo>
                <a:pt x="87" y="156"/>
              </a:lnTo>
              <a:lnTo>
                <a:pt x="87" y="153"/>
              </a:lnTo>
              <a:lnTo>
                <a:pt x="92" y="147"/>
              </a:lnTo>
              <a:lnTo>
                <a:pt x="100" y="145"/>
              </a:lnTo>
              <a:lnTo>
                <a:pt x="107" y="142"/>
              </a:lnTo>
              <a:lnTo>
                <a:pt x="111" y="136"/>
              </a:lnTo>
              <a:lnTo>
                <a:pt x="115" y="135"/>
              </a:lnTo>
              <a:lnTo>
                <a:pt x="118" y="132"/>
              </a:lnTo>
              <a:lnTo>
                <a:pt x="122" y="128"/>
              </a:lnTo>
              <a:lnTo>
                <a:pt x="126" y="129"/>
              </a:lnTo>
              <a:lnTo>
                <a:pt x="130" y="127"/>
              </a:lnTo>
              <a:lnTo>
                <a:pt x="131" y="121"/>
              </a:lnTo>
              <a:lnTo>
                <a:pt x="134" y="117"/>
              </a:lnTo>
              <a:lnTo>
                <a:pt x="135" y="113"/>
              </a:lnTo>
              <a:lnTo>
                <a:pt x="134" y="109"/>
              </a:lnTo>
              <a:lnTo>
                <a:pt x="137" y="106"/>
              </a:lnTo>
              <a:lnTo>
                <a:pt x="140" y="105"/>
              </a:lnTo>
              <a:lnTo>
                <a:pt x="143" y="101"/>
              </a:lnTo>
              <a:lnTo>
                <a:pt x="147" y="98"/>
              </a:lnTo>
              <a:lnTo>
                <a:pt x="152" y="95"/>
              </a:lnTo>
              <a:lnTo>
                <a:pt x="156" y="94"/>
              </a:lnTo>
              <a:lnTo>
                <a:pt x="158" y="92"/>
              </a:lnTo>
              <a:lnTo>
                <a:pt x="163" y="92"/>
              </a:lnTo>
              <a:lnTo>
                <a:pt x="168" y="92"/>
              </a:lnTo>
              <a:lnTo>
                <a:pt x="172" y="90"/>
              </a:lnTo>
              <a:lnTo>
                <a:pt x="172" y="87"/>
              </a:lnTo>
              <a:lnTo>
                <a:pt x="172" y="84"/>
              </a:lnTo>
              <a:lnTo>
                <a:pt x="173" y="81"/>
              </a:lnTo>
              <a:lnTo>
                <a:pt x="177" y="78"/>
              </a:lnTo>
              <a:lnTo>
                <a:pt x="178" y="73"/>
              </a:lnTo>
              <a:lnTo>
                <a:pt x="177" y="72"/>
              </a:lnTo>
              <a:lnTo>
                <a:pt x="168" y="74"/>
              </a:lnTo>
              <a:lnTo>
                <a:pt x="164" y="74"/>
              </a:lnTo>
              <a:lnTo>
                <a:pt x="160" y="73"/>
              </a:lnTo>
              <a:lnTo>
                <a:pt x="156" y="73"/>
              </a:lnTo>
              <a:lnTo>
                <a:pt x="154" y="72"/>
              </a:lnTo>
              <a:lnTo>
                <a:pt x="151" y="69"/>
              </a:lnTo>
              <a:lnTo>
                <a:pt x="149" y="68"/>
              </a:lnTo>
              <a:lnTo>
                <a:pt x="146" y="67"/>
              </a:lnTo>
              <a:lnTo>
                <a:pt x="143" y="68"/>
              </a:lnTo>
              <a:lnTo>
                <a:pt x="142" y="73"/>
              </a:lnTo>
              <a:lnTo>
                <a:pt x="142" y="74"/>
              </a:lnTo>
              <a:lnTo>
                <a:pt x="135" y="77"/>
              </a:lnTo>
              <a:lnTo>
                <a:pt x="132" y="78"/>
              </a:lnTo>
              <a:lnTo>
                <a:pt x="127" y="76"/>
              </a:lnTo>
              <a:lnTo>
                <a:pt x="124" y="72"/>
              </a:lnTo>
              <a:lnTo>
                <a:pt x="121" y="68"/>
              </a:lnTo>
              <a:lnTo>
                <a:pt x="119" y="68"/>
              </a:lnTo>
              <a:lnTo>
                <a:pt x="116" y="70"/>
              </a:lnTo>
              <a:lnTo>
                <a:pt x="113" y="70"/>
              </a:lnTo>
              <a:lnTo>
                <a:pt x="110" y="63"/>
              </a:lnTo>
              <a:lnTo>
                <a:pt x="107" y="64"/>
              </a:lnTo>
              <a:lnTo>
                <a:pt x="106" y="62"/>
              </a:lnTo>
              <a:lnTo>
                <a:pt x="106" y="58"/>
              </a:lnTo>
              <a:lnTo>
                <a:pt x="110" y="55"/>
              </a:lnTo>
              <a:lnTo>
                <a:pt x="114" y="53"/>
              </a:lnTo>
              <a:lnTo>
                <a:pt x="115" y="49"/>
              </a:lnTo>
              <a:lnTo>
                <a:pt x="112" y="49"/>
              </a:lnTo>
              <a:lnTo>
                <a:pt x="111" y="46"/>
              </a:lnTo>
              <a:lnTo>
                <a:pt x="110" y="41"/>
              </a:lnTo>
              <a:lnTo>
                <a:pt x="110" y="36"/>
              </a:lnTo>
              <a:lnTo>
                <a:pt x="107" y="32"/>
              </a:lnTo>
              <a:lnTo>
                <a:pt x="106" y="29"/>
              </a:lnTo>
              <a:lnTo>
                <a:pt x="106" y="27"/>
              </a:lnTo>
              <a:lnTo>
                <a:pt x="94" y="16"/>
              </a:lnTo>
              <a:lnTo>
                <a:pt x="94" y="13"/>
              </a:lnTo>
              <a:lnTo>
                <a:pt x="90" y="11"/>
              </a:lnTo>
              <a:lnTo>
                <a:pt x="85" y="14"/>
              </a:lnTo>
              <a:lnTo>
                <a:pt x="83" y="16"/>
              </a:lnTo>
              <a:lnTo>
                <a:pt x="79" y="16"/>
              </a:lnTo>
              <a:lnTo>
                <a:pt x="77" y="19"/>
              </a:lnTo>
              <a:lnTo>
                <a:pt x="73" y="21"/>
              </a:lnTo>
              <a:lnTo>
                <a:pt x="69" y="21"/>
              </a:lnTo>
              <a:lnTo>
                <a:pt x="67" y="19"/>
              </a:lnTo>
              <a:lnTo>
                <a:pt x="65" y="17"/>
              </a:lnTo>
              <a:lnTo>
                <a:pt x="60" y="15"/>
              </a:lnTo>
              <a:lnTo>
                <a:pt x="56" y="15"/>
              </a:lnTo>
              <a:lnTo>
                <a:pt x="53" y="16"/>
              </a:lnTo>
              <a:lnTo>
                <a:pt x="52" y="14"/>
              </a:lnTo>
              <a:lnTo>
                <a:pt x="52" y="11"/>
              </a:lnTo>
              <a:lnTo>
                <a:pt x="48" y="11"/>
              </a:lnTo>
              <a:lnTo>
                <a:pt x="46" y="10"/>
              </a:lnTo>
              <a:lnTo>
                <a:pt x="46" y="7"/>
              </a:lnTo>
              <a:lnTo>
                <a:pt x="43" y="4"/>
              </a:lnTo>
              <a:lnTo>
                <a:pt x="38" y="0"/>
              </a:lnTo>
              <a:lnTo>
                <a:pt x="31" y="3"/>
              </a:lnTo>
              <a:lnTo>
                <a:pt x="26" y="5"/>
              </a:lnTo>
              <a:lnTo>
                <a:pt x="25" y="7"/>
              </a:lnTo>
              <a:lnTo>
                <a:pt x="22" y="11"/>
              </a:lnTo>
              <a:lnTo>
                <a:pt x="16" y="17"/>
              </a:lnTo>
              <a:lnTo>
                <a:pt x="12" y="23"/>
              </a:lnTo>
              <a:lnTo>
                <a:pt x="10" y="28"/>
              </a:lnTo>
              <a:lnTo>
                <a:pt x="5" y="34"/>
              </a:lnTo>
              <a:lnTo>
                <a:pt x="1" y="41"/>
              </a:lnTo>
              <a:lnTo>
                <a:pt x="0" y="47"/>
              </a:lnTo>
              <a:lnTo>
                <a:pt x="3" y="52"/>
              </a:lnTo>
              <a:lnTo>
                <a:pt x="1" y="57"/>
              </a:lnTo>
              <a:lnTo>
                <a:pt x="2" y="66"/>
              </a:lnTo>
              <a:lnTo>
                <a:pt x="3" y="70"/>
              </a:lnTo>
              <a:lnTo>
                <a:pt x="6" y="72"/>
              </a:lnTo>
              <a:lnTo>
                <a:pt x="5" y="79"/>
              </a:lnTo>
              <a:lnTo>
                <a:pt x="8" y="84"/>
              </a:lnTo>
              <a:lnTo>
                <a:pt x="8" y="87"/>
              </a:lnTo>
              <a:lnTo>
                <a:pt x="12" y="98"/>
              </a:lnTo>
              <a:lnTo>
                <a:pt x="11" y="103"/>
              </a:lnTo>
              <a:lnTo>
                <a:pt x="13" y="106"/>
              </a:lnTo>
              <a:lnTo>
                <a:pt x="17" y="112"/>
              </a:lnTo>
              <a:lnTo>
                <a:pt x="17" y="117"/>
              </a:lnTo>
              <a:lnTo>
                <a:pt x="18" y="124"/>
              </a:lnTo>
              <a:lnTo>
                <a:pt x="19" y="128"/>
              </a:lnTo>
              <a:lnTo>
                <a:pt x="23" y="131"/>
              </a:lnTo>
              <a:lnTo>
                <a:pt x="28" y="136"/>
              </a:lnTo>
              <a:lnTo>
                <a:pt x="31" y="138"/>
              </a:lnTo>
              <a:lnTo>
                <a:pt x="34" y="146"/>
              </a:lnTo>
              <a:lnTo>
                <a:pt x="36" y="145"/>
              </a:lnTo>
              <a:lnTo>
                <a:pt x="42" y="152"/>
              </a:lnTo>
              <a:lnTo>
                <a:pt x="46" y="156"/>
              </a:lnTo>
              <a:lnTo>
                <a:pt x="48" y="155"/>
              </a:lnTo>
              <a:lnTo>
                <a:pt x="51" y="156"/>
              </a:lnTo>
              <a:lnTo>
                <a:pt x="63" y="165"/>
              </a:lnTo>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200025</xdr:colOff>
      <xdr:row>44</xdr:row>
      <xdr:rowOff>133350</xdr:rowOff>
    </xdr:from>
    <xdr:to>
      <xdr:col>5</xdr:col>
      <xdr:colOff>228600</xdr:colOff>
      <xdr:row>49</xdr:row>
      <xdr:rowOff>28573</xdr:rowOff>
    </xdr:to>
    <xdr:sp macro="" textlink="">
      <xdr:nvSpPr>
        <xdr:cNvPr id="187" name="d14383">
          <a:extLst>
            <a:ext uri="{FF2B5EF4-FFF2-40B4-BE49-F238E27FC236}">
              <a16:creationId xmlns:a16="http://schemas.microsoft.com/office/drawing/2014/main" id="{00000000-0008-0000-0000-0000BB000000}"/>
            </a:ext>
          </a:extLst>
        </xdr:cNvPr>
        <xdr:cNvSpPr>
          <a:spLocks/>
        </xdr:cNvSpPr>
      </xdr:nvSpPr>
      <xdr:spPr bwMode="auto">
        <a:xfrm>
          <a:off x="2638425" y="6838950"/>
          <a:ext cx="638175" cy="657223"/>
        </a:xfrm>
        <a:custGeom>
          <a:avLst/>
          <a:gdLst/>
          <a:ahLst/>
          <a:cxnLst>
            <a:cxn ang="0">
              <a:pos x="10026" y="3562"/>
            </a:cxn>
            <a:cxn ang="0">
              <a:pos x="9292" y="4037"/>
            </a:cxn>
            <a:cxn ang="0">
              <a:pos x="5380" y="1662"/>
            </a:cxn>
            <a:cxn ang="0">
              <a:pos x="2690" y="712"/>
            </a:cxn>
            <a:cxn ang="0">
              <a:pos x="1467" y="237"/>
            </a:cxn>
            <a:cxn ang="0">
              <a:pos x="245" y="0"/>
            </a:cxn>
            <a:cxn ang="0">
              <a:pos x="0" y="1187"/>
            </a:cxn>
            <a:cxn ang="0">
              <a:pos x="1467" y="1900"/>
            </a:cxn>
            <a:cxn ang="0">
              <a:pos x="1956" y="2374"/>
            </a:cxn>
            <a:cxn ang="0">
              <a:pos x="3179" y="2849"/>
            </a:cxn>
            <a:cxn ang="0">
              <a:pos x="3668" y="4986"/>
            </a:cxn>
            <a:cxn ang="0">
              <a:pos x="6113" y="6649"/>
            </a:cxn>
            <a:cxn ang="0">
              <a:pos x="6847" y="7836"/>
            </a:cxn>
            <a:cxn ang="0">
              <a:pos x="6603" y="8548"/>
            </a:cxn>
            <a:cxn ang="0">
              <a:pos x="6358" y="9261"/>
            </a:cxn>
            <a:cxn ang="0">
              <a:pos x="6603" y="9973"/>
            </a:cxn>
            <a:cxn ang="0">
              <a:pos x="7825" y="10685"/>
            </a:cxn>
            <a:cxn ang="0">
              <a:pos x="9048" y="12110"/>
            </a:cxn>
            <a:cxn ang="0">
              <a:pos x="10026" y="13297"/>
            </a:cxn>
            <a:cxn ang="0">
              <a:pos x="9781" y="13535"/>
            </a:cxn>
            <a:cxn ang="0">
              <a:pos x="10271" y="14247"/>
            </a:cxn>
            <a:cxn ang="0">
              <a:pos x="11004" y="14484"/>
            </a:cxn>
            <a:cxn ang="0">
              <a:pos x="11982" y="14722"/>
            </a:cxn>
            <a:cxn ang="0">
              <a:pos x="12716" y="14722"/>
            </a:cxn>
            <a:cxn ang="0">
              <a:pos x="12716" y="15672"/>
            </a:cxn>
            <a:cxn ang="0">
              <a:pos x="13450" y="15909"/>
            </a:cxn>
            <a:cxn ang="0">
              <a:pos x="13694" y="16384"/>
            </a:cxn>
            <a:cxn ang="0">
              <a:pos x="14183" y="16147"/>
            </a:cxn>
            <a:cxn ang="0">
              <a:pos x="14672" y="16384"/>
            </a:cxn>
            <a:cxn ang="0">
              <a:pos x="14917" y="16147"/>
            </a:cxn>
            <a:cxn ang="0">
              <a:pos x="15406" y="15909"/>
            </a:cxn>
            <a:cxn ang="0">
              <a:pos x="15895" y="16147"/>
            </a:cxn>
            <a:cxn ang="0">
              <a:pos x="16384" y="16147"/>
            </a:cxn>
            <a:cxn ang="0">
              <a:pos x="15895" y="15434"/>
            </a:cxn>
            <a:cxn ang="0">
              <a:pos x="15895" y="14247"/>
            </a:cxn>
            <a:cxn ang="0">
              <a:pos x="15161" y="14010"/>
            </a:cxn>
            <a:cxn ang="0">
              <a:pos x="13939" y="14010"/>
            </a:cxn>
            <a:cxn ang="0">
              <a:pos x="12960" y="13535"/>
            </a:cxn>
            <a:cxn ang="0">
              <a:pos x="11982" y="12585"/>
            </a:cxn>
            <a:cxn ang="0">
              <a:pos x="11249" y="11872"/>
            </a:cxn>
            <a:cxn ang="0">
              <a:pos x="11738" y="11872"/>
            </a:cxn>
            <a:cxn ang="0">
              <a:pos x="11982" y="10923"/>
            </a:cxn>
            <a:cxn ang="0">
              <a:pos x="11493" y="10210"/>
            </a:cxn>
            <a:cxn ang="0">
              <a:pos x="11249" y="9498"/>
            </a:cxn>
            <a:cxn ang="0">
              <a:pos x="10760" y="9261"/>
            </a:cxn>
            <a:cxn ang="0">
              <a:pos x="11249" y="8311"/>
            </a:cxn>
            <a:cxn ang="0">
              <a:pos x="11493" y="7123"/>
            </a:cxn>
            <a:cxn ang="0">
              <a:pos x="12227" y="6174"/>
            </a:cxn>
            <a:cxn ang="0">
              <a:pos x="11738" y="5224"/>
            </a:cxn>
            <a:cxn ang="0">
              <a:pos x="10760" y="4512"/>
            </a:cxn>
            <a:cxn ang="0">
              <a:pos x="10271" y="4037"/>
            </a:cxn>
            <a:cxn ang="0">
              <a:pos x="10026" y="3562"/>
            </a:cxn>
          </a:cxnLst>
          <a:rect l="0" t="0" r="r" b="b"/>
          <a:pathLst>
            <a:path w="16384" h="16384">
              <a:moveTo>
                <a:pt x="10026" y="3562"/>
              </a:moveTo>
              <a:lnTo>
                <a:pt x="9292" y="4037"/>
              </a:lnTo>
              <a:lnTo>
                <a:pt x="5380" y="1662"/>
              </a:lnTo>
              <a:lnTo>
                <a:pt x="2690" y="712"/>
              </a:lnTo>
              <a:lnTo>
                <a:pt x="1467" y="237"/>
              </a:lnTo>
              <a:lnTo>
                <a:pt x="245" y="0"/>
              </a:lnTo>
              <a:lnTo>
                <a:pt x="0" y="1187"/>
              </a:lnTo>
              <a:lnTo>
                <a:pt x="1467" y="1900"/>
              </a:lnTo>
              <a:lnTo>
                <a:pt x="1956" y="2374"/>
              </a:lnTo>
              <a:lnTo>
                <a:pt x="3179" y="2849"/>
              </a:lnTo>
              <a:lnTo>
                <a:pt x="3668" y="4986"/>
              </a:lnTo>
              <a:lnTo>
                <a:pt x="6113" y="6649"/>
              </a:lnTo>
              <a:lnTo>
                <a:pt x="6847" y="7836"/>
              </a:lnTo>
              <a:lnTo>
                <a:pt x="6603" y="8548"/>
              </a:lnTo>
              <a:lnTo>
                <a:pt x="6358" y="9261"/>
              </a:lnTo>
              <a:lnTo>
                <a:pt x="6603" y="9973"/>
              </a:lnTo>
              <a:lnTo>
                <a:pt x="7825" y="10685"/>
              </a:lnTo>
              <a:lnTo>
                <a:pt x="9048" y="12110"/>
              </a:lnTo>
              <a:lnTo>
                <a:pt x="10026" y="13297"/>
              </a:lnTo>
              <a:lnTo>
                <a:pt x="9781" y="13535"/>
              </a:lnTo>
              <a:lnTo>
                <a:pt x="10271" y="14247"/>
              </a:lnTo>
              <a:lnTo>
                <a:pt x="11004" y="14484"/>
              </a:lnTo>
              <a:lnTo>
                <a:pt x="11982" y="14722"/>
              </a:lnTo>
              <a:lnTo>
                <a:pt x="12716" y="14722"/>
              </a:lnTo>
              <a:lnTo>
                <a:pt x="12716" y="15672"/>
              </a:lnTo>
              <a:lnTo>
                <a:pt x="13450" y="15909"/>
              </a:lnTo>
              <a:lnTo>
                <a:pt x="13694" y="16384"/>
              </a:lnTo>
              <a:lnTo>
                <a:pt x="14183" y="16147"/>
              </a:lnTo>
              <a:lnTo>
                <a:pt x="14672" y="16384"/>
              </a:lnTo>
              <a:lnTo>
                <a:pt x="14917" y="16147"/>
              </a:lnTo>
              <a:lnTo>
                <a:pt x="15406" y="15909"/>
              </a:lnTo>
              <a:lnTo>
                <a:pt x="15895" y="16147"/>
              </a:lnTo>
              <a:lnTo>
                <a:pt x="16384" y="16147"/>
              </a:lnTo>
              <a:lnTo>
                <a:pt x="15895" y="15434"/>
              </a:lnTo>
              <a:lnTo>
                <a:pt x="15895" y="14247"/>
              </a:lnTo>
              <a:lnTo>
                <a:pt x="15161" y="14010"/>
              </a:lnTo>
              <a:lnTo>
                <a:pt x="13939" y="14010"/>
              </a:lnTo>
              <a:lnTo>
                <a:pt x="12960" y="13535"/>
              </a:lnTo>
              <a:lnTo>
                <a:pt x="11982" y="12585"/>
              </a:lnTo>
              <a:lnTo>
                <a:pt x="11249" y="11872"/>
              </a:lnTo>
              <a:lnTo>
                <a:pt x="11738" y="11872"/>
              </a:lnTo>
              <a:lnTo>
                <a:pt x="11982" y="10923"/>
              </a:lnTo>
              <a:lnTo>
                <a:pt x="11493" y="10210"/>
              </a:lnTo>
              <a:lnTo>
                <a:pt x="11249" y="9498"/>
              </a:lnTo>
              <a:lnTo>
                <a:pt x="10760" y="9261"/>
              </a:lnTo>
              <a:lnTo>
                <a:pt x="11249" y="8311"/>
              </a:lnTo>
              <a:lnTo>
                <a:pt x="11493" y="7123"/>
              </a:lnTo>
              <a:lnTo>
                <a:pt x="12227" y="6174"/>
              </a:lnTo>
              <a:lnTo>
                <a:pt x="11738" y="5224"/>
              </a:lnTo>
              <a:lnTo>
                <a:pt x="10760" y="4512"/>
              </a:lnTo>
              <a:lnTo>
                <a:pt x="10271" y="4037"/>
              </a:lnTo>
              <a:lnTo>
                <a:pt x="10026" y="3562"/>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2</xdr:col>
      <xdr:colOff>523875</xdr:colOff>
      <xdr:row>43</xdr:row>
      <xdr:rowOff>95250</xdr:rowOff>
    </xdr:from>
    <xdr:to>
      <xdr:col>4</xdr:col>
      <xdr:colOff>590550</xdr:colOff>
      <xdr:row>49</xdr:row>
      <xdr:rowOff>28574</xdr:rowOff>
    </xdr:to>
    <xdr:sp macro="" textlink="">
      <xdr:nvSpPr>
        <xdr:cNvPr id="188" name="d14384">
          <a:extLst>
            <a:ext uri="{FF2B5EF4-FFF2-40B4-BE49-F238E27FC236}">
              <a16:creationId xmlns:a16="http://schemas.microsoft.com/office/drawing/2014/main" id="{00000000-0008-0000-0000-0000BC000000}"/>
            </a:ext>
          </a:extLst>
        </xdr:cNvPr>
        <xdr:cNvSpPr>
          <a:spLocks/>
        </xdr:cNvSpPr>
      </xdr:nvSpPr>
      <xdr:spPr bwMode="auto">
        <a:xfrm>
          <a:off x="1743075" y="6648450"/>
          <a:ext cx="1285875" cy="847724"/>
        </a:xfrm>
        <a:custGeom>
          <a:avLst/>
          <a:gdLst/>
          <a:ahLst/>
          <a:cxnLst>
            <a:cxn ang="0">
              <a:pos x="10801" y="3314"/>
            </a:cxn>
            <a:cxn ang="0">
              <a:pos x="9588" y="2209"/>
            </a:cxn>
            <a:cxn ang="0">
              <a:pos x="8738" y="1841"/>
            </a:cxn>
            <a:cxn ang="0">
              <a:pos x="7646" y="1105"/>
            </a:cxn>
            <a:cxn ang="0">
              <a:pos x="7160" y="0"/>
            </a:cxn>
            <a:cxn ang="0">
              <a:pos x="6311" y="1289"/>
            </a:cxn>
            <a:cxn ang="0">
              <a:pos x="5340" y="2577"/>
            </a:cxn>
            <a:cxn ang="0">
              <a:pos x="3520" y="3498"/>
            </a:cxn>
            <a:cxn ang="0">
              <a:pos x="2913" y="5155"/>
            </a:cxn>
            <a:cxn ang="0">
              <a:pos x="2306" y="5707"/>
            </a:cxn>
            <a:cxn ang="0">
              <a:pos x="1335" y="6811"/>
            </a:cxn>
            <a:cxn ang="0">
              <a:pos x="0" y="6811"/>
            </a:cxn>
            <a:cxn ang="0">
              <a:pos x="485" y="8468"/>
            </a:cxn>
            <a:cxn ang="0">
              <a:pos x="485" y="9757"/>
            </a:cxn>
            <a:cxn ang="0">
              <a:pos x="728" y="11229"/>
            </a:cxn>
            <a:cxn ang="0">
              <a:pos x="243" y="12886"/>
            </a:cxn>
            <a:cxn ang="0">
              <a:pos x="1214" y="13070"/>
            </a:cxn>
            <a:cxn ang="0">
              <a:pos x="2306" y="14175"/>
            </a:cxn>
            <a:cxn ang="0">
              <a:pos x="3884" y="14543"/>
            </a:cxn>
            <a:cxn ang="0">
              <a:pos x="5219" y="15095"/>
            </a:cxn>
            <a:cxn ang="0">
              <a:pos x="7039" y="14911"/>
            </a:cxn>
            <a:cxn ang="0">
              <a:pos x="7646" y="15832"/>
            </a:cxn>
            <a:cxn ang="0">
              <a:pos x="8253" y="16200"/>
            </a:cxn>
            <a:cxn ang="0">
              <a:pos x="9224" y="16384"/>
            </a:cxn>
            <a:cxn ang="0">
              <a:pos x="9952" y="16200"/>
            </a:cxn>
            <a:cxn ang="0">
              <a:pos x="10680" y="16384"/>
            </a:cxn>
            <a:cxn ang="0">
              <a:pos x="11651" y="16016"/>
            </a:cxn>
            <a:cxn ang="0">
              <a:pos x="12500" y="16200"/>
            </a:cxn>
            <a:cxn ang="0">
              <a:pos x="13350" y="14359"/>
            </a:cxn>
            <a:cxn ang="0">
              <a:pos x="14928" y="13807"/>
            </a:cxn>
            <a:cxn ang="0">
              <a:pos x="16020" y="13991"/>
            </a:cxn>
            <a:cxn ang="0">
              <a:pos x="16384" y="13991"/>
            </a:cxn>
            <a:cxn ang="0">
              <a:pos x="15292" y="11966"/>
            </a:cxn>
            <a:cxn ang="0">
              <a:pos x="14564" y="10861"/>
            </a:cxn>
            <a:cxn ang="0">
              <a:pos x="14806" y="9757"/>
            </a:cxn>
            <a:cxn ang="0">
              <a:pos x="13229" y="7548"/>
            </a:cxn>
            <a:cxn ang="0">
              <a:pos x="12379" y="5523"/>
            </a:cxn>
            <a:cxn ang="0">
              <a:pos x="11408" y="4602"/>
            </a:cxn>
          </a:cxnLst>
          <a:rect l="0" t="0" r="r" b="b"/>
          <a:pathLst>
            <a:path w="16384" h="16384">
              <a:moveTo>
                <a:pt x="11529" y="3682"/>
              </a:moveTo>
              <a:lnTo>
                <a:pt x="10801" y="3314"/>
              </a:lnTo>
              <a:lnTo>
                <a:pt x="10073" y="3130"/>
              </a:lnTo>
              <a:lnTo>
                <a:pt x="9588" y="2209"/>
              </a:lnTo>
              <a:lnTo>
                <a:pt x="9102" y="1841"/>
              </a:lnTo>
              <a:lnTo>
                <a:pt x="8738" y="1841"/>
              </a:lnTo>
              <a:lnTo>
                <a:pt x="8010" y="1473"/>
              </a:lnTo>
              <a:lnTo>
                <a:pt x="7646" y="1105"/>
              </a:lnTo>
              <a:lnTo>
                <a:pt x="7646" y="184"/>
              </a:lnTo>
              <a:lnTo>
                <a:pt x="7160" y="0"/>
              </a:lnTo>
              <a:lnTo>
                <a:pt x="6675" y="736"/>
              </a:lnTo>
              <a:lnTo>
                <a:pt x="6311" y="1289"/>
              </a:lnTo>
              <a:lnTo>
                <a:pt x="5825" y="1473"/>
              </a:lnTo>
              <a:lnTo>
                <a:pt x="5340" y="2577"/>
              </a:lnTo>
              <a:lnTo>
                <a:pt x="4490" y="3130"/>
              </a:lnTo>
              <a:lnTo>
                <a:pt x="3520" y="3498"/>
              </a:lnTo>
              <a:lnTo>
                <a:pt x="2913" y="4602"/>
              </a:lnTo>
              <a:lnTo>
                <a:pt x="2913" y="5155"/>
              </a:lnTo>
              <a:lnTo>
                <a:pt x="2670" y="5707"/>
              </a:lnTo>
              <a:lnTo>
                <a:pt x="2306" y="5707"/>
              </a:lnTo>
              <a:lnTo>
                <a:pt x="2063" y="6627"/>
              </a:lnTo>
              <a:lnTo>
                <a:pt x="1335" y="6811"/>
              </a:lnTo>
              <a:lnTo>
                <a:pt x="728" y="6443"/>
              </a:lnTo>
              <a:lnTo>
                <a:pt x="0" y="6811"/>
              </a:lnTo>
              <a:lnTo>
                <a:pt x="243" y="7916"/>
              </a:lnTo>
              <a:lnTo>
                <a:pt x="485" y="8468"/>
              </a:lnTo>
              <a:lnTo>
                <a:pt x="364" y="8836"/>
              </a:lnTo>
              <a:lnTo>
                <a:pt x="485" y="9757"/>
              </a:lnTo>
              <a:lnTo>
                <a:pt x="0" y="10861"/>
              </a:lnTo>
              <a:lnTo>
                <a:pt x="728" y="11229"/>
              </a:lnTo>
              <a:lnTo>
                <a:pt x="364" y="11966"/>
              </a:lnTo>
              <a:lnTo>
                <a:pt x="243" y="12886"/>
              </a:lnTo>
              <a:lnTo>
                <a:pt x="485" y="13623"/>
              </a:lnTo>
              <a:lnTo>
                <a:pt x="1214" y="13070"/>
              </a:lnTo>
              <a:lnTo>
                <a:pt x="1578" y="13254"/>
              </a:lnTo>
              <a:lnTo>
                <a:pt x="2306" y="14175"/>
              </a:lnTo>
              <a:lnTo>
                <a:pt x="3155" y="13807"/>
              </a:lnTo>
              <a:lnTo>
                <a:pt x="3884" y="14543"/>
              </a:lnTo>
              <a:lnTo>
                <a:pt x="4369" y="14543"/>
              </a:lnTo>
              <a:lnTo>
                <a:pt x="5219" y="15095"/>
              </a:lnTo>
              <a:lnTo>
                <a:pt x="6190" y="15279"/>
              </a:lnTo>
              <a:lnTo>
                <a:pt x="7039" y="14911"/>
              </a:lnTo>
              <a:lnTo>
                <a:pt x="7403" y="15279"/>
              </a:lnTo>
              <a:lnTo>
                <a:pt x="7646" y="15832"/>
              </a:lnTo>
              <a:lnTo>
                <a:pt x="7889" y="16016"/>
              </a:lnTo>
              <a:lnTo>
                <a:pt x="8253" y="16200"/>
              </a:lnTo>
              <a:lnTo>
                <a:pt x="8738" y="16200"/>
              </a:lnTo>
              <a:lnTo>
                <a:pt x="9224" y="16384"/>
              </a:lnTo>
              <a:lnTo>
                <a:pt x="9588" y="16200"/>
              </a:lnTo>
              <a:lnTo>
                <a:pt x="9952" y="16200"/>
              </a:lnTo>
              <a:lnTo>
                <a:pt x="10316" y="16384"/>
              </a:lnTo>
              <a:lnTo>
                <a:pt x="10680" y="16384"/>
              </a:lnTo>
              <a:lnTo>
                <a:pt x="11165" y="16200"/>
              </a:lnTo>
              <a:lnTo>
                <a:pt x="11651" y="16016"/>
              </a:lnTo>
              <a:lnTo>
                <a:pt x="12136" y="15832"/>
              </a:lnTo>
              <a:lnTo>
                <a:pt x="12500" y="16200"/>
              </a:lnTo>
              <a:lnTo>
                <a:pt x="12986" y="15279"/>
              </a:lnTo>
              <a:lnTo>
                <a:pt x="13350" y="14359"/>
              </a:lnTo>
              <a:lnTo>
                <a:pt x="14078" y="13807"/>
              </a:lnTo>
              <a:lnTo>
                <a:pt x="14928" y="13807"/>
              </a:lnTo>
              <a:lnTo>
                <a:pt x="15899" y="13623"/>
              </a:lnTo>
              <a:lnTo>
                <a:pt x="16020" y="13991"/>
              </a:lnTo>
              <a:lnTo>
                <a:pt x="16263" y="14175"/>
              </a:lnTo>
              <a:lnTo>
                <a:pt x="16384" y="13991"/>
              </a:lnTo>
              <a:lnTo>
                <a:pt x="15899" y="13070"/>
              </a:lnTo>
              <a:lnTo>
                <a:pt x="15292" y="11966"/>
              </a:lnTo>
              <a:lnTo>
                <a:pt x="14685" y="11414"/>
              </a:lnTo>
              <a:lnTo>
                <a:pt x="14564" y="10861"/>
              </a:lnTo>
              <a:lnTo>
                <a:pt x="14685" y="10309"/>
              </a:lnTo>
              <a:lnTo>
                <a:pt x="14806" y="9757"/>
              </a:lnTo>
              <a:lnTo>
                <a:pt x="14442" y="8836"/>
              </a:lnTo>
              <a:lnTo>
                <a:pt x="13229" y="7548"/>
              </a:lnTo>
              <a:lnTo>
                <a:pt x="12986" y="5891"/>
              </a:lnTo>
              <a:lnTo>
                <a:pt x="12379" y="5523"/>
              </a:lnTo>
              <a:lnTo>
                <a:pt x="12136" y="5155"/>
              </a:lnTo>
              <a:lnTo>
                <a:pt x="11408" y="4602"/>
              </a:lnTo>
              <a:lnTo>
                <a:pt x="11529" y="3682"/>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7</xdr:col>
      <xdr:colOff>19050</xdr:colOff>
      <xdr:row>11</xdr:row>
      <xdr:rowOff>95250</xdr:rowOff>
    </xdr:from>
    <xdr:to>
      <xdr:col>9</xdr:col>
      <xdr:colOff>66675</xdr:colOff>
      <xdr:row>17</xdr:row>
      <xdr:rowOff>1996</xdr:rowOff>
    </xdr:to>
    <xdr:sp macro="" textlink="">
      <xdr:nvSpPr>
        <xdr:cNvPr id="189" name="d14401">
          <a:extLst>
            <a:ext uri="{FF2B5EF4-FFF2-40B4-BE49-F238E27FC236}">
              <a16:creationId xmlns:a16="http://schemas.microsoft.com/office/drawing/2014/main" id="{00000000-0008-0000-0000-0000BD000000}"/>
            </a:ext>
          </a:extLst>
        </xdr:cNvPr>
        <xdr:cNvSpPr>
          <a:spLocks/>
        </xdr:cNvSpPr>
      </xdr:nvSpPr>
      <xdr:spPr bwMode="auto">
        <a:xfrm>
          <a:off x="4286250" y="1771650"/>
          <a:ext cx="1266825" cy="821146"/>
        </a:xfrm>
        <a:custGeom>
          <a:avLst/>
          <a:gdLst/>
          <a:ahLst/>
          <a:cxnLst>
            <a:cxn ang="0">
              <a:pos x="15398" y="7430"/>
            </a:cxn>
            <a:cxn ang="0">
              <a:pos x="13058" y="4953"/>
            </a:cxn>
            <a:cxn ang="0">
              <a:pos x="11826" y="4572"/>
            </a:cxn>
            <a:cxn ang="0">
              <a:pos x="11087" y="4953"/>
            </a:cxn>
            <a:cxn ang="0">
              <a:pos x="10225" y="4763"/>
            </a:cxn>
            <a:cxn ang="0">
              <a:pos x="9609" y="3620"/>
            </a:cxn>
            <a:cxn ang="0">
              <a:pos x="8993" y="2667"/>
            </a:cxn>
            <a:cxn ang="0">
              <a:pos x="8500" y="1524"/>
            </a:cxn>
            <a:cxn ang="0">
              <a:pos x="7638" y="572"/>
            </a:cxn>
            <a:cxn ang="0">
              <a:pos x="7022" y="381"/>
            </a:cxn>
            <a:cxn ang="0">
              <a:pos x="5913" y="381"/>
            </a:cxn>
            <a:cxn ang="0">
              <a:pos x="5420" y="1334"/>
            </a:cxn>
            <a:cxn ang="0">
              <a:pos x="5051" y="2667"/>
            </a:cxn>
            <a:cxn ang="0">
              <a:pos x="4681" y="3048"/>
            </a:cxn>
            <a:cxn ang="0">
              <a:pos x="3696" y="2477"/>
            </a:cxn>
            <a:cxn ang="0">
              <a:pos x="3203" y="2096"/>
            </a:cxn>
            <a:cxn ang="0">
              <a:pos x="2464" y="2096"/>
            </a:cxn>
            <a:cxn ang="0">
              <a:pos x="1355" y="2286"/>
            </a:cxn>
            <a:cxn ang="0">
              <a:pos x="493" y="3239"/>
            </a:cxn>
            <a:cxn ang="0">
              <a:pos x="493" y="4763"/>
            </a:cxn>
            <a:cxn ang="0">
              <a:pos x="0" y="6287"/>
            </a:cxn>
            <a:cxn ang="0">
              <a:pos x="370" y="8192"/>
            </a:cxn>
            <a:cxn ang="0">
              <a:pos x="986" y="9335"/>
            </a:cxn>
            <a:cxn ang="0">
              <a:pos x="1601" y="10288"/>
            </a:cxn>
            <a:cxn ang="0">
              <a:pos x="2710" y="12002"/>
            </a:cxn>
            <a:cxn ang="0">
              <a:pos x="3449" y="13526"/>
            </a:cxn>
            <a:cxn ang="0">
              <a:pos x="4558" y="14098"/>
            </a:cxn>
            <a:cxn ang="0">
              <a:pos x="4558" y="12574"/>
            </a:cxn>
            <a:cxn ang="0">
              <a:pos x="5420" y="12383"/>
            </a:cxn>
            <a:cxn ang="0">
              <a:pos x="7268" y="10288"/>
            </a:cxn>
            <a:cxn ang="0">
              <a:pos x="8130" y="9907"/>
            </a:cxn>
            <a:cxn ang="0">
              <a:pos x="9239" y="9526"/>
            </a:cxn>
            <a:cxn ang="0">
              <a:pos x="9855" y="11240"/>
            </a:cxn>
            <a:cxn ang="0">
              <a:pos x="10348" y="13717"/>
            </a:cxn>
            <a:cxn ang="0">
              <a:pos x="11456" y="14098"/>
            </a:cxn>
            <a:cxn ang="0">
              <a:pos x="13427" y="14669"/>
            </a:cxn>
            <a:cxn ang="0">
              <a:pos x="14536" y="16384"/>
            </a:cxn>
            <a:cxn ang="0">
              <a:pos x="15029" y="15812"/>
            </a:cxn>
            <a:cxn ang="0">
              <a:pos x="15152" y="14288"/>
            </a:cxn>
            <a:cxn ang="0">
              <a:pos x="15275" y="13717"/>
            </a:cxn>
            <a:cxn ang="0">
              <a:pos x="15398" y="13145"/>
            </a:cxn>
            <a:cxn ang="0">
              <a:pos x="15275" y="12002"/>
            </a:cxn>
            <a:cxn ang="0">
              <a:pos x="16384" y="10478"/>
            </a:cxn>
            <a:cxn ang="0">
              <a:pos x="15891" y="9335"/>
            </a:cxn>
            <a:cxn ang="0">
              <a:pos x="16261" y="8383"/>
            </a:cxn>
          </a:cxnLst>
          <a:rect l="0" t="0" r="r" b="b"/>
          <a:pathLst>
            <a:path w="16384" h="16384">
              <a:moveTo>
                <a:pt x="16261" y="8383"/>
              </a:moveTo>
              <a:lnTo>
                <a:pt x="15398" y="7430"/>
              </a:lnTo>
              <a:lnTo>
                <a:pt x="14290" y="6096"/>
              </a:lnTo>
              <a:lnTo>
                <a:pt x="13058" y="4953"/>
              </a:lnTo>
              <a:lnTo>
                <a:pt x="12072" y="4191"/>
              </a:lnTo>
              <a:lnTo>
                <a:pt x="11826" y="4572"/>
              </a:lnTo>
              <a:lnTo>
                <a:pt x="11456" y="4572"/>
              </a:lnTo>
              <a:lnTo>
                <a:pt x="11087" y="4953"/>
              </a:lnTo>
              <a:lnTo>
                <a:pt x="10594" y="5334"/>
              </a:lnTo>
              <a:lnTo>
                <a:pt x="10225" y="4763"/>
              </a:lnTo>
              <a:lnTo>
                <a:pt x="9978" y="4191"/>
              </a:lnTo>
              <a:lnTo>
                <a:pt x="9609" y="3620"/>
              </a:lnTo>
              <a:lnTo>
                <a:pt x="9362" y="3620"/>
              </a:lnTo>
              <a:lnTo>
                <a:pt x="8993" y="2667"/>
              </a:lnTo>
              <a:lnTo>
                <a:pt x="8746" y="2477"/>
              </a:lnTo>
              <a:lnTo>
                <a:pt x="8500" y="1524"/>
              </a:lnTo>
              <a:lnTo>
                <a:pt x="8130" y="1143"/>
              </a:lnTo>
              <a:lnTo>
                <a:pt x="7638" y="572"/>
              </a:lnTo>
              <a:lnTo>
                <a:pt x="7391" y="191"/>
              </a:lnTo>
              <a:lnTo>
                <a:pt x="7022" y="381"/>
              </a:lnTo>
              <a:lnTo>
                <a:pt x="6652" y="0"/>
              </a:lnTo>
              <a:lnTo>
                <a:pt x="5913" y="381"/>
              </a:lnTo>
              <a:lnTo>
                <a:pt x="5913" y="953"/>
              </a:lnTo>
              <a:lnTo>
                <a:pt x="5420" y="1334"/>
              </a:lnTo>
              <a:lnTo>
                <a:pt x="5051" y="1715"/>
              </a:lnTo>
              <a:lnTo>
                <a:pt x="5051" y="2667"/>
              </a:lnTo>
              <a:lnTo>
                <a:pt x="5051" y="3239"/>
              </a:lnTo>
              <a:lnTo>
                <a:pt x="4681" y="3048"/>
              </a:lnTo>
              <a:lnTo>
                <a:pt x="4435" y="2667"/>
              </a:lnTo>
              <a:lnTo>
                <a:pt x="3696" y="2477"/>
              </a:lnTo>
              <a:lnTo>
                <a:pt x="3572" y="2096"/>
              </a:lnTo>
              <a:lnTo>
                <a:pt x="3203" y="2096"/>
              </a:lnTo>
              <a:lnTo>
                <a:pt x="2957" y="1715"/>
              </a:lnTo>
              <a:lnTo>
                <a:pt x="2464" y="2096"/>
              </a:lnTo>
              <a:lnTo>
                <a:pt x="1848" y="2286"/>
              </a:lnTo>
              <a:lnTo>
                <a:pt x="1355" y="2286"/>
              </a:lnTo>
              <a:lnTo>
                <a:pt x="862" y="2858"/>
              </a:lnTo>
              <a:lnTo>
                <a:pt x="493" y="3239"/>
              </a:lnTo>
              <a:lnTo>
                <a:pt x="370" y="3810"/>
              </a:lnTo>
              <a:lnTo>
                <a:pt x="493" y="4763"/>
              </a:lnTo>
              <a:lnTo>
                <a:pt x="246" y="5144"/>
              </a:lnTo>
              <a:lnTo>
                <a:pt x="0" y="6287"/>
              </a:lnTo>
              <a:lnTo>
                <a:pt x="123" y="7811"/>
              </a:lnTo>
              <a:lnTo>
                <a:pt x="370" y="8192"/>
              </a:lnTo>
              <a:lnTo>
                <a:pt x="862" y="8764"/>
              </a:lnTo>
              <a:lnTo>
                <a:pt x="986" y="9335"/>
              </a:lnTo>
              <a:lnTo>
                <a:pt x="1355" y="9526"/>
              </a:lnTo>
              <a:lnTo>
                <a:pt x="1601" y="10288"/>
              </a:lnTo>
              <a:lnTo>
                <a:pt x="2341" y="10669"/>
              </a:lnTo>
              <a:lnTo>
                <a:pt x="2710" y="12002"/>
              </a:lnTo>
              <a:lnTo>
                <a:pt x="2957" y="12955"/>
              </a:lnTo>
              <a:lnTo>
                <a:pt x="3449" y="13526"/>
              </a:lnTo>
              <a:lnTo>
                <a:pt x="3819" y="14098"/>
              </a:lnTo>
              <a:lnTo>
                <a:pt x="4558" y="14098"/>
              </a:lnTo>
              <a:lnTo>
                <a:pt x="4435" y="13526"/>
              </a:lnTo>
              <a:lnTo>
                <a:pt x="4558" y="12574"/>
              </a:lnTo>
              <a:lnTo>
                <a:pt x="4928" y="12193"/>
              </a:lnTo>
              <a:lnTo>
                <a:pt x="5420" y="12383"/>
              </a:lnTo>
              <a:lnTo>
                <a:pt x="6529" y="11812"/>
              </a:lnTo>
              <a:lnTo>
                <a:pt x="7268" y="10288"/>
              </a:lnTo>
              <a:lnTo>
                <a:pt x="7884" y="10288"/>
              </a:lnTo>
              <a:lnTo>
                <a:pt x="8130" y="9907"/>
              </a:lnTo>
              <a:lnTo>
                <a:pt x="8623" y="10288"/>
              </a:lnTo>
              <a:lnTo>
                <a:pt x="9239" y="9526"/>
              </a:lnTo>
              <a:lnTo>
                <a:pt x="9978" y="10097"/>
              </a:lnTo>
              <a:lnTo>
                <a:pt x="9855" y="11240"/>
              </a:lnTo>
              <a:lnTo>
                <a:pt x="10348" y="12193"/>
              </a:lnTo>
              <a:lnTo>
                <a:pt x="10348" y="13717"/>
              </a:lnTo>
              <a:lnTo>
                <a:pt x="11087" y="13526"/>
              </a:lnTo>
              <a:lnTo>
                <a:pt x="11456" y="14098"/>
              </a:lnTo>
              <a:lnTo>
                <a:pt x="12319" y="14098"/>
              </a:lnTo>
              <a:lnTo>
                <a:pt x="13427" y="14669"/>
              </a:lnTo>
              <a:lnTo>
                <a:pt x="14043" y="15812"/>
              </a:lnTo>
              <a:lnTo>
                <a:pt x="14536" y="16384"/>
              </a:lnTo>
              <a:lnTo>
                <a:pt x="14783" y="16193"/>
              </a:lnTo>
              <a:lnTo>
                <a:pt x="15029" y="15812"/>
              </a:lnTo>
              <a:lnTo>
                <a:pt x="14906" y="14669"/>
              </a:lnTo>
              <a:lnTo>
                <a:pt x="15152" y="14288"/>
              </a:lnTo>
              <a:lnTo>
                <a:pt x="15029" y="13907"/>
              </a:lnTo>
              <a:lnTo>
                <a:pt x="15275" y="13717"/>
              </a:lnTo>
              <a:lnTo>
                <a:pt x="15152" y="13336"/>
              </a:lnTo>
              <a:lnTo>
                <a:pt x="15398" y="13145"/>
              </a:lnTo>
              <a:lnTo>
                <a:pt x="15522" y="12764"/>
              </a:lnTo>
              <a:lnTo>
                <a:pt x="15275" y="12002"/>
              </a:lnTo>
              <a:lnTo>
                <a:pt x="15152" y="11050"/>
              </a:lnTo>
              <a:lnTo>
                <a:pt x="16384" y="10478"/>
              </a:lnTo>
              <a:lnTo>
                <a:pt x="16384" y="9335"/>
              </a:lnTo>
              <a:lnTo>
                <a:pt x="15891" y="9335"/>
              </a:lnTo>
              <a:lnTo>
                <a:pt x="15891" y="8954"/>
              </a:lnTo>
              <a:lnTo>
                <a:pt x="16261" y="8383"/>
              </a:lnTo>
              <a:close/>
            </a:path>
          </a:pathLst>
        </a:custGeom>
        <a:solidFill>
          <a:srgbClr val="FF0000"/>
        </a:solidFill>
        <a:ln w="9525" cap="flat">
          <a:solidFill>
            <a:srgbClr val="000000"/>
          </a:solidFill>
          <a:prstDash val="solid"/>
          <a:round/>
          <a:headEnd/>
          <a:tailEnd/>
        </a:ln>
      </xdr:spPr>
    </xdr:sp>
    <xdr:clientData/>
  </xdr:twoCellAnchor>
  <xdr:twoCellAnchor editAs="oneCell">
    <xdr:from>
      <xdr:col>5</xdr:col>
      <xdr:colOff>295275</xdr:colOff>
      <xdr:row>12</xdr:row>
      <xdr:rowOff>133350</xdr:rowOff>
    </xdr:from>
    <xdr:to>
      <xdr:col>8</xdr:col>
      <xdr:colOff>9525</xdr:colOff>
      <xdr:row>21</xdr:row>
      <xdr:rowOff>95249</xdr:rowOff>
    </xdr:to>
    <xdr:sp macro="" textlink="">
      <xdr:nvSpPr>
        <xdr:cNvPr id="190" name="d14402">
          <a:extLst>
            <a:ext uri="{FF2B5EF4-FFF2-40B4-BE49-F238E27FC236}">
              <a16:creationId xmlns:a16="http://schemas.microsoft.com/office/drawing/2014/main" id="{00000000-0008-0000-0000-0000BE000000}"/>
            </a:ext>
          </a:extLst>
        </xdr:cNvPr>
        <xdr:cNvSpPr>
          <a:spLocks/>
        </xdr:cNvSpPr>
      </xdr:nvSpPr>
      <xdr:spPr bwMode="auto">
        <a:xfrm>
          <a:off x="3343275" y="1962150"/>
          <a:ext cx="1543050" cy="1333499"/>
        </a:xfrm>
        <a:custGeom>
          <a:avLst/>
          <a:gdLst/>
          <a:ahLst/>
          <a:cxnLst>
            <a:cxn ang="0">
              <a:pos x="0" y="12054"/>
            </a:cxn>
            <a:cxn ang="0">
              <a:pos x="303" y="12639"/>
            </a:cxn>
            <a:cxn ang="0">
              <a:pos x="101" y="14043"/>
            </a:cxn>
            <a:cxn ang="0">
              <a:pos x="0" y="14980"/>
            </a:cxn>
            <a:cxn ang="0">
              <a:pos x="809" y="15097"/>
            </a:cxn>
            <a:cxn ang="0">
              <a:pos x="2023" y="16267"/>
            </a:cxn>
            <a:cxn ang="0">
              <a:pos x="2528" y="15916"/>
            </a:cxn>
            <a:cxn ang="0">
              <a:pos x="3944" y="15565"/>
            </a:cxn>
            <a:cxn ang="0">
              <a:pos x="4551" y="14980"/>
            </a:cxn>
            <a:cxn ang="0">
              <a:pos x="5158" y="14043"/>
            </a:cxn>
            <a:cxn ang="0">
              <a:pos x="5664" y="14043"/>
            </a:cxn>
            <a:cxn ang="0">
              <a:pos x="6473" y="13926"/>
            </a:cxn>
            <a:cxn ang="0">
              <a:pos x="8091" y="14746"/>
            </a:cxn>
            <a:cxn ang="0">
              <a:pos x="8394" y="15097"/>
            </a:cxn>
            <a:cxn ang="0">
              <a:pos x="9102" y="14395"/>
            </a:cxn>
            <a:cxn ang="0">
              <a:pos x="9608" y="14043"/>
            </a:cxn>
            <a:cxn ang="0">
              <a:pos x="10720" y="14043"/>
            </a:cxn>
            <a:cxn ang="0">
              <a:pos x="11732" y="13692"/>
            </a:cxn>
            <a:cxn ang="0">
              <a:pos x="12339" y="13692"/>
            </a:cxn>
            <a:cxn ang="0">
              <a:pos x="13350" y="13809"/>
            </a:cxn>
            <a:cxn ang="0">
              <a:pos x="14462" y="13575"/>
            </a:cxn>
            <a:cxn ang="0">
              <a:pos x="15474" y="13458"/>
            </a:cxn>
            <a:cxn ang="0">
              <a:pos x="15878" y="13692"/>
            </a:cxn>
            <a:cxn ang="0">
              <a:pos x="16081" y="12522"/>
            </a:cxn>
            <a:cxn ang="0">
              <a:pos x="16384" y="11820"/>
            </a:cxn>
            <a:cxn ang="0">
              <a:pos x="16283" y="10767"/>
            </a:cxn>
            <a:cxn ang="0">
              <a:pos x="15575" y="10416"/>
            </a:cxn>
            <a:cxn ang="0">
              <a:pos x="15272" y="9713"/>
            </a:cxn>
            <a:cxn ang="0">
              <a:pos x="14766" y="9128"/>
            </a:cxn>
            <a:cxn ang="0">
              <a:pos x="14462" y="8426"/>
            </a:cxn>
            <a:cxn ang="0">
              <a:pos x="14058" y="7256"/>
            </a:cxn>
            <a:cxn ang="0">
              <a:pos x="13754" y="6320"/>
            </a:cxn>
            <a:cxn ang="0">
              <a:pos x="12844" y="5968"/>
            </a:cxn>
            <a:cxn ang="0">
              <a:pos x="12237" y="5032"/>
            </a:cxn>
            <a:cxn ang="0">
              <a:pos x="11327" y="3979"/>
            </a:cxn>
            <a:cxn ang="0">
              <a:pos x="10822" y="3394"/>
            </a:cxn>
            <a:cxn ang="0">
              <a:pos x="10316" y="2692"/>
            </a:cxn>
            <a:cxn ang="0">
              <a:pos x="10012" y="1521"/>
            </a:cxn>
            <a:cxn ang="0">
              <a:pos x="10417" y="585"/>
            </a:cxn>
            <a:cxn ang="0">
              <a:pos x="9507" y="585"/>
            </a:cxn>
            <a:cxn ang="0">
              <a:pos x="9203" y="1170"/>
            </a:cxn>
            <a:cxn ang="0">
              <a:pos x="8597" y="1638"/>
            </a:cxn>
            <a:cxn ang="0">
              <a:pos x="7889" y="819"/>
            </a:cxn>
            <a:cxn ang="0">
              <a:pos x="7484" y="1053"/>
            </a:cxn>
            <a:cxn ang="0">
              <a:pos x="6978" y="1755"/>
            </a:cxn>
            <a:cxn ang="0">
              <a:pos x="7282" y="2458"/>
            </a:cxn>
            <a:cxn ang="0">
              <a:pos x="6574" y="3511"/>
            </a:cxn>
            <a:cxn ang="0">
              <a:pos x="5866" y="4213"/>
            </a:cxn>
            <a:cxn ang="0">
              <a:pos x="5360" y="4798"/>
            </a:cxn>
            <a:cxn ang="0">
              <a:pos x="4551" y="5734"/>
            </a:cxn>
            <a:cxn ang="0">
              <a:pos x="3641" y="6203"/>
            </a:cxn>
            <a:cxn ang="0">
              <a:pos x="2832" y="7139"/>
            </a:cxn>
            <a:cxn ang="0">
              <a:pos x="1214" y="9362"/>
            </a:cxn>
            <a:cxn ang="0">
              <a:pos x="303" y="10533"/>
            </a:cxn>
            <a:cxn ang="0">
              <a:pos x="0" y="11469"/>
            </a:cxn>
          </a:cxnLst>
          <a:rect l="0" t="0" r="r" b="b"/>
          <a:pathLst>
            <a:path w="16384" h="16384">
              <a:moveTo>
                <a:pt x="0" y="11469"/>
              </a:moveTo>
              <a:lnTo>
                <a:pt x="0" y="12054"/>
              </a:lnTo>
              <a:lnTo>
                <a:pt x="101" y="12405"/>
              </a:lnTo>
              <a:lnTo>
                <a:pt x="303" y="12639"/>
              </a:lnTo>
              <a:lnTo>
                <a:pt x="303" y="13575"/>
              </a:lnTo>
              <a:lnTo>
                <a:pt x="101" y="14043"/>
              </a:lnTo>
              <a:lnTo>
                <a:pt x="202" y="14512"/>
              </a:lnTo>
              <a:lnTo>
                <a:pt x="0" y="14980"/>
              </a:lnTo>
              <a:lnTo>
                <a:pt x="202" y="14863"/>
              </a:lnTo>
              <a:lnTo>
                <a:pt x="809" y="15097"/>
              </a:lnTo>
              <a:lnTo>
                <a:pt x="1416" y="15331"/>
              </a:lnTo>
              <a:lnTo>
                <a:pt x="2023" y="16267"/>
              </a:lnTo>
              <a:lnTo>
                <a:pt x="2326" y="16384"/>
              </a:lnTo>
              <a:lnTo>
                <a:pt x="2528" y="15916"/>
              </a:lnTo>
              <a:lnTo>
                <a:pt x="3135" y="15799"/>
              </a:lnTo>
              <a:lnTo>
                <a:pt x="3944" y="15565"/>
              </a:lnTo>
              <a:lnTo>
                <a:pt x="4147" y="15565"/>
              </a:lnTo>
              <a:lnTo>
                <a:pt x="4551" y="14980"/>
              </a:lnTo>
              <a:lnTo>
                <a:pt x="4956" y="14863"/>
              </a:lnTo>
              <a:lnTo>
                <a:pt x="5158" y="14043"/>
              </a:lnTo>
              <a:lnTo>
                <a:pt x="5461" y="14277"/>
              </a:lnTo>
              <a:lnTo>
                <a:pt x="5664" y="14043"/>
              </a:lnTo>
              <a:lnTo>
                <a:pt x="6372" y="13809"/>
              </a:lnTo>
              <a:lnTo>
                <a:pt x="6473" y="13926"/>
              </a:lnTo>
              <a:lnTo>
                <a:pt x="7181" y="14160"/>
              </a:lnTo>
              <a:lnTo>
                <a:pt x="8091" y="14746"/>
              </a:lnTo>
              <a:lnTo>
                <a:pt x="7889" y="15331"/>
              </a:lnTo>
              <a:lnTo>
                <a:pt x="8394" y="15097"/>
              </a:lnTo>
              <a:lnTo>
                <a:pt x="9102" y="14746"/>
              </a:lnTo>
              <a:lnTo>
                <a:pt x="9102" y="14395"/>
              </a:lnTo>
              <a:lnTo>
                <a:pt x="9304" y="14043"/>
              </a:lnTo>
              <a:lnTo>
                <a:pt x="9608" y="14043"/>
              </a:lnTo>
              <a:lnTo>
                <a:pt x="10114" y="13575"/>
              </a:lnTo>
              <a:lnTo>
                <a:pt x="10720" y="14043"/>
              </a:lnTo>
              <a:lnTo>
                <a:pt x="11327" y="14043"/>
              </a:lnTo>
              <a:lnTo>
                <a:pt x="11732" y="13692"/>
              </a:lnTo>
              <a:lnTo>
                <a:pt x="12035" y="13926"/>
              </a:lnTo>
              <a:lnTo>
                <a:pt x="12339" y="13692"/>
              </a:lnTo>
              <a:lnTo>
                <a:pt x="12844" y="13575"/>
              </a:lnTo>
              <a:lnTo>
                <a:pt x="13350" y="13809"/>
              </a:lnTo>
              <a:lnTo>
                <a:pt x="13856" y="13575"/>
              </a:lnTo>
              <a:lnTo>
                <a:pt x="14462" y="13575"/>
              </a:lnTo>
              <a:lnTo>
                <a:pt x="14867" y="13809"/>
              </a:lnTo>
              <a:lnTo>
                <a:pt x="15474" y="13458"/>
              </a:lnTo>
              <a:lnTo>
                <a:pt x="15575" y="13692"/>
              </a:lnTo>
              <a:lnTo>
                <a:pt x="15878" y="13692"/>
              </a:lnTo>
              <a:lnTo>
                <a:pt x="16081" y="13224"/>
              </a:lnTo>
              <a:lnTo>
                <a:pt x="16081" y="12522"/>
              </a:lnTo>
              <a:lnTo>
                <a:pt x="16384" y="12171"/>
              </a:lnTo>
              <a:lnTo>
                <a:pt x="16384" y="11820"/>
              </a:lnTo>
              <a:lnTo>
                <a:pt x="16384" y="11352"/>
              </a:lnTo>
              <a:lnTo>
                <a:pt x="16283" y="10767"/>
              </a:lnTo>
              <a:lnTo>
                <a:pt x="15979" y="10533"/>
              </a:lnTo>
              <a:lnTo>
                <a:pt x="15575" y="10416"/>
              </a:lnTo>
              <a:lnTo>
                <a:pt x="15373" y="10181"/>
              </a:lnTo>
              <a:lnTo>
                <a:pt x="15272" y="9713"/>
              </a:lnTo>
              <a:lnTo>
                <a:pt x="15170" y="9128"/>
              </a:lnTo>
              <a:lnTo>
                <a:pt x="14766" y="9128"/>
              </a:lnTo>
              <a:lnTo>
                <a:pt x="14564" y="8777"/>
              </a:lnTo>
              <a:lnTo>
                <a:pt x="14462" y="8426"/>
              </a:lnTo>
              <a:lnTo>
                <a:pt x="14462" y="7724"/>
              </a:lnTo>
              <a:lnTo>
                <a:pt x="14058" y="7256"/>
              </a:lnTo>
              <a:lnTo>
                <a:pt x="13957" y="6788"/>
              </a:lnTo>
              <a:lnTo>
                <a:pt x="13754" y="6320"/>
              </a:lnTo>
              <a:lnTo>
                <a:pt x="13148" y="6320"/>
              </a:lnTo>
              <a:lnTo>
                <a:pt x="12844" y="5968"/>
              </a:lnTo>
              <a:lnTo>
                <a:pt x="12440" y="5617"/>
              </a:lnTo>
              <a:lnTo>
                <a:pt x="12237" y="5032"/>
              </a:lnTo>
              <a:lnTo>
                <a:pt x="11934" y="4213"/>
              </a:lnTo>
              <a:lnTo>
                <a:pt x="11327" y="3979"/>
              </a:lnTo>
              <a:lnTo>
                <a:pt x="11125" y="3511"/>
              </a:lnTo>
              <a:lnTo>
                <a:pt x="10822" y="3394"/>
              </a:lnTo>
              <a:lnTo>
                <a:pt x="10720" y="3043"/>
              </a:lnTo>
              <a:lnTo>
                <a:pt x="10316" y="2692"/>
              </a:lnTo>
              <a:lnTo>
                <a:pt x="10114" y="2458"/>
              </a:lnTo>
              <a:lnTo>
                <a:pt x="10012" y="1521"/>
              </a:lnTo>
              <a:lnTo>
                <a:pt x="10215" y="819"/>
              </a:lnTo>
              <a:lnTo>
                <a:pt x="10417" y="585"/>
              </a:lnTo>
              <a:lnTo>
                <a:pt x="10316" y="0"/>
              </a:lnTo>
              <a:lnTo>
                <a:pt x="9507" y="585"/>
              </a:lnTo>
              <a:lnTo>
                <a:pt x="9507" y="1170"/>
              </a:lnTo>
              <a:lnTo>
                <a:pt x="9203" y="1170"/>
              </a:lnTo>
              <a:lnTo>
                <a:pt x="9203" y="1638"/>
              </a:lnTo>
              <a:lnTo>
                <a:pt x="8597" y="1638"/>
              </a:lnTo>
              <a:lnTo>
                <a:pt x="8495" y="1872"/>
              </a:lnTo>
              <a:lnTo>
                <a:pt x="7889" y="819"/>
              </a:lnTo>
              <a:lnTo>
                <a:pt x="7787" y="702"/>
              </a:lnTo>
              <a:lnTo>
                <a:pt x="7484" y="1053"/>
              </a:lnTo>
              <a:lnTo>
                <a:pt x="6978" y="1521"/>
              </a:lnTo>
              <a:lnTo>
                <a:pt x="6978" y="1755"/>
              </a:lnTo>
              <a:lnTo>
                <a:pt x="7282" y="2107"/>
              </a:lnTo>
              <a:lnTo>
                <a:pt x="7282" y="2458"/>
              </a:lnTo>
              <a:lnTo>
                <a:pt x="6978" y="2575"/>
              </a:lnTo>
              <a:lnTo>
                <a:pt x="6574" y="3511"/>
              </a:lnTo>
              <a:lnTo>
                <a:pt x="6169" y="3862"/>
              </a:lnTo>
              <a:lnTo>
                <a:pt x="5866" y="4213"/>
              </a:lnTo>
              <a:lnTo>
                <a:pt x="5562" y="4681"/>
              </a:lnTo>
              <a:lnTo>
                <a:pt x="5360" y="4798"/>
              </a:lnTo>
              <a:lnTo>
                <a:pt x="4956" y="5149"/>
              </a:lnTo>
              <a:lnTo>
                <a:pt x="4551" y="5734"/>
              </a:lnTo>
              <a:lnTo>
                <a:pt x="4147" y="6085"/>
              </a:lnTo>
              <a:lnTo>
                <a:pt x="3641" y="6203"/>
              </a:lnTo>
              <a:lnTo>
                <a:pt x="3135" y="6671"/>
              </a:lnTo>
              <a:lnTo>
                <a:pt x="2832" y="7139"/>
              </a:lnTo>
              <a:lnTo>
                <a:pt x="2023" y="8192"/>
              </a:lnTo>
              <a:lnTo>
                <a:pt x="1214" y="9362"/>
              </a:lnTo>
              <a:lnTo>
                <a:pt x="607" y="10064"/>
              </a:lnTo>
              <a:lnTo>
                <a:pt x="303" y="10533"/>
              </a:lnTo>
              <a:lnTo>
                <a:pt x="202" y="11118"/>
              </a:lnTo>
              <a:lnTo>
                <a:pt x="0" y="11469"/>
              </a:lnTo>
              <a:close/>
            </a:path>
          </a:pathLst>
        </a:custGeom>
        <a:solidFill>
          <a:srgbClr val="FF0000"/>
        </a:solidFill>
        <a:ln w="9525" cap="flat">
          <a:solidFill>
            <a:srgbClr val="000000"/>
          </a:solidFill>
          <a:prstDash val="solid"/>
          <a:round/>
          <a:headEnd/>
          <a:tailEnd/>
        </a:ln>
      </xdr:spPr>
    </xdr:sp>
    <xdr:clientData/>
  </xdr:twoCellAnchor>
  <xdr:twoCellAnchor editAs="oneCell">
    <xdr:from>
      <xdr:col>15</xdr:col>
      <xdr:colOff>28575</xdr:colOff>
      <xdr:row>19</xdr:row>
      <xdr:rowOff>95250</xdr:rowOff>
    </xdr:from>
    <xdr:to>
      <xdr:col>15</xdr:col>
      <xdr:colOff>228600</xdr:colOff>
      <xdr:row>20</xdr:row>
      <xdr:rowOff>85725</xdr:rowOff>
    </xdr:to>
    <xdr:sp macro="" textlink="">
      <xdr:nvSpPr>
        <xdr:cNvPr id="191" name="d14101_1">
          <a:extLst>
            <a:ext uri="{FF2B5EF4-FFF2-40B4-BE49-F238E27FC236}">
              <a16:creationId xmlns:a16="http://schemas.microsoft.com/office/drawing/2014/main" id="{00000000-0008-0000-0000-0000BF000000}"/>
            </a:ext>
          </a:extLst>
        </xdr:cNvPr>
        <xdr:cNvSpPr>
          <a:spLocks/>
        </xdr:cNvSpPr>
      </xdr:nvSpPr>
      <xdr:spPr bwMode="auto">
        <a:xfrm>
          <a:off x="9172575" y="2990850"/>
          <a:ext cx="200025" cy="142875"/>
        </a:xfrm>
        <a:custGeom>
          <a:avLst/>
          <a:gdLst/>
          <a:ahLst/>
          <a:cxnLst>
            <a:cxn ang="0">
              <a:pos x="0" y="6554"/>
            </a:cxn>
            <a:cxn ang="0">
              <a:pos x="1560" y="16384"/>
            </a:cxn>
            <a:cxn ang="0">
              <a:pos x="8582" y="14199"/>
            </a:cxn>
            <a:cxn ang="0">
              <a:pos x="7802" y="12015"/>
            </a:cxn>
            <a:cxn ang="0">
              <a:pos x="16384" y="7646"/>
            </a:cxn>
            <a:cxn ang="0">
              <a:pos x="13263" y="0"/>
            </a:cxn>
            <a:cxn ang="0">
              <a:pos x="0" y="6554"/>
            </a:cxn>
          </a:cxnLst>
          <a:rect l="0" t="0" r="r" b="b"/>
          <a:pathLst>
            <a:path w="16384" h="16384">
              <a:moveTo>
                <a:pt x="0" y="6554"/>
              </a:moveTo>
              <a:lnTo>
                <a:pt x="1560" y="16384"/>
              </a:lnTo>
              <a:lnTo>
                <a:pt x="8582" y="14199"/>
              </a:lnTo>
              <a:lnTo>
                <a:pt x="7802" y="12015"/>
              </a:lnTo>
              <a:lnTo>
                <a:pt x="16384" y="7646"/>
              </a:lnTo>
              <a:lnTo>
                <a:pt x="13263" y="0"/>
              </a:lnTo>
              <a:lnTo>
                <a:pt x="0" y="6554"/>
              </a:lnTo>
              <a:close/>
            </a:path>
          </a:pathLst>
        </a:custGeom>
        <a:solidFill>
          <a:schemeClr val="accent4">
            <a:lumMod val="20000"/>
            <a:lumOff val="80000"/>
          </a:schemeClr>
        </a:solidFill>
        <a:ln w="9525" cap="flat">
          <a:solidFill>
            <a:srgbClr val="000000"/>
          </a:solidFill>
          <a:prstDash val="solid"/>
          <a:round/>
          <a:headEnd/>
          <a:tailEnd/>
        </a:ln>
      </xdr:spPr>
    </xdr:sp>
    <xdr:clientData/>
  </xdr:twoCellAnchor>
  <xdr:twoCellAnchor editAs="oneCell">
    <xdr:from>
      <xdr:col>15</xdr:col>
      <xdr:colOff>504825</xdr:colOff>
      <xdr:row>17</xdr:row>
      <xdr:rowOff>57150</xdr:rowOff>
    </xdr:from>
    <xdr:to>
      <xdr:col>16</xdr:col>
      <xdr:colOff>180975</xdr:colOff>
      <xdr:row>18</xdr:row>
      <xdr:rowOff>142875</xdr:rowOff>
    </xdr:to>
    <xdr:sp macro="" textlink="">
      <xdr:nvSpPr>
        <xdr:cNvPr id="192" name="d14131_1">
          <a:extLst>
            <a:ext uri="{FF2B5EF4-FFF2-40B4-BE49-F238E27FC236}">
              <a16:creationId xmlns:a16="http://schemas.microsoft.com/office/drawing/2014/main" id="{00000000-0008-0000-0000-0000C0000000}"/>
            </a:ext>
          </a:extLst>
        </xdr:cNvPr>
        <xdr:cNvSpPr>
          <a:spLocks/>
        </xdr:cNvSpPr>
      </xdr:nvSpPr>
      <xdr:spPr bwMode="auto">
        <a:xfrm>
          <a:off x="9648825" y="2647950"/>
          <a:ext cx="285750" cy="238125"/>
        </a:xfrm>
        <a:custGeom>
          <a:avLst/>
          <a:gdLst/>
          <a:ahLst/>
          <a:cxnLst>
            <a:cxn ang="0">
              <a:pos x="0" y="7864"/>
            </a:cxn>
            <a:cxn ang="0">
              <a:pos x="4369" y="16384"/>
            </a:cxn>
            <a:cxn ang="0">
              <a:pos x="16384" y="8520"/>
            </a:cxn>
            <a:cxn ang="0">
              <a:pos x="12561" y="0"/>
            </a:cxn>
            <a:cxn ang="0">
              <a:pos x="0" y="7864"/>
            </a:cxn>
          </a:cxnLst>
          <a:rect l="0" t="0" r="r" b="b"/>
          <a:pathLst>
            <a:path w="16384" h="16384">
              <a:moveTo>
                <a:pt x="0" y="7864"/>
              </a:moveTo>
              <a:lnTo>
                <a:pt x="4369" y="16384"/>
              </a:lnTo>
              <a:lnTo>
                <a:pt x="16384" y="8520"/>
              </a:lnTo>
              <a:lnTo>
                <a:pt x="12561" y="0"/>
              </a:lnTo>
              <a:lnTo>
                <a:pt x="0" y="7864"/>
              </a:lnTo>
              <a:close/>
            </a:path>
          </a:pathLst>
        </a:custGeom>
        <a:solidFill>
          <a:schemeClr val="tx2">
            <a:lumMod val="60000"/>
            <a:lumOff val="40000"/>
          </a:schemeClr>
        </a:solidFill>
        <a:ln w="9525" cap="flat">
          <a:solidFill>
            <a:srgbClr val="000000"/>
          </a:solidFill>
          <a:prstDash val="solid"/>
          <a:round/>
          <a:headEnd/>
          <a:tailEnd/>
        </a:ln>
      </xdr:spPr>
    </xdr:sp>
    <xdr:clientData/>
  </xdr:twoCellAnchor>
  <xdr:twoCellAnchor editAs="oneCell">
    <xdr:from>
      <xdr:col>11</xdr:col>
      <xdr:colOff>180975</xdr:colOff>
      <xdr:row>9</xdr:row>
      <xdr:rowOff>28575</xdr:rowOff>
    </xdr:from>
    <xdr:to>
      <xdr:col>11</xdr:col>
      <xdr:colOff>371475</xdr:colOff>
      <xdr:row>10</xdr:row>
      <xdr:rowOff>66675</xdr:rowOff>
    </xdr:to>
    <xdr:sp macro="" textlink="">
      <xdr:nvSpPr>
        <xdr:cNvPr id="193" name="d14137_1">
          <a:extLst>
            <a:ext uri="{FF2B5EF4-FFF2-40B4-BE49-F238E27FC236}">
              <a16:creationId xmlns:a16="http://schemas.microsoft.com/office/drawing/2014/main" id="{00000000-0008-0000-0000-0000C1000000}"/>
            </a:ext>
          </a:extLst>
        </xdr:cNvPr>
        <xdr:cNvSpPr>
          <a:spLocks/>
        </xdr:cNvSpPr>
      </xdr:nvSpPr>
      <xdr:spPr bwMode="auto">
        <a:xfrm>
          <a:off x="6886575" y="1400175"/>
          <a:ext cx="190500" cy="190500"/>
        </a:xfrm>
        <a:custGeom>
          <a:avLst/>
          <a:gdLst/>
          <a:ahLst/>
          <a:cxnLst>
            <a:cxn ang="0">
              <a:pos x="0" y="14746"/>
            </a:cxn>
            <a:cxn ang="0">
              <a:pos x="11469" y="16384"/>
            </a:cxn>
            <a:cxn ang="0">
              <a:pos x="13107" y="8192"/>
            </a:cxn>
            <a:cxn ang="0">
              <a:pos x="16384" y="2458"/>
            </a:cxn>
            <a:cxn ang="0">
              <a:pos x="13926" y="0"/>
            </a:cxn>
            <a:cxn ang="0">
              <a:pos x="5734" y="3277"/>
            </a:cxn>
            <a:cxn ang="0">
              <a:pos x="3277" y="4096"/>
            </a:cxn>
            <a:cxn ang="0">
              <a:pos x="3277" y="6554"/>
            </a:cxn>
            <a:cxn ang="0">
              <a:pos x="0" y="14746"/>
            </a:cxn>
          </a:cxnLst>
          <a:rect l="0" t="0" r="r" b="b"/>
          <a:pathLst>
            <a:path w="16384" h="16384">
              <a:moveTo>
                <a:pt x="0" y="14746"/>
              </a:moveTo>
              <a:lnTo>
                <a:pt x="11469" y="16384"/>
              </a:lnTo>
              <a:lnTo>
                <a:pt x="13107" y="8192"/>
              </a:lnTo>
              <a:lnTo>
                <a:pt x="16384" y="2458"/>
              </a:lnTo>
              <a:lnTo>
                <a:pt x="13926" y="0"/>
              </a:lnTo>
              <a:lnTo>
                <a:pt x="5734" y="3277"/>
              </a:lnTo>
              <a:lnTo>
                <a:pt x="3277" y="4096"/>
              </a:lnTo>
              <a:lnTo>
                <a:pt x="3277" y="6554"/>
              </a:lnTo>
              <a:lnTo>
                <a:pt x="0" y="14746"/>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180975</xdr:colOff>
      <xdr:row>34</xdr:row>
      <xdr:rowOff>47625</xdr:rowOff>
    </xdr:from>
    <xdr:to>
      <xdr:col>11</xdr:col>
      <xdr:colOff>333375</xdr:colOff>
      <xdr:row>34</xdr:row>
      <xdr:rowOff>123825</xdr:rowOff>
    </xdr:to>
    <xdr:sp macro="" textlink="">
      <xdr:nvSpPr>
        <xdr:cNvPr id="194" name="d14205_1">
          <a:extLst>
            <a:ext uri="{FF2B5EF4-FFF2-40B4-BE49-F238E27FC236}">
              <a16:creationId xmlns:a16="http://schemas.microsoft.com/office/drawing/2014/main" id="{00000000-0008-0000-0000-0000C2000000}"/>
            </a:ext>
          </a:extLst>
        </xdr:cNvPr>
        <xdr:cNvSpPr>
          <a:spLocks/>
        </xdr:cNvSpPr>
      </xdr:nvSpPr>
      <xdr:spPr bwMode="auto">
        <a:xfrm>
          <a:off x="6886575" y="5229225"/>
          <a:ext cx="152400" cy="76200"/>
        </a:xfrm>
        <a:custGeom>
          <a:avLst/>
          <a:gdLst/>
          <a:ahLst/>
          <a:cxnLst>
            <a:cxn ang="0">
              <a:pos x="16384" y="12288"/>
            </a:cxn>
            <a:cxn ang="0">
              <a:pos x="12288" y="10240"/>
            </a:cxn>
            <a:cxn ang="0">
              <a:pos x="11264" y="4096"/>
            </a:cxn>
            <a:cxn ang="0">
              <a:pos x="9216" y="0"/>
            </a:cxn>
            <a:cxn ang="0">
              <a:pos x="0" y="12288"/>
            </a:cxn>
            <a:cxn ang="0">
              <a:pos x="1024" y="16384"/>
            </a:cxn>
            <a:cxn ang="0">
              <a:pos x="4096" y="14336"/>
            </a:cxn>
            <a:cxn ang="0">
              <a:pos x="8192" y="16384"/>
            </a:cxn>
            <a:cxn ang="0">
              <a:pos x="16384" y="12288"/>
            </a:cxn>
          </a:cxnLst>
          <a:rect l="0" t="0" r="r" b="b"/>
          <a:pathLst>
            <a:path w="16384" h="16384">
              <a:moveTo>
                <a:pt x="16384" y="12288"/>
              </a:moveTo>
              <a:lnTo>
                <a:pt x="12288" y="10240"/>
              </a:lnTo>
              <a:lnTo>
                <a:pt x="11264" y="4096"/>
              </a:lnTo>
              <a:lnTo>
                <a:pt x="9216" y="0"/>
              </a:lnTo>
              <a:lnTo>
                <a:pt x="0" y="12288"/>
              </a:lnTo>
              <a:lnTo>
                <a:pt x="1024" y="16384"/>
              </a:lnTo>
              <a:lnTo>
                <a:pt x="4096" y="14336"/>
              </a:lnTo>
              <a:lnTo>
                <a:pt x="8192" y="16384"/>
              </a:lnTo>
              <a:lnTo>
                <a:pt x="16384" y="12288"/>
              </a:lnTo>
              <a:close/>
            </a:path>
          </a:pathLst>
        </a:custGeom>
        <a:noFill/>
        <a:ln w="9525" cap="flat">
          <a:solidFill>
            <a:srgbClr val="000000"/>
          </a:solidFill>
          <a:prstDash val="solid"/>
          <a:round/>
          <a:headEnd/>
          <a:tailEnd/>
        </a:ln>
      </xdr:spPr>
    </xdr:sp>
    <xdr:clientData/>
  </xdr:twoCellAnchor>
  <xdr:twoCellAnchor editAs="oneCell">
    <xdr:from>
      <xdr:col>13</xdr:col>
      <xdr:colOff>485775</xdr:colOff>
      <xdr:row>49</xdr:row>
      <xdr:rowOff>76200</xdr:rowOff>
    </xdr:from>
    <xdr:to>
      <xdr:col>14</xdr:col>
      <xdr:colOff>133350</xdr:colOff>
      <xdr:row>50</xdr:row>
      <xdr:rowOff>57151</xdr:rowOff>
    </xdr:to>
    <xdr:sp macro="" textlink="">
      <xdr:nvSpPr>
        <xdr:cNvPr id="195" name="d14210_1">
          <a:extLst>
            <a:ext uri="{FF2B5EF4-FFF2-40B4-BE49-F238E27FC236}">
              <a16:creationId xmlns:a16="http://schemas.microsoft.com/office/drawing/2014/main" id="{00000000-0008-0000-0000-0000C3000000}"/>
            </a:ext>
          </a:extLst>
        </xdr:cNvPr>
        <xdr:cNvSpPr>
          <a:spLocks/>
        </xdr:cNvSpPr>
      </xdr:nvSpPr>
      <xdr:spPr bwMode="auto">
        <a:xfrm>
          <a:off x="8410575" y="7543800"/>
          <a:ext cx="257175" cy="133351"/>
        </a:xfrm>
        <a:custGeom>
          <a:avLst/>
          <a:gdLst/>
          <a:ahLst/>
          <a:cxnLst>
            <a:cxn ang="0">
              <a:pos x="13957" y="5851"/>
            </a:cxn>
            <a:cxn ang="0">
              <a:pos x="9102" y="2341"/>
            </a:cxn>
            <a:cxn ang="0">
              <a:pos x="5461" y="2341"/>
            </a:cxn>
            <a:cxn ang="0">
              <a:pos x="3641" y="2341"/>
            </a:cxn>
            <a:cxn ang="0">
              <a:pos x="1214" y="0"/>
            </a:cxn>
            <a:cxn ang="0">
              <a:pos x="1214" y="3511"/>
            </a:cxn>
            <a:cxn ang="0">
              <a:pos x="0" y="4681"/>
            </a:cxn>
            <a:cxn ang="0">
              <a:pos x="607" y="8192"/>
            </a:cxn>
            <a:cxn ang="0">
              <a:pos x="2427" y="9362"/>
            </a:cxn>
            <a:cxn ang="0">
              <a:pos x="4855" y="9362"/>
            </a:cxn>
            <a:cxn ang="0">
              <a:pos x="6675" y="11703"/>
            </a:cxn>
            <a:cxn ang="0">
              <a:pos x="9102" y="9362"/>
            </a:cxn>
            <a:cxn ang="0">
              <a:pos x="12743" y="15214"/>
            </a:cxn>
            <a:cxn ang="0">
              <a:pos x="15170" y="16384"/>
            </a:cxn>
            <a:cxn ang="0">
              <a:pos x="16384" y="14043"/>
            </a:cxn>
            <a:cxn ang="0">
              <a:pos x="13350" y="9362"/>
            </a:cxn>
            <a:cxn ang="0">
              <a:pos x="13957" y="5851"/>
            </a:cxn>
          </a:cxnLst>
          <a:rect l="0" t="0" r="r" b="b"/>
          <a:pathLst>
            <a:path w="16384" h="16384">
              <a:moveTo>
                <a:pt x="13957" y="5851"/>
              </a:moveTo>
              <a:lnTo>
                <a:pt x="9102" y="2341"/>
              </a:lnTo>
              <a:lnTo>
                <a:pt x="5461" y="2341"/>
              </a:lnTo>
              <a:lnTo>
                <a:pt x="3641" y="2341"/>
              </a:lnTo>
              <a:lnTo>
                <a:pt x="1214" y="0"/>
              </a:lnTo>
              <a:lnTo>
                <a:pt x="1214" y="3511"/>
              </a:lnTo>
              <a:lnTo>
                <a:pt x="0" y="4681"/>
              </a:lnTo>
              <a:lnTo>
                <a:pt x="607" y="8192"/>
              </a:lnTo>
              <a:lnTo>
                <a:pt x="2427" y="9362"/>
              </a:lnTo>
              <a:lnTo>
                <a:pt x="4855" y="9362"/>
              </a:lnTo>
              <a:lnTo>
                <a:pt x="6675" y="11703"/>
              </a:lnTo>
              <a:lnTo>
                <a:pt x="9102" y="9362"/>
              </a:lnTo>
              <a:lnTo>
                <a:pt x="12743" y="15214"/>
              </a:lnTo>
              <a:lnTo>
                <a:pt x="15170" y="16384"/>
              </a:lnTo>
              <a:lnTo>
                <a:pt x="16384" y="14043"/>
              </a:lnTo>
              <a:lnTo>
                <a:pt x="13350" y="9362"/>
              </a:lnTo>
              <a:lnTo>
                <a:pt x="13957" y="5851"/>
              </a:lnTo>
              <a:close/>
            </a:path>
          </a:pathLst>
        </a:custGeom>
        <a:solidFill>
          <a:srgbClr val="FF6600"/>
        </a:solidFill>
        <a:ln w="9525" cap="flat">
          <a:solidFill>
            <a:srgbClr val="000000"/>
          </a:solidFill>
          <a:prstDash val="solid"/>
          <a:round/>
          <a:headEnd/>
          <a:tailEnd/>
        </a:ln>
      </xdr:spPr>
    </xdr:sp>
    <xdr:clientData/>
  </xdr:twoCellAnchor>
  <xdr:twoCellAnchor editAs="oneCell">
    <xdr:from>
      <xdr:col>15</xdr:col>
      <xdr:colOff>352425</xdr:colOff>
      <xdr:row>18</xdr:row>
      <xdr:rowOff>19050</xdr:rowOff>
    </xdr:from>
    <xdr:to>
      <xdr:col>15</xdr:col>
      <xdr:colOff>581025</xdr:colOff>
      <xdr:row>19</xdr:row>
      <xdr:rowOff>76200</xdr:rowOff>
    </xdr:to>
    <xdr:sp macro="" textlink="">
      <xdr:nvSpPr>
        <xdr:cNvPr id="196" name="d14101_2">
          <a:extLst>
            <a:ext uri="{FF2B5EF4-FFF2-40B4-BE49-F238E27FC236}">
              <a16:creationId xmlns:a16="http://schemas.microsoft.com/office/drawing/2014/main" id="{00000000-0008-0000-0000-0000C4000000}"/>
            </a:ext>
          </a:extLst>
        </xdr:cNvPr>
        <xdr:cNvSpPr>
          <a:spLocks/>
        </xdr:cNvSpPr>
      </xdr:nvSpPr>
      <xdr:spPr bwMode="auto">
        <a:xfrm>
          <a:off x="9496425" y="2762250"/>
          <a:ext cx="228600" cy="209550"/>
        </a:xfrm>
        <a:custGeom>
          <a:avLst/>
          <a:gdLst/>
          <a:ahLst/>
          <a:cxnLst>
            <a:cxn ang="0">
              <a:pos x="10923" y="0"/>
            </a:cxn>
            <a:cxn ang="0">
              <a:pos x="0" y="6703"/>
            </a:cxn>
            <a:cxn ang="0">
              <a:pos x="4779" y="16384"/>
            </a:cxn>
            <a:cxn ang="0">
              <a:pos x="16384" y="9681"/>
            </a:cxn>
            <a:cxn ang="0">
              <a:pos x="10923" y="0"/>
            </a:cxn>
          </a:cxnLst>
          <a:rect l="0" t="0" r="r" b="b"/>
          <a:pathLst>
            <a:path w="16384" h="16384">
              <a:moveTo>
                <a:pt x="10923" y="0"/>
              </a:moveTo>
              <a:lnTo>
                <a:pt x="0" y="6703"/>
              </a:lnTo>
              <a:lnTo>
                <a:pt x="4779" y="16384"/>
              </a:lnTo>
              <a:lnTo>
                <a:pt x="16384" y="9681"/>
              </a:lnTo>
              <a:lnTo>
                <a:pt x="10923" y="0"/>
              </a:lnTo>
              <a:close/>
            </a:path>
          </a:pathLst>
        </a:custGeom>
        <a:solidFill>
          <a:schemeClr val="accent4">
            <a:lumMod val="20000"/>
            <a:lumOff val="80000"/>
          </a:schemeClr>
        </a:solidFill>
        <a:ln w="9525" cap="flat">
          <a:solidFill>
            <a:srgbClr val="000000"/>
          </a:solidFill>
          <a:prstDash val="solid"/>
          <a:round/>
          <a:headEnd/>
          <a:tailEnd/>
        </a:ln>
      </xdr:spPr>
    </xdr:sp>
    <xdr:clientData/>
  </xdr:twoCellAnchor>
  <xdr:twoCellAnchor editAs="oneCell">
    <xdr:from>
      <xdr:col>16</xdr:col>
      <xdr:colOff>161925</xdr:colOff>
      <xdr:row>16</xdr:row>
      <xdr:rowOff>66675</xdr:rowOff>
    </xdr:from>
    <xdr:to>
      <xdr:col>16</xdr:col>
      <xdr:colOff>485775</xdr:colOff>
      <xdr:row>17</xdr:row>
      <xdr:rowOff>133350</xdr:rowOff>
    </xdr:to>
    <xdr:sp macro="" textlink="">
      <xdr:nvSpPr>
        <xdr:cNvPr id="197" name="d14131_2">
          <a:extLst>
            <a:ext uri="{FF2B5EF4-FFF2-40B4-BE49-F238E27FC236}">
              <a16:creationId xmlns:a16="http://schemas.microsoft.com/office/drawing/2014/main" id="{00000000-0008-0000-0000-0000C5000000}"/>
            </a:ext>
          </a:extLst>
        </xdr:cNvPr>
        <xdr:cNvSpPr>
          <a:spLocks/>
        </xdr:cNvSpPr>
      </xdr:nvSpPr>
      <xdr:spPr bwMode="auto">
        <a:xfrm>
          <a:off x="9915525" y="2505075"/>
          <a:ext cx="323850" cy="219075"/>
        </a:xfrm>
        <a:custGeom>
          <a:avLst/>
          <a:gdLst/>
          <a:ahLst/>
          <a:cxnLst>
            <a:cxn ang="0">
              <a:pos x="0" y="9973"/>
            </a:cxn>
            <a:cxn ang="0">
              <a:pos x="2409" y="16384"/>
            </a:cxn>
            <a:cxn ang="0">
              <a:pos x="16384" y="4274"/>
            </a:cxn>
            <a:cxn ang="0">
              <a:pos x="15902" y="0"/>
            </a:cxn>
            <a:cxn ang="0">
              <a:pos x="13011" y="0"/>
            </a:cxn>
            <a:cxn ang="0">
              <a:pos x="0" y="9973"/>
            </a:cxn>
          </a:cxnLst>
          <a:rect l="0" t="0" r="r" b="b"/>
          <a:pathLst>
            <a:path w="16384" h="16384">
              <a:moveTo>
                <a:pt x="0" y="9973"/>
              </a:moveTo>
              <a:lnTo>
                <a:pt x="2409" y="16384"/>
              </a:lnTo>
              <a:lnTo>
                <a:pt x="16384" y="4274"/>
              </a:lnTo>
              <a:lnTo>
                <a:pt x="15902" y="0"/>
              </a:lnTo>
              <a:lnTo>
                <a:pt x="13011" y="0"/>
              </a:lnTo>
              <a:lnTo>
                <a:pt x="0" y="9973"/>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3</xdr:col>
      <xdr:colOff>447675</xdr:colOff>
      <xdr:row>1</xdr:row>
      <xdr:rowOff>19050</xdr:rowOff>
    </xdr:from>
    <xdr:to>
      <xdr:col>11</xdr:col>
      <xdr:colOff>0</xdr:colOff>
      <xdr:row>19</xdr:row>
      <xdr:rowOff>0</xdr:rowOff>
    </xdr:to>
    <xdr:sp macro="" textlink="">
      <xdr:nvSpPr>
        <xdr:cNvPr id="198" name="d14209">
          <a:extLst>
            <a:ext uri="{FF2B5EF4-FFF2-40B4-BE49-F238E27FC236}">
              <a16:creationId xmlns:a16="http://schemas.microsoft.com/office/drawing/2014/main" id="{00000000-0008-0000-0000-0000C6000000}"/>
            </a:ext>
          </a:extLst>
        </xdr:cNvPr>
        <xdr:cNvSpPr>
          <a:spLocks/>
        </xdr:cNvSpPr>
      </xdr:nvSpPr>
      <xdr:spPr bwMode="auto">
        <a:xfrm>
          <a:off x="2276475" y="171450"/>
          <a:ext cx="4429125" cy="2724150"/>
        </a:xfrm>
        <a:custGeom>
          <a:avLst/>
          <a:gdLst/>
          <a:ahLst/>
          <a:cxnLst>
            <a:cxn ang="0">
              <a:pos x="465" y="210"/>
            </a:cxn>
            <a:cxn ang="0">
              <a:pos x="431" y="176"/>
            </a:cxn>
            <a:cxn ang="0">
              <a:pos x="412" y="154"/>
            </a:cxn>
            <a:cxn ang="0">
              <a:pos x="386" y="129"/>
            </a:cxn>
            <a:cxn ang="0">
              <a:pos x="355" y="109"/>
            </a:cxn>
            <a:cxn ang="0">
              <a:pos x="317" y="99"/>
            </a:cxn>
            <a:cxn ang="0">
              <a:pos x="288" y="98"/>
            </a:cxn>
            <a:cxn ang="0">
              <a:pos x="252" y="86"/>
            </a:cxn>
            <a:cxn ang="0">
              <a:pos x="237" y="99"/>
            </a:cxn>
            <a:cxn ang="0">
              <a:pos x="216" y="99"/>
            </a:cxn>
            <a:cxn ang="0">
              <a:pos x="198" y="89"/>
            </a:cxn>
            <a:cxn ang="0">
              <a:pos x="181" y="67"/>
            </a:cxn>
            <a:cxn ang="0">
              <a:pos x="171" y="34"/>
            </a:cxn>
            <a:cxn ang="0">
              <a:pos x="138" y="39"/>
            </a:cxn>
            <a:cxn ang="0">
              <a:pos x="119" y="24"/>
            </a:cxn>
            <a:cxn ang="0">
              <a:pos x="110" y="7"/>
            </a:cxn>
            <a:cxn ang="0">
              <a:pos x="85" y="3"/>
            </a:cxn>
            <a:cxn ang="0">
              <a:pos x="69" y="9"/>
            </a:cxn>
            <a:cxn ang="0">
              <a:pos x="64" y="36"/>
            </a:cxn>
            <a:cxn ang="0">
              <a:pos x="71" y="72"/>
            </a:cxn>
            <a:cxn ang="0">
              <a:pos x="80" y="82"/>
            </a:cxn>
            <a:cxn ang="0">
              <a:pos x="71" y="114"/>
            </a:cxn>
            <a:cxn ang="0">
              <a:pos x="68" y="129"/>
            </a:cxn>
            <a:cxn ang="0">
              <a:pos x="70" y="160"/>
            </a:cxn>
            <a:cxn ang="0">
              <a:pos x="52" y="193"/>
            </a:cxn>
            <a:cxn ang="0">
              <a:pos x="44" y="202"/>
            </a:cxn>
            <a:cxn ang="0">
              <a:pos x="17" y="232"/>
            </a:cxn>
            <a:cxn ang="0">
              <a:pos x="2" y="242"/>
            </a:cxn>
            <a:cxn ang="0">
              <a:pos x="22" y="260"/>
            </a:cxn>
            <a:cxn ang="0">
              <a:pos x="38" y="274"/>
            </a:cxn>
            <a:cxn ang="0">
              <a:pos x="69" y="280"/>
            </a:cxn>
            <a:cxn ang="0">
              <a:pos x="93" y="281"/>
            </a:cxn>
            <a:cxn ang="0">
              <a:pos x="112" y="286"/>
            </a:cxn>
            <a:cxn ang="0">
              <a:pos x="122" y="270"/>
            </a:cxn>
            <a:cxn ang="0">
              <a:pos x="149" y="241"/>
            </a:cxn>
            <a:cxn ang="0">
              <a:pos x="162" y="231"/>
            </a:cxn>
            <a:cxn ang="0">
              <a:pos x="177" y="218"/>
            </a:cxn>
            <a:cxn ang="0">
              <a:pos x="181" y="201"/>
            </a:cxn>
            <a:cxn ang="0">
              <a:pos x="203" y="198"/>
            </a:cxn>
            <a:cxn ang="0">
              <a:pos x="222" y="180"/>
            </a:cxn>
            <a:cxn ang="0">
              <a:pos x="237" y="179"/>
            </a:cxn>
            <a:cxn ang="0">
              <a:pos x="252" y="185"/>
            </a:cxn>
            <a:cxn ang="0">
              <a:pos x="269" y="170"/>
            </a:cxn>
            <a:cxn ang="0">
              <a:pos x="284" y="182"/>
            </a:cxn>
            <a:cxn ang="0">
              <a:pos x="297" y="196"/>
            </a:cxn>
            <a:cxn ang="0">
              <a:pos x="327" y="200"/>
            </a:cxn>
            <a:cxn ang="0">
              <a:pos x="357" y="221"/>
            </a:cxn>
            <a:cxn ang="0">
              <a:pos x="368" y="262"/>
            </a:cxn>
            <a:cxn ang="0">
              <a:pos x="395" y="254"/>
            </a:cxn>
            <a:cxn ang="0">
              <a:pos x="421" y="230"/>
            </a:cxn>
            <a:cxn ang="0">
              <a:pos x="433" y="239"/>
            </a:cxn>
            <a:cxn ang="0">
              <a:pos x="454" y="228"/>
            </a:cxn>
          </a:cxnLst>
          <a:rect l="0" t="0" r="r" b="b"/>
          <a:pathLst>
            <a:path w="465" h="286">
              <a:moveTo>
                <a:pt x="464" y="223"/>
              </a:moveTo>
              <a:lnTo>
                <a:pt x="462" y="222"/>
              </a:lnTo>
              <a:lnTo>
                <a:pt x="462" y="218"/>
              </a:lnTo>
              <a:lnTo>
                <a:pt x="465" y="215"/>
              </a:lnTo>
              <a:lnTo>
                <a:pt x="465" y="210"/>
              </a:lnTo>
              <a:lnTo>
                <a:pt x="456" y="201"/>
              </a:lnTo>
              <a:lnTo>
                <a:pt x="452" y="194"/>
              </a:lnTo>
              <a:lnTo>
                <a:pt x="444" y="189"/>
              </a:lnTo>
              <a:lnTo>
                <a:pt x="434" y="182"/>
              </a:lnTo>
              <a:lnTo>
                <a:pt x="431" y="176"/>
              </a:lnTo>
              <a:lnTo>
                <a:pt x="426" y="173"/>
              </a:lnTo>
              <a:lnTo>
                <a:pt x="425" y="167"/>
              </a:lnTo>
              <a:lnTo>
                <a:pt x="416" y="162"/>
              </a:lnTo>
              <a:lnTo>
                <a:pt x="415" y="157"/>
              </a:lnTo>
              <a:lnTo>
                <a:pt x="412" y="154"/>
              </a:lnTo>
              <a:lnTo>
                <a:pt x="410" y="149"/>
              </a:lnTo>
              <a:lnTo>
                <a:pt x="405" y="143"/>
              </a:lnTo>
              <a:lnTo>
                <a:pt x="401" y="142"/>
              </a:lnTo>
              <a:lnTo>
                <a:pt x="396" y="132"/>
              </a:lnTo>
              <a:lnTo>
                <a:pt x="386" y="129"/>
              </a:lnTo>
              <a:lnTo>
                <a:pt x="383" y="124"/>
              </a:lnTo>
              <a:lnTo>
                <a:pt x="370" y="119"/>
              </a:lnTo>
              <a:lnTo>
                <a:pt x="369" y="115"/>
              </a:lnTo>
              <a:lnTo>
                <a:pt x="362" y="114"/>
              </a:lnTo>
              <a:lnTo>
                <a:pt x="355" y="109"/>
              </a:lnTo>
              <a:lnTo>
                <a:pt x="343" y="105"/>
              </a:lnTo>
              <a:lnTo>
                <a:pt x="338" y="104"/>
              </a:lnTo>
              <a:lnTo>
                <a:pt x="331" y="103"/>
              </a:lnTo>
              <a:lnTo>
                <a:pt x="322" y="98"/>
              </a:lnTo>
              <a:lnTo>
                <a:pt x="317" y="99"/>
              </a:lnTo>
              <a:lnTo>
                <a:pt x="311" y="99"/>
              </a:lnTo>
              <a:lnTo>
                <a:pt x="306" y="98"/>
              </a:lnTo>
              <a:lnTo>
                <a:pt x="300" y="97"/>
              </a:lnTo>
              <a:lnTo>
                <a:pt x="293" y="99"/>
              </a:lnTo>
              <a:lnTo>
                <a:pt x="288" y="98"/>
              </a:lnTo>
              <a:lnTo>
                <a:pt x="282" y="98"/>
              </a:lnTo>
              <a:lnTo>
                <a:pt x="278" y="95"/>
              </a:lnTo>
              <a:lnTo>
                <a:pt x="273" y="91"/>
              </a:lnTo>
              <a:lnTo>
                <a:pt x="260" y="86"/>
              </a:lnTo>
              <a:lnTo>
                <a:pt x="252" y="86"/>
              </a:lnTo>
              <a:lnTo>
                <a:pt x="247" y="85"/>
              </a:lnTo>
              <a:lnTo>
                <a:pt x="241" y="87"/>
              </a:lnTo>
              <a:lnTo>
                <a:pt x="239" y="93"/>
              </a:lnTo>
              <a:lnTo>
                <a:pt x="237" y="95"/>
              </a:lnTo>
              <a:lnTo>
                <a:pt x="237" y="99"/>
              </a:lnTo>
              <a:lnTo>
                <a:pt x="235" y="102"/>
              </a:lnTo>
              <a:lnTo>
                <a:pt x="228" y="101"/>
              </a:lnTo>
              <a:lnTo>
                <a:pt x="226" y="100"/>
              </a:lnTo>
              <a:lnTo>
                <a:pt x="220" y="102"/>
              </a:lnTo>
              <a:lnTo>
                <a:pt x="216" y="99"/>
              </a:lnTo>
              <a:lnTo>
                <a:pt x="211" y="99"/>
              </a:lnTo>
              <a:lnTo>
                <a:pt x="208" y="96"/>
              </a:lnTo>
              <a:lnTo>
                <a:pt x="205" y="97"/>
              </a:lnTo>
              <a:lnTo>
                <a:pt x="201" y="91"/>
              </a:lnTo>
              <a:lnTo>
                <a:pt x="198" y="89"/>
              </a:lnTo>
              <a:lnTo>
                <a:pt x="194" y="87"/>
              </a:lnTo>
              <a:lnTo>
                <a:pt x="194" y="84"/>
              </a:lnTo>
              <a:lnTo>
                <a:pt x="186" y="71"/>
              </a:lnTo>
              <a:lnTo>
                <a:pt x="182" y="70"/>
              </a:lnTo>
              <a:lnTo>
                <a:pt x="181" y="67"/>
              </a:lnTo>
              <a:lnTo>
                <a:pt x="182" y="62"/>
              </a:lnTo>
              <a:lnTo>
                <a:pt x="178" y="56"/>
              </a:lnTo>
              <a:lnTo>
                <a:pt x="176" y="50"/>
              </a:lnTo>
              <a:lnTo>
                <a:pt x="176" y="38"/>
              </a:lnTo>
              <a:lnTo>
                <a:pt x="171" y="34"/>
              </a:lnTo>
              <a:lnTo>
                <a:pt x="160" y="30"/>
              </a:lnTo>
              <a:lnTo>
                <a:pt x="153" y="30"/>
              </a:lnTo>
              <a:lnTo>
                <a:pt x="151" y="31"/>
              </a:lnTo>
              <a:lnTo>
                <a:pt x="146" y="37"/>
              </a:lnTo>
              <a:lnTo>
                <a:pt x="138" y="39"/>
              </a:lnTo>
              <a:lnTo>
                <a:pt x="132" y="39"/>
              </a:lnTo>
              <a:lnTo>
                <a:pt x="128" y="35"/>
              </a:lnTo>
              <a:lnTo>
                <a:pt x="125" y="31"/>
              </a:lnTo>
              <a:lnTo>
                <a:pt x="118" y="31"/>
              </a:lnTo>
              <a:lnTo>
                <a:pt x="119" y="24"/>
              </a:lnTo>
              <a:lnTo>
                <a:pt x="118" y="22"/>
              </a:lnTo>
              <a:lnTo>
                <a:pt x="118" y="17"/>
              </a:lnTo>
              <a:lnTo>
                <a:pt x="115" y="13"/>
              </a:lnTo>
              <a:lnTo>
                <a:pt x="114" y="10"/>
              </a:lnTo>
              <a:lnTo>
                <a:pt x="110" y="7"/>
              </a:lnTo>
              <a:lnTo>
                <a:pt x="105" y="9"/>
              </a:lnTo>
              <a:lnTo>
                <a:pt x="96" y="9"/>
              </a:lnTo>
              <a:lnTo>
                <a:pt x="92" y="7"/>
              </a:lnTo>
              <a:lnTo>
                <a:pt x="89" y="3"/>
              </a:lnTo>
              <a:lnTo>
                <a:pt x="85" y="3"/>
              </a:lnTo>
              <a:lnTo>
                <a:pt x="78" y="0"/>
              </a:lnTo>
              <a:lnTo>
                <a:pt x="75" y="1"/>
              </a:lnTo>
              <a:lnTo>
                <a:pt x="75" y="5"/>
              </a:lnTo>
              <a:lnTo>
                <a:pt x="74" y="7"/>
              </a:lnTo>
              <a:lnTo>
                <a:pt x="69" y="9"/>
              </a:lnTo>
              <a:lnTo>
                <a:pt x="66" y="14"/>
              </a:lnTo>
              <a:lnTo>
                <a:pt x="62" y="16"/>
              </a:lnTo>
              <a:lnTo>
                <a:pt x="61" y="21"/>
              </a:lnTo>
              <a:lnTo>
                <a:pt x="58" y="25"/>
              </a:lnTo>
              <a:lnTo>
                <a:pt x="64" y="36"/>
              </a:lnTo>
              <a:lnTo>
                <a:pt x="68" y="40"/>
              </a:lnTo>
              <a:lnTo>
                <a:pt x="69" y="47"/>
              </a:lnTo>
              <a:lnTo>
                <a:pt x="66" y="54"/>
              </a:lnTo>
              <a:lnTo>
                <a:pt x="66" y="63"/>
              </a:lnTo>
              <a:lnTo>
                <a:pt x="71" y="72"/>
              </a:lnTo>
              <a:lnTo>
                <a:pt x="70" y="76"/>
              </a:lnTo>
              <a:lnTo>
                <a:pt x="72" y="78"/>
              </a:lnTo>
              <a:lnTo>
                <a:pt x="76" y="80"/>
              </a:lnTo>
              <a:lnTo>
                <a:pt x="79" y="81"/>
              </a:lnTo>
              <a:lnTo>
                <a:pt x="80" y="82"/>
              </a:lnTo>
              <a:lnTo>
                <a:pt x="72" y="84"/>
              </a:lnTo>
              <a:lnTo>
                <a:pt x="72" y="86"/>
              </a:lnTo>
              <a:lnTo>
                <a:pt x="76" y="92"/>
              </a:lnTo>
              <a:lnTo>
                <a:pt x="77" y="97"/>
              </a:lnTo>
              <a:lnTo>
                <a:pt x="71" y="114"/>
              </a:lnTo>
              <a:lnTo>
                <a:pt x="67" y="115"/>
              </a:lnTo>
              <a:lnTo>
                <a:pt x="66" y="119"/>
              </a:lnTo>
              <a:lnTo>
                <a:pt x="63" y="125"/>
              </a:lnTo>
              <a:lnTo>
                <a:pt x="63" y="129"/>
              </a:lnTo>
              <a:lnTo>
                <a:pt x="68" y="129"/>
              </a:lnTo>
              <a:lnTo>
                <a:pt x="70" y="132"/>
              </a:lnTo>
              <a:lnTo>
                <a:pt x="71" y="135"/>
              </a:lnTo>
              <a:lnTo>
                <a:pt x="71" y="144"/>
              </a:lnTo>
              <a:lnTo>
                <a:pt x="73" y="155"/>
              </a:lnTo>
              <a:lnTo>
                <a:pt x="70" y="160"/>
              </a:lnTo>
              <a:lnTo>
                <a:pt x="62" y="169"/>
              </a:lnTo>
              <a:lnTo>
                <a:pt x="56" y="172"/>
              </a:lnTo>
              <a:lnTo>
                <a:pt x="54" y="178"/>
              </a:lnTo>
              <a:lnTo>
                <a:pt x="52" y="186"/>
              </a:lnTo>
              <a:lnTo>
                <a:pt x="52" y="193"/>
              </a:lnTo>
              <a:lnTo>
                <a:pt x="52" y="195"/>
              </a:lnTo>
              <a:lnTo>
                <a:pt x="51" y="198"/>
              </a:lnTo>
              <a:lnTo>
                <a:pt x="48" y="200"/>
              </a:lnTo>
              <a:lnTo>
                <a:pt x="48" y="202"/>
              </a:lnTo>
              <a:lnTo>
                <a:pt x="44" y="202"/>
              </a:lnTo>
              <a:lnTo>
                <a:pt x="41" y="210"/>
              </a:lnTo>
              <a:lnTo>
                <a:pt x="35" y="214"/>
              </a:lnTo>
              <a:lnTo>
                <a:pt x="31" y="216"/>
              </a:lnTo>
              <a:lnTo>
                <a:pt x="24" y="225"/>
              </a:lnTo>
              <a:lnTo>
                <a:pt x="17" y="232"/>
              </a:lnTo>
              <a:lnTo>
                <a:pt x="13" y="232"/>
              </a:lnTo>
              <a:lnTo>
                <a:pt x="8" y="234"/>
              </a:lnTo>
              <a:lnTo>
                <a:pt x="0" y="234"/>
              </a:lnTo>
              <a:lnTo>
                <a:pt x="2" y="238"/>
              </a:lnTo>
              <a:lnTo>
                <a:pt x="2" y="242"/>
              </a:lnTo>
              <a:lnTo>
                <a:pt x="1" y="244"/>
              </a:lnTo>
              <a:lnTo>
                <a:pt x="5" y="248"/>
              </a:lnTo>
              <a:lnTo>
                <a:pt x="6" y="254"/>
              </a:lnTo>
              <a:lnTo>
                <a:pt x="8" y="256"/>
              </a:lnTo>
              <a:lnTo>
                <a:pt x="22" y="260"/>
              </a:lnTo>
              <a:lnTo>
                <a:pt x="25" y="262"/>
              </a:lnTo>
              <a:lnTo>
                <a:pt x="28" y="267"/>
              </a:lnTo>
              <a:lnTo>
                <a:pt x="33" y="268"/>
              </a:lnTo>
              <a:lnTo>
                <a:pt x="35" y="271"/>
              </a:lnTo>
              <a:lnTo>
                <a:pt x="38" y="274"/>
              </a:lnTo>
              <a:lnTo>
                <a:pt x="40" y="280"/>
              </a:lnTo>
              <a:lnTo>
                <a:pt x="47" y="281"/>
              </a:lnTo>
              <a:lnTo>
                <a:pt x="60" y="285"/>
              </a:lnTo>
              <a:lnTo>
                <a:pt x="65" y="284"/>
              </a:lnTo>
              <a:lnTo>
                <a:pt x="69" y="280"/>
              </a:lnTo>
              <a:lnTo>
                <a:pt x="74" y="276"/>
              </a:lnTo>
              <a:lnTo>
                <a:pt x="80" y="270"/>
              </a:lnTo>
              <a:lnTo>
                <a:pt x="87" y="271"/>
              </a:lnTo>
              <a:lnTo>
                <a:pt x="92" y="274"/>
              </a:lnTo>
              <a:lnTo>
                <a:pt x="93" y="281"/>
              </a:lnTo>
              <a:lnTo>
                <a:pt x="98" y="284"/>
              </a:lnTo>
              <a:lnTo>
                <a:pt x="100" y="284"/>
              </a:lnTo>
              <a:lnTo>
                <a:pt x="105" y="282"/>
              </a:lnTo>
              <a:lnTo>
                <a:pt x="109" y="283"/>
              </a:lnTo>
              <a:lnTo>
                <a:pt x="112" y="286"/>
              </a:lnTo>
              <a:lnTo>
                <a:pt x="114" y="284"/>
              </a:lnTo>
              <a:lnTo>
                <a:pt x="114" y="282"/>
              </a:lnTo>
              <a:lnTo>
                <a:pt x="115" y="278"/>
              </a:lnTo>
              <a:lnTo>
                <a:pt x="119" y="273"/>
              </a:lnTo>
              <a:lnTo>
                <a:pt x="122" y="270"/>
              </a:lnTo>
              <a:lnTo>
                <a:pt x="131" y="259"/>
              </a:lnTo>
              <a:lnTo>
                <a:pt x="139" y="250"/>
              </a:lnTo>
              <a:lnTo>
                <a:pt x="143" y="245"/>
              </a:lnTo>
              <a:lnTo>
                <a:pt x="148" y="241"/>
              </a:lnTo>
              <a:lnTo>
                <a:pt x="149" y="241"/>
              </a:lnTo>
              <a:lnTo>
                <a:pt x="153" y="240"/>
              </a:lnTo>
              <a:lnTo>
                <a:pt x="154" y="239"/>
              </a:lnTo>
              <a:lnTo>
                <a:pt x="157" y="237"/>
              </a:lnTo>
              <a:lnTo>
                <a:pt x="159" y="234"/>
              </a:lnTo>
              <a:lnTo>
                <a:pt x="162" y="231"/>
              </a:lnTo>
              <a:lnTo>
                <a:pt x="165" y="229"/>
              </a:lnTo>
              <a:lnTo>
                <a:pt x="167" y="228"/>
              </a:lnTo>
              <a:lnTo>
                <a:pt x="171" y="223"/>
              </a:lnTo>
              <a:lnTo>
                <a:pt x="173" y="221"/>
              </a:lnTo>
              <a:lnTo>
                <a:pt x="177" y="218"/>
              </a:lnTo>
              <a:lnTo>
                <a:pt x="181" y="210"/>
              </a:lnTo>
              <a:lnTo>
                <a:pt x="184" y="209"/>
              </a:lnTo>
              <a:lnTo>
                <a:pt x="184" y="206"/>
              </a:lnTo>
              <a:lnTo>
                <a:pt x="181" y="203"/>
              </a:lnTo>
              <a:lnTo>
                <a:pt x="181" y="201"/>
              </a:lnTo>
              <a:lnTo>
                <a:pt x="189" y="194"/>
              </a:lnTo>
              <a:lnTo>
                <a:pt x="196" y="204"/>
              </a:lnTo>
              <a:lnTo>
                <a:pt x="197" y="202"/>
              </a:lnTo>
              <a:lnTo>
                <a:pt x="203" y="202"/>
              </a:lnTo>
              <a:lnTo>
                <a:pt x="203" y="198"/>
              </a:lnTo>
              <a:lnTo>
                <a:pt x="206" y="198"/>
              </a:lnTo>
              <a:lnTo>
                <a:pt x="206" y="193"/>
              </a:lnTo>
              <a:lnTo>
                <a:pt x="214" y="188"/>
              </a:lnTo>
              <a:lnTo>
                <a:pt x="215" y="185"/>
              </a:lnTo>
              <a:lnTo>
                <a:pt x="222" y="180"/>
              </a:lnTo>
              <a:lnTo>
                <a:pt x="223" y="180"/>
              </a:lnTo>
              <a:lnTo>
                <a:pt x="227" y="180"/>
              </a:lnTo>
              <a:lnTo>
                <a:pt x="231" y="179"/>
              </a:lnTo>
              <a:lnTo>
                <a:pt x="235" y="177"/>
              </a:lnTo>
              <a:lnTo>
                <a:pt x="237" y="179"/>
              </a:lnTo>
              <a:lnTo>
                <a:pt x="241" y="179"/>
              </a:lnTo>
              <a:lnTo>
                <a:pt x="241" y="181"/>
              </a:lnTo>
              <a:lnTo>
                <a:pt x="247" y="182"/>
              </a:lnTo>
              <a:lnTo>
                <a:pt x="249" y="184"/>
              </a:lnTo>
              <a:lnTo>
                <a:pt x="252" y="185"/>
              </a:lnTo>
              <a:lnTo>
                <a:pt x="252" y="177"/>
              </a:lnTo>
              <a:lnTo>
                <a:pt x="259" y="173"/>
              </a:lnTo>
              <a:lnTo>
                <a:pt x="259" y="170"/>
              </a:lnTo>
              <a:lnTo>
                <a:pt x="265" y="168"/>
              </a:lnTo>
              <a:lnTo>
                <a:pt x="269" y="170"/>
              </a:lnTo>
              <a:lnTo>
                <a:pt x="272" y="169"/>
              </a:lnTo>
              <a:lnTo>
                <a:pt x="273" y="171"/>
              </a:lnTo>
              <a:lnTo>
                <a:pt x="280" y="176"/>
              </a:lnTo>
              <a:lnTo>
                <a:pt x="282" y="181"/>
              </a:lnTo>
              <a:lnTo>
                <a:pt x="284" y="182"/>
              </a:lnTo>
              <a:lnTo>
                <a:pt x="287" y="187"/>
              </a:lnTo>
              <a:lnTo>
                <a:pt x="289" y="187"/>
              </a:lnTo>
              <a:lnTo>
                <a:pt x="292" y="190"/>
              </a:lnTo>
              <a:lnTo>
                <a:pt x="294" y="193"/>
              </a:lnTo>
              <a:lnTo>
                <a:pt x="297" y="196"/>
              </a:lnTo>
              <a:lnTo>
                <a:pt x="305" y="192"/>
              </a:lnTo>
              <a:lnTo>
                <a:pt x="307" y="192"/>
              </a:lnTo>
              <a:lnTo>
                <a:pt x="309" y="190"/>
              </a:lnTo>
              <a:lnTo>
                <a:pt x="317" y="194"/>
              </a:lnTo>
              <a:lnTo>
                <a:pt x="327" y="200"/>
              </a:lnTo>
              <a:lnTo>
                <a:pt x="336" y="207"/>
              </a:lnTo>
              <a:lnTo>
                <a:pt x="343" y="212"/>
              </a:lnTo>
              <a:lnTo>
                <a:pt x="346" y="215"/>
              </a:lnTo>
              <a:lnTo>
                <a:pt x="350" y="220"/>
              </a:lnTo>
              <a:lnTo>
                <a:pt x="357" y="221"/>
              </a:lnTo>
              <a:lnTo>
                <a:pt x="368" y="228"/>
              </a:lnTo>
              <a:lnTo>
                <a:pt x="369" y="235"/>
              </a:lnTo>
              <a:lnTo>
                <a:pt x="368" y="253"/>
              </a:lnTo>
              <a:lnTo>
                <a:pt x="366" y="262"/>
              </a:lnTo>
              <a:lnTo>
                <a:pt x="368" y="262"/>
              </a:lnTo>
              <a:lnTo>
                <a:pt x="374" y="263"/>
              </a:lnTo>
              <a:lnTo>
                <a:pt x="381" y="264"/>
              </a:lnTo>
              <a:lnTo>
                <a:pt x="386" y="260"/>
              </a:lnTo>
              <a:lnTo>
                <a:pt x="389" y="255"/>
              </a:lnTo>
              <a:lnTo>
                <a:pt x="395" y="254"/>
              </a:lnTo>
              <a:lnTo>
                <a:pt x="402" y="253"/>
              </a:lnTo>
              <a:lnTo>
                <a:pt x="406" y="247"/>
              </a:lnTo>
              <a:lnTo>
                <a:pt x="411" y="240"/>
              </a:lnTo>
              <a:lnTo>
                <a:pt x="417" y="234"/>
              </a:lnTo>
              <a:lnTo>
                <a:pt x="421" y="230"/>
              </a:lnTo>
              <a:lnTo>
                <a:pt x="426" y="232"/>
              </a:lnTo>
              <a:lnTo>
                <a:pt x="430" y="235"/>
              </a:lnTo>
              <a:lnTo>
                <a:pt x="430" y="239"/>
              </a:lnTo>
              <a:lnTo>
                <a:pt x="431" y="241"/>
              </a:lnTo>
              <a:lnTo>
                <a:pt x="433" y="239"/>
              </a:lnTo>
              <a:lnTo>
                <a:pt x="437" y="239"/>
              </a:lnTo>
              <a:lnTo>
                <a:pt x="442" y="238"/>
              </a:lnTo>
              <a:lnTo>
                <a:pt x="448" y="235"/>
              </a:lnTo>
              <a:lnTo>
                <a:pt x="451" y="230"/>
              </a:lnTo>
              <a:lnTo>
                <a:pt x="454" y="228"/>
              </a:lnTo>
              <a:lnTo>
                <a:pt x="458" y="226"/>
              </a:lnTo>
              <a:lnTo>
                <a:pt x="464" y="223"/>
              </a:lnTo>
              <a:close/>
            </a:path>
          </a:pathLst>
        </a:custGeom>
        <a:solidFill>
          <a:schemeClr val="accent3">
            <a:lumMod val="75000"/>
          </a:schemeClr>
        </a:solidFill>
        <a:ln w="9525" cap="flat" cmpd="sng">
          <a:solidFill>
            <a:srgbClr val="000000"/>
          </a:solidFill>
          <a:prstDash val="solid"/>
          <a:round/>
          <a:headEnd/>
          <a:tailEnd/>
        </a:ln>
      </xdr:spPr>
    </xdr:sp>
    <xdr:clientData/>
  </xdr:twoCellAnchor>
  <xdr:twoCellAnchor>
    <xdr:from>
      <xdr:col>9</xdr:col>
      <xdr:colOff>266700</xdr:colOff>
      <xdr:row>15</xdr:row>
      <xdr:rowOff>76200</xdr:rowOff>
    </xdr:from>
    <xdr:to>
      <xdr:col>10</xdr:col>
      <xdr:colOff>390525</xdr:colOff>
      <xdr:row>19</xdr:row>
      <xdr:rowOff>95250</xdr:rowOff>
    </xdr:to>
    <xdr:sp macro="" textlink="">
      <xdr:nvSpPr>
        <xdr:cNvPr id="199" name="d14216">
          <a:extLst>
            <a:ext uri="{FF2B5EF4-FFF2-40B4-BE49-F238E27FC236}">
              <a16:creationId xmlns:a16="http://schemas.microsoft.com/office/drawing/2014/main" id="{00000000-0008-0000-0000-0000C7000000}"/>
            </a:ext>
          </a:extLst>
        </xdr:cNvPr>
        <xdr:cNvSpPr>
          <a:spLocks/>
        </xdr:cNvSpPr>
      </xdr:nvSpPr>
      <xdr:spPr bwMode="auto">
        <a:xfrm>
          <a:off x="5753100" y="2362200"/>
          <a:ext cx="733425" cy="628650"/>
        </a:xfrm>
        <a:custGeom>
          <a:avLst/>
          <a:gdLst/>
          <a:ahLst/>
          <a:cxnLst>
            <a:cxn ang="0">
              <a:pos x="66" y="11"/>
            </a:cxn>
            <a:cxn ang="0">
              <a:pos x="65" y="9"/>
            </a:cxn>
            <a:cxn ang="0">
              <a:pos x="65" y="5"/>
            </a:cxn>
            <a:cxn ang="0">
              <a:pos x="61" y="2"/>
            </a:cxn>
            <a:cxn ang="0">
              <a:pos x="56" y="0"/>
            </a:cxn>
            <a:cxn ang="0">
              <a:pos x="52" y="4"/>
            </a:cxn>
            <a:cxn ang="0">
              <a:pos x="46" y="10"/>
            </a:cxn>
            <a:cxn ang="0">
              <a:pos x="41" y="17"/>
            </a:cxn>
            <a:cxn ang="0">
              <a:pos x="37" y="23"/>
            </a:cxn>
            <a:cxn ang="0">
              <a:pos x="30" y="24"/>
            </a:cxn>
            <a:cxn ang="0">
              <a:pos x="24" y="25"/>
            </a:cxn>
            <a:cxn ang="0">
              <a:pos x="21" y="30"/>
            </a:cxn>
            <a:cxn ang="0">
              <a:pos x="16" y="34"/>
            </a:cxn>
            <a:cxn ang="0">
              <a:pos x="9" y="33"/>
            </a:cxn>
            <a:cxn ang="0">
              <a:pos x="3" y="32"/>
            </a:cxn>
            <a:cxn ang="0">
              <a:pos x="1" y="32"/>
            </a:cxn>
            <a:cxn ang="0">
              <a:pos x="0" y="38"/>
            </a:cxn>
            <a:cxn ang="0">
              <a:pos x="1" y="42"/>
            </a:cxn>
            <a:cxn ang="0">
              <a:pos x="1" y="46"/>
            </a:cxn>
            <a:cxn ang="0">
              <a:pos x="3" y="50"/>
            </a:cxn>
            <a:cxn ang="0">
              <a:pos x="6" y="55"/>
            </a:cxn>
            <a:cxn ang="0">
              <a:pos x="7" y="62"/>
            </a:cxn>
            <a:cxn ang="0">
              <a:pos x="8" y="65"/>
            </a:cxn>
            <a:cxn ang="0">
              <a:pos x="16" y="64"/>
            </a:cxn>
            <a:cxn ang="0">
              <a:pos x="21" y="63"/>
            </a:cxn>
            <a:cxn ang="0">
              <a:pos x="24" y="63"/>
            </a:cxn>
            <a:cxn ang="0">
              <a:pos x="28" y="59"/>
            </a:cxn>
            <a:cxn ang="0">
              <a:pos x="35" y="60"/>
            </a:cxn>
            <a:cxn ang="0">
              <a:pos x="40" y="61"/>
            </a:cxn>
            <a:cxn ang="0">
              <a:pos x="45" y="62"/>
            </a:cxn>
            <a:cxn ang="0">
              <a:pos x="47" y="65"/>
            </a:cxn>
            <a:cxn ang="0">
              <a:pos x="51" y="66"/>
            </a:cxn>
            <a:cxn ang="0">
              <a:pos x="54" y="65"/>
            </a:cxn>
            <a:cxn ang="0">
              <a:pos x="56" y="66"/>
            </a:cxn>
            <a:cxn ang="0">
              <a:pos x="65" y="58"/>
            </a:cxn>
            <a:cxn ang="0">
              <a:pos x="71" y="54"/>
            </a:cxn>
            <a:cxn ang="0">
              <a:pos x="73" y="53"/>
            </a:cxn>
            <a:cxn ang="0">
              <a:pos x="77" y="49"/>
            </a:cxn>
            <a:cxn ang="0">
              <a:pos x="75" y="42"/>
            </a:cxn>
            <a:cxn ang="0">
              <a:pos x="69" y="24"/>
            </a:cxn>
            <a:cxn ang="0">
              <a:pos x="67" y="16"/>
            </a:cxn>
            <a:cxn ang="0">
              <a:pos x="66" y="11"/>
            </a:cxn>
          </a:cxnLst>
          <a:rect l="0" t="0" r="r" b="b"/>
          <a:pathLst>
            <a:path w="77" h="66">
              <a:moveTo>
                <a:pt x="66" y="11"/>
              </a:moveTo>
              <a:lnTo>
                <a:pt x="65" y="9"/>
              </a:lnTo>
              <a:lnTo>
                <a:pt x="65" y="5"/>
              </a:lnTo>
              <a:lnTo>
                <a:pt x="61" y="2"/>
              </a:lnTo>
              <a:lnTo>
                <a:pt x="56" y="0"/>
              </a:lnTo>
              <a:lnTo>
                <a:pt x="52" y="4"/>
              </a:lnTo>
              <a:lnTo>
                <a:pt x="46" y="10"/>
              </a:lnTo>
              <a:lnTo>
                <a:pt x="41" y="17"/>
              </a:lnTo>
              <a:lnTo>
                <a:pt x="37" y="23"/>
              </a:lnTo>
              <a:lnTo>
                <a:pt x="30" y="24"/>
              </a:lnTo>
              <a:lnTo>
                <a:pt x="24" y="25"/>
              </a:lnTo>
              <a:lnTo>
                <a:pt x="21" y="30"/>
              </a:lnTo>
              <a:lnTo>
                <a:pt x="16" y="34"/>
              </a:lnTo>
              <a:lnTo>
                <a:pt x="9" y="33"/>
              </a:lnTo>
              <a:lnTo>
                <a:pt x="3" y="32"/>
              </a:lnTo>
              <a:lnTo>
                <a:pt x="1" y="32"/>
              </a:lnTo>
              <a:lnTo>
                <a:pt x="0" y="38"/>
              </a:lnTo>
              <a:lnTo>
                <a:pt x="1" y="42"/>
              </a:lnTo>
              <a:lnTo>
                <a:pt x="1" y="46"/>
              </a:lnTo>
              <a:lnTo>
                <a:pt x="3" y="50"/>
              </a:lnTo>
              <a:lnTo>
                <a:pt x="6" y="55"/>
              </a:lnTo>
              <a:lnTo>
                <a:pt x="7" y="62"/>
              </a:lnTo>
              <a:lnTo>
                <a:pt x="8" y="65"/>
              </a:lnTo>
              <a:lnTo>
                <a:pt x="16" y="64"/>
              </a:lnTo>
              <a:lnTo>
                <a:pt x="21" y="63"/>
              </a:lnTo>
              <a:lnTo>
                <a:pt x="24" y="63"/>
              </a:lnTo>
              <a:lnTo>
                <a:pt x="28" y="59"/>
              </a:lnTo>
              <a:lnTo>
                <a:pt x="35" y="60"/>
              </a:lnTo>
              <a:lnTo>
                <a:pt x="40" y="61"/>
              </a:lnTo>
              <a:lnTo>
                <a:pt x="45" y="62"/>
              </a:lnTo>
              <a:lnTo>
                <a:pt x="47" y="65"/>
              </a:lnTo>
              <a:lnTo>
                <a:pt x="51" y="66"/>
              </a:lnTo>
              <a:lnTo>
                <a:pt x="54" y="65"/>
              </a:lnTo>
              <a:lnTo>
                <a:pt x="56" y="66"/>
              </a:lnTo>
              <a:lnTo>
                <a:pt x="65" y="58"/>
              </a:lnTo>
              <a:lnTo>
                <a:pt x="71" y="54"/>
              </a:lnTo>
              <a:lnTo>
                <a:pt x="73" y="53"/>
              </a:lnTo>
              <a:lnTo>
                <a:pt x="77" y="49"/>
              </a:lnTo>
              <a:lnTo>
                <a:pt x="75" y="42"/>
              </a:lnTo>
              <a:lnTo>
                <a:pt x="69" y="24"/>
              </a:lnTo>
              <a:lnTo>
                <a:pt x="67" y="16"/>
              </a:lnTo>
              <a:lnTo>
                <a:pt x="66" y="11"/>
              </a:lnTo>
              <a:close/>
            </a:path>
          </a:pathLst>
        </a:custGeom>
        <a:solidFill>
          <a:srgbClr val="FF0000"/>
        </a:solidFill>
        <a:ln w="9525" cap="flat">
          <a:solidFill>
            <a:srgbClr val="000000"/>
          </a:solidFill>
          <a:prstDash val="solid"/>
          <a:round/>
          <a:headEnd/>
          <a:tailEnd/>
        </a:ln>
      </xdr:spPr>
    </xdr:sp>
    <xdr:clientData/>
  </xdr:twoCellAnchor>
  <xdr:twoCellAnchor>
    <xdr:from>
      <xdr:col>9</xdr:col>
      <xdr:colOff>209550</xdr:colOff>
      <xdr:row>18</xdr:row>
      <xdr:rowOff>133350</xdr:rowOff>
    </xdr:from>
    <xdr:to>
      <xdr:col>10</xdr:col>
      <xdr:colOff>371475</xdr:colOff>
      <xdr:row>25</xdr:row>
      <xdr:rowOff>133350</xdr:rowOff>
    </xdr:to>
    <xdr:sp macro="" textlink="">
      <xdr:nvSpPr>
        <xdr:cNvPr id="200" name="d14215">
          <a:extLst>
            <a:ext uri="{FF2B5EF4-FFF2-40B4-BE49-F238E27FC236}">
              <a16:creationId xmlns:a16="http://schemas.microsoft.com/office/drawing/2014/main" id="{00000000-0008-0000-0000-0000C8000000}"/>
            </a:ext>
          </a:extLst>
        </xdr:cNvPr>
        <xdr:cNvSpPr>
          <a:spLocks/>
        </xdr:cNvSpPr>
      </xdr:nvSpPr>
      <xdr:spPr bwMode="auto">
        <a:xfrm>
          <a:off x="5695950" y="2876550"/>
          <a:ext cx="771525" cy="1066800"/>
        </a:xfrm>
        <a:custGeom>
          <a:avLst/>
          <a:gdLst/>
          <a:ahLst/>
          <a:cxnLst>
            <a:cxn ang="0">
              <a:pos x="45" y="101"/>
            </a:cxn>
            <a:cxn ang="0">
              <a:pos x="43" y="108"/>
            </a:cxn>
            <a:cxn ang="0">
              <a:pos x="40" y="109"/>
            </a:cxn>
            <a:cxn ang="0">
              <a:pos x="37" y="111"/>
            </a:cxn>
            <a:cxn ang="0">
              <a:pos x="34" y="110"/>
            </a:cxn>
            <a:cxn ang="0">
              <a:pos x="31" y="110"/>
            </a:cxn>
            <a:cxn ang="0">
              <a:pos x="25" y="111"/>
            </a:cxn>
            <a:cxn ang="0">
              <a:pos x="20" y="112"/>
            </a:cxn>
            <a:cxn ang="0">
              <a:pos x="16" y="110"/>
            </a:cxn>
            <a:cxn ang="0">
              <a:pos x="7" y="111"/>
            </a:cxn>
            <a:cxn ang="0">
              <a:pos x="4" y="111"/>
            </a:cxn>
            <a:cxn ang="0">
              <a:pos x="2" y="111"/>
            </a:cxn>
            <a:cxn ang="0">
              <a:pos x="1" y="106"/>
            </a:cxn>
            <a:cxn ang="0">
              <a:pos x="0" y="100"/>
            </a:cxn>
            <a:cxn ang="0">
              <a:pos x="1" y="92"/>
            </a:cxn>
            <a:cxn ang="0">
              <a:pos x="2" y="87"/>
            </a:cxn>
            <a:cxn ang="0">
              <a:pos x="3" y="81"/>
            </a:cxn>
            <a:cxn ang="0">
              <a:pos x="5" y="73"/>
            </a:cxn>
            <a:cxn ang="0">
              <a:pos x="7" y="65"/>
            </a:cxn>
            <a:cxn ang="0">
              <a:pos x="6" y="57"/>
            </a:cxn>
            <a:cxn ang="0">
              <a:pos x="4" y="53"/>
            </a:cxn>
            <a:cxn ang="0">
              <a:pos x="3" y="49"/>
            </a:cxn>
            <a:cxn ang="0">
              <a:pos x="2" y="43"/>
            </a:cxn>
            <a:cxn ang="0">
              <a:pos x="4" y="38"/>
            </a:cxn>
            <a:cxn ang="0">
              <a:pos x="8" y="32"/>
            </a:cxn>
            <a:cxn ang="0">
              <a:pos x="13" y="24"/>
            </a:cxn>
            <a:cxn ang="0">
              <a:pos x="14" y="16"/>
            </a:cxn>
            <a:cxn ang="0">
              <a:pos x="14" y="11"/>
            </a:cxn>
            <a:cxn ang="0">
              <a:pos x="22" y="10"/>
            </a:cxn>
            <a:cxn ang="0">
              <a:pos x="27" y="9"/>
            </a:cxn>
            <a:cxn ang="0">
              <a:pos x="30" y="9"/>
            </a:cxn>
            <a:cxn ang="0">
              <a:pos x="34" y="5"/>
            </a:cxn>
            <a:cxn ang="0">
              <a:pos x="41" y="6"/>
            </a:cxn>
            <a:cxn ang="0">
              <a:pos x="46" y="7"/>
            </a:cxn>
            <a:cxn ang="0">
              <a:pos x="51" y="8"/>
            </a:cxn>
            <a:cxn ang="0">
              <a:pos x="53" y="11"/>
            </a:cxn>
            <a:cxn ang="0">
              <a:pos x="57" y="12"/>
            </a:cxn>
            <a:cxn ang="0">
              <a:pos x="60" y="11"/>
            </a:cxn>
            <a:cxn ang="0">
              <a:pos x="62" y="12"/>
            </a:cxn>
            <a:cxn ang="0">
              <a:pos x="71" y="4"/>
            </a:cxn>
            <a:cxn ang="0">
              <a:pos x="77" y="0"/>
            </a:cxn>
            <a:cxn ang="0">
              <a:pos x="80" y="5"/>
            </a:cxn>
            <a:cxn ang="0">
              <a:pos x="81" y="10"/>
            </a:cxn>
            <a:cxn ang="0">
              <a:pos x="81" y="15"/>
            </a:cxn>
            <a:cxn ang="0">
              <a:pos x="63" y="16"/>
            </a:cxn>
            <a:cxn ang="0">
              <a:pos x="61" y="15"/>
            </a:cxn>
            <a:cxn ang="0">
              <a:pos x="59" y="15"/>
            </a:cxn>
            <a:cxn ang="0">
              <a:pos x="59" y="16"/>
            </a:cxn>
            <a:cxn ang="0">
              <a:pos x="50" y="29"/>
            </a:cxn>
            <a:cxn ang="0">
              <a:pos x="48" y="30"/>
            </a:cxn>
            <a:cxn ang="0">
              <a:pos x="44" y="39"/>
            </a:cxn>
            <a:cxn ang="0">
              <a:pos x="40" y="41"/>
            </a:cxn>
            <a:cxn ang="0">
              <a:pos x="40" y="43"/>
            </a:cxn>
            <a:cxn ang="0">
              <a:pos x="44" y="46"/>
            </a:cxn>
            <a:cxn ang="0">
              <a:pos x="45" y="52"/>
            </a:cxn>
            <a:cxn ang="0">
              <a:pos x="48" y="63"/>
            </a:cxn>
            <a:cxn ang="0">
              <a:pos x="48" y="69"/>
            </a:cxn>
            <a:cxn ang="0">
              <a:pos x="46" y="79"/>
            </a:cxn>
            <a:cxn ang="0">
              <a:pos x="45" y="87"/>
            </a:cxn>
            <a:cxn ang="0">
              <a:pos x="45" y="101"/>
            </a:cxn>
          </a:cxnLst>
          <a:rect l="0" t="0" r="r" b="b"/>
          <a:pathLst>
            <a:path w="81" h="112">
              <a:moveTo>
                <a:pt x="45" y="101"/>
              </a:moveTo>
              <a:lnTo>
                <a:pt x="43" y="108"/>
              </a:lnTo>
              <a:lnTo>
                <a:pt x="40" y="109"/>
              </a:lnTo>
              <a:lnTo>
                <a:pt x="37" y="111"/>
              </a:lnTo>
              <a:lnTo>
                <a:pt x="34" y="110"/>
              </a:lnTo>
              <a:lnTo>
                <a:pt x="31" y="110"/>
              </a:lnTo>
              <a:lnTo>
                <a:pt x="25" y="111"/>
              </a:lnTo>
              <a:lnTo>
                <a:pt x="20" y="112"/>
              </a:lnTo>
              <a:lnTo>
                <a:pt x="16" y="110"/>
              </a:lnTo>
              <a:lnTo>
                <a:pt x="7" y="111"/>
              </a:lnTo>
              <a:lnTo>
                <a:pt x="4" y="111"/>
              </a:lnTo>
              <a:lnTo>
                <a:pt x="2" y="111"/>
              </a:lnTo>
              <a:lnTo>
                <a:pt x="1" y="106"/>
              </a:lnTo>
              <a:lnTo>
                <a:pt x="0" y="100"/>
              </a:lnTo>
              <a:lnTo>
                <a:pt x="1" y="92"/>
              </a:lnTo>
              <a:lnTo>
                <a:pt x="2" y="87"/>
              </a:lnTo>
              <a:lnTo>
                <a:pt x="3" y="81"/>
              </a:lnTo>
              <a:lnTo>
                <a:pt x="5" y="73"/>
              </a:lnTo>
              <a:lnTo>
                <a:pt x="7" y="65"/>
              </a:lnTo>
              <a:lnTo>
                <a:pt x="6" y="57"/>
              </a:lnTo>
              <a:lnTo>
                <a:pt x="4" y="53"/>
              </a:lnTo>
              <a:lnTo>
                <a:pt x="3" y="49"/>
              </a:lnTo>
              <a:lnTo>
                <a:pt x="2" y="43"/>
              </a:lnTo>
              <a:lnTo>
                <a:pt x="4" y="38"/>
              </a:lnTo>
              <a:lnTo>
                <a:pt x="8" y="32"/>
              </a:lnTo>
              <a:lnTo>
                <a:pt x="13" y="24"/>
              </a:lnTo>
              <a:lnTo>
                <a:pt x="14" y="16"/>
              </a:lnTo>
              <a:lnTo>
                <a:pt x="14" y="11"/>
              </a:lnTo>
              <a:lnTo>
                <a:pt x="22" y="10"/>
              </a:lnTo>
              <a:lnTo>
                <a:pt x="27" y="9"/>
              </a:lnTo>
              <a:lnTo>
                <a:pt x="30" y="9"/>
              </a:lnTo>
              <a:lnTo>
                <a:pt x="34" y="5"/>
              </a:lnTo>
              <a:lnTo>
                <a:pt x="41" y="6"/>
              </a:lnTo>
              <a:lnTo>
                <a:pt x="46" y="7"/>
              </a:lnTo>
              <a:lnTo>
                <a:pt x="51" y="8"/>
              </a:lnTo>
              <a:lnTo>
                <a:pt x="53" y="11"/>
              </a:lnTo>
              <a:lnTo>
                <a:pt x="57" y="12"/>
              </a:lnTo>
              <a:lnTo>
                <a:pt x="60" y="11"/>
              </a:lnTo>
              <a:lnTo>
                <a:pt x="62" y="12"/>
              </a:lnTo>
              <a:lnTo>
                <a:pt x="71" y="4"/>
              </a:lnTo>
              <a:lnTo>
                <a:pt x="77" y="0"/>
              </a:lnTo>
              <a:lnTo>
                <a:pt x="80" y="5"/>
              </a:lnTo>
              <a:lnTo>
                <a:pt x="81" y="10"/>
              </a:lnTo>
              <a:lnTo>
                <a:pt x="81" y="15"/>
              </a:lnTo>
              <a:lnTo>
                <a:pt x="63" y="16"/>
              </a:lnTo>
              <a:lnTo>
                <a:pt x="61" y="15"/>
              </a:lnTo>
              <a:lnTo>
                <a:pt x="59" y="15"/>
              </a:lnTo>
              <a:lnTo>
                <a:pt x="59" y="16"/>
              </a:lnTo>
              <a:lnTo>
                <a:pt x="50" y="29"/>
              </a:lnTo>
              <a:lnTo>
                <a:pt x="48" y="30"/>
              </a:lnTo>
              <a:lnTo>
                <a:pt x="44" y="39"/>
              </a:lnTo>
              <a:lnTo>
                <a:pt x="40" y="41"/>
              </a:lnTo>
              <a:lnTo>
                <a:pt x="40" y="43"/>
              </a:lnTo>
              <a:lnTo>
                <a:pt x="44" y="46"/>
              </a:lnTo>
              <a:lnTo>
                <a:pt x="45" y="52"/>
              </a:lnTo>
              <a:lnTo>
                <a:pt x="48" y="63"/>
              </a:lnTo>
              <a:lnTo>
                <a:pt x="48" y="69"/>
              </a:lnTo>
              <a:lnTo>
                <a:pt x="46" y="79"/>
              </a:lnTo>
              <a:lnTo>
                <a:pt x="45" y="87"/>
              </a:lnTo>
              <a:lnTo>
                <a:pt x="45" y="101"/>
              </a:lnTo>
              <a:close/>
            </a:path>
          </a:pathLst>
        </a:custGeom>
        <a:solidFill>
          <a:srgbClr val="FF0000"/>
        </a:solidFill>
        <a:ln w="9525" cap="flat">
          <a:solidFill>
            <a:srgbClr val="000000"/>
          </a:solidFill>
          <a:prstDash val="solid"/>
          <a:round/>
          <a:headEnd/>
          <a:tailEnd/>
        </a:ln>
      </xdr:spPr>
    </xdr:sp>
    <xdr:clientData/>
  </xdr:twoCellAnchor>
  <xdr:twoCellAnchor>
    <xdr:from>
      <xdr:col>9</xdr:col>
      <xdr:colOff>590550</xdr:colOff>
      <xdr:row>19</xdr:row>
      <xdr:rowOff>114300</xdr:rowOff>
    </xdr:from>
    <xdr:to>
      <xdr:col>10</xdr:col>
      <xdr:colOff>600075</xdr:colOff>
      <xdr:row>25</xdr:row>
      <xdr:rowOff>38100</xdr:rowOff>
    </xdr:to>
    <xdr:sp macro="" textlink="">
      <xdr:nvSpPr>
        <xdr:cNvPr id="201" name="d14218">
          <a:extLst>
            <a:ext uri="{FF2B5EF4-FFF2-40B4-BE49-F238E27FC236}">
              <a16:creationId xmlns:a16="http://schemas.microsoft.com/office/drawing/2014/main" id="{00000000-0008-0000-0000-0000C9000000}"/>
            </a:ext>
          </a:extLst>
        </xdr:cNvPr>
        <xdr:cNvSpPr>
          <a:spLocks/>
        </xdr:cNvSpPr>
      </xdr:nvSpPr>
      <xdr:spPr bwMode="auto">
        <a:xfrm>
          <a:off x="6076950" y="3009900"/>
          <a:ext cx="619125" cy="838200"/>
        </a:xfrm>
        <a:custGeom>
          <a:avLst/>
          <a:gdLst/>
          <a:ahLst/>
          <a:cxnLst>
            <a:cxn ang="0">
              <a:pos x="5" y="87"/>
            </a:cxn>
            <a:cxn ang="0">
              <a:pos x="5" y="73"/>
            </a:cxn>
            <a:cxn ang="0">
              <a:pos x="6" y="65"/>
            </a:cxn>
            <a:cxn ang="0">
              <a:pos x="8" y="55"/>
            </a:cxn>
            <a:cxn ang="0">
              <a:pos x="8" y="49"/>
            </a:cxn>
            <a:cxn ang="0">
              <a:pos x="5" y="38"/>
            </a:cxn>
            <a:cxn ang="0">
              <a:pos x="4" y="32"/>
            </a:cxn>
            <a:cxn ang="0">
              <a:pos x="0" y="29"/>
            </a:cxn>
            <a:cxn ang="0">
              <a:pos x="0" y="27"/>
            </a:cxn>
            <a:cxn ang="0">
              <a:pos x="4" y="25"/>
            </a:cxn>
            <a:cxn ang="0">
              <a:pos x="8" y="16"/>
            </a:cxn>
            <a:cxn ang="0">
              <a:pos x="10" y="15"/>
            </a:cxn>
            <a:cxn ang="0">
              <a:pos x="20" y="1"/>
            </a:cxn>
            <a:cxn ang="0">
              <a:pos x="23" y="2"/>
            </a:cxn>
            <a:cxn ang="0">
              <a:pos x="41" y="1"/>
            </a:cxn>
            <a:cxn ang="0">
              <a:pos x="59" y="0"/>
            </a:cxn>
            <a:cxn ang="0">
              <a:pos x="59" y="11"/>
            </a:cxn>
            <a:cxn ang="0">
              <a:pos x="62" y="14"/>
            </a:cxn>
            <a:cxn ang="0">
              <a:pos x="64" y="19"/>
            </a:cxn>
            <a:cxn ang="0">
              <a:pos x="63" y="24"/>
            </a:cxn>
            <a:cxn ang="0">
              <a:pos x="60" y="27"/>
            </a:cxn>
            <a:cxn ang="0">
              <a:pos x="57" y="33"/>
            </a:cxn>
            <a:cxn ang="0">
              <a:pos x="56" y="34"/>
            </a:cxn>
            <a:cxn ang="0">
              <a:pos x="57" y="42"/>
            </a:cxn>
            <a:cxn ang="0">
              <a:pos x="58" y="48"/>
            </a:cxn>
            <a:cxn ang="0">
              <a:pos x="55" y="56"/>
            </a:cxn>
            <a:cxn ang="0">
              <a:pos x="50" y="59"/>
            </a:cxn>
            <a:cxn ang="0">
              <a:pos x="61" y="68"/>
            </a:cxn>
            <a:cxn ang="0">
              <a:pos x="65" y="73"/>
            </a:cxn>
            <a:cxn ang="0">
              <a:pos x="61" y="84"/>
            </a:cxn>
            <a:cxn ang="0">
              <a:pos x="53" y="84"/>
            </a:cxn>
            <a:cxn ang="0">
              <a:pos x="54" y="88"/>
            </a:cxn>
            <a:cxn ang="0">
              <a:pos x="49" y="85"/>
            </a:cxn>
            <a:cxn ang="0">
              <a:pos x="48" y="79"/>
            </a:cxn>
            <a:cxn ang="0">
              <a:pos x="45" y="76"/>
            </a:cxn>
            <a:cxn ang="0">
              <a:pos x="35" y="70"/>
            </a:cxn>
            <a:cxn ang="0">
              <a:pos x="27" y="70"/>
            </a:cxn>
            <a:cxn ang="0">
              <a:pos x="27" y="74"/>
            </a:cxn>
            <a:cxn ang="0">
              <a:pos x="14" y="71"/>
            </a:cxn>
            <a:cxn ang="0">
              <a:pos x="10" y="80"/>
            </a:cxn>
            <a:cxn ang="0">
              <a:pos x="5" y="87"/>
            </a:cxn>
          </a:cxnLst>
          <a:rect l="0" t="0" r="r" b="b"/>
          <a:pathLst>
            <a:path w="65" h="88">
              <a:moveTo>
                <a:pt x="5" y="87"/>
              </a:moveTo>
              <a:lnTo>
                <a:pt x="5" y="73"/>
              </a:lnTo>
              <a:lnTo>
                <a:pt x="6" y="65"/>
              </a:lnTo>
              <a:lnTo>
                <a:pt x="8" y="55"/>
              </a:lnTo>
              <a:lnTo>
                <a:pt x="8" y="49"/>
              </a:lnTo>
              <a:lnTo>
                <a:pt x="5" y="38"/>
              </a:lnTo>
              <a:lnTo>
                <a:pt x="4" y="32"/>
              </a:lnTo>
              <a:lnTo>
                <a:pt x="0" y="29"/>
              </a:lnTo>
              <a:lnTo>
                <a:pt x="0" y="27"/>
              </a:lnTo>
              <a:lnTo>
                <a:pt x="4" y="25"/>
              </a:lnTo>
              <a:lnTo>
                <a:pt x="8" y="16"/>
              </a:lnTo>
              <a:lnTo>
                <a:pt x="10" y="15"/>
              </a:lnTo>
              <a:lnTo>
                <a:pt x="20" y="1"/>
              </a:lnTo>
              <a:lnTo>
                <a:pt x="23" y="2"/>
              </a:lnTo>
              <a:lnTo>
                <a:pt x="41" y="1"/>
              </a:lnTo>
              <a:lnTo>
                <a:pt x="59" y="0"/>
              </a:lnTo>
              <a:lnTo>
                <a:pt x="59" y="11"/>
              </a:lnTo>
              <a:lnTo>
                <a:pt x="62" y="14"/>
              </a:lnTo>
              <a:lnTo>
                <a:pt x="64" y="19"/>
              </a:lnTo>
              <a:lnTo>
                <a:pt x="63" y="24"/>
              </a:lnTo>
              <a:lnTo>
                <a:pt x="60" y="27"/>
              </a:lnTo>
              <a:lnTo>
                <a:pt x="57" y="33"/>
              </a:lnTo>
              <a:lnTo>
                <a:pt x="56" y="34"/>
              </a:lnTo>
              <a:lnTo>
                <a:pt x="57" y="42"/>
              </a:lnTo>
              <a:lnTo>
                <a:pt x="58" y="48"/>
              </a:lnTo>
              <a:lnTo>
                <a:pt x="55" y="56"/>
              </a:lnTo>
              <a:lnTo>
                <a:pt x="50" y="59"/>
              </a:lnTo>
              <a:lnTo>
                <a:pt x="61" y="68"/>
              </a:lnTo>
              <a:lnTo>
                <a:pt x="65" y="73"/>
              </a:lnTo>
              <a:lnTo>
                <a:pt x="61" y="84"/>
              </a:lnTo>
              <a:lnTo>
                <a:pt x="53" y="84"/>
              </a:lnTo>
              <a:lnTo>
                <a:pt x="54" y="88"/>
              </a:lnTo>
              <a:lnTo>
                <a:pt x="49" y="85"/>
              </a:lnTo>
              <a:lnTo>
                <a:pt x="48" y="79"/>
              </a:lnTo>
              <a:lnTo>
                <a:pt x="45" y="76"/>
              </a:lnTo>
              <a:lnTo>
                <a:pt x="35" y="70"/>
              </a:lnTo>
              <a:lnTo>
                <a:pt x="27" y="70"/>
              </a:lnTo>
              <a:lnTo>
                <a:pt x="27" y="74"/>
              </a:lnTo>
              <a:lnTo>
                <a:pt x="14" y="71"/>
              </a:lnTo>
              <a:lnTo>
                <a:pt x="10" y="80"/>
              </a:lnTo>
              <a:lnTo>
                <a:pt x="5" y="87"/>
              </a:lnTo>
              <a:close/>
            </a:path>
          </a:pathLst>
        </a:custGeom>
        <a:solidFill>
          <a:srgbClr val="FF0000"/>
        </a:solidFill>
        <a:ln w="9525" cap="flat">
          <a:solidFill>
            <a:srgbClr val="000000"/>
          </a:solidFill>
          <a:prstDash val="solid"/>
          <a:round/>
          <a:headEnd/>
          <a:tailEnd/>
        </a:ln>
      </xdr:spPr>
    </xdr:sp>
    <xdr:clientData/>
  </xdr:twoCellAnchor>
  <xdr:twoCellAnchor>
    <xdr:from>
      <xdr:col>2</xdr:col>
      <xdr:colOff>38100</xdr:colOff>
      <xdr:row>5</xdr:row>
      <xdr:rowOff>104775</xdr:rowOff>
    </xdr:from>
    <xdr:to>
      <xdr:col>7</xdr:col>
      <xdr:colOff>409575</xdr:colOff>
      <xdr:row>44</xdr:row>
      <xdr:rowOff>133350</xdr:rowOff>
    </xdr:to>
    <xdr:grpSp>
      <xdr:nvGrpSpPr>
        <xdr:cNvPr id="202" name="Group 86">
          <a:extLst>
            <a:ext uri="{FF2B5EF4-FFF2-40B4-BE49-F238E27FC236}">
              <a16:creationId xmlns:a16="http://schemas.microsoft.com/office/drawing/2014/main" id="{00000000-0008-0000-0000-0000CA000000}"/>
            </a:ext>
          </a:extLst>
        </xdr:cNvPr>
        <xdr:cNvGrpSpPr>
          <a:grpSpLocks/>
        </xdr:cNvGrpSpPr>
      </xdr:nvGrpSpPr>
      <xdr:grpSpPr bwMode="auto">
        <a:xfrm>
          <a:off x="1130300" y="866775"/>
          <a:ext cx="3101975" cy="5972175"/>
          <a:chOff x="132" y="187"/>
          <a:chExt cx="359" cy="627"/>
        </a:xfrm>
      </xdr:grpSpPr>
      <xdr:sp macro="" textlink="">
        <xdr:nvSpPr>
          <xdr:cNvPr id="203" name="Freeform 87">
            <a:extLst>
              <a:ext uri="{FF2B5EF4-FFF2-40B4-BE49-F238E27FC236}">
                <a16:creationId xmlns:a16="http://schemas.microsoft.com/office/drawing/2014/main" id="{00000000-0008-0000-0000-0000CB000000}"/>
              </a:ext>
            </a:extLst>
          </xdr:cNvPr>
          <xdr:cNvSpPr>
            <a:spLocks/>
          </xdr:cNvSpPr>
        </xdr:nvSpPr>
        <xdr:spPr bwMode="auto">
          <a:xfrm>
            <a:off x="355" y="187"/>
            <a:ext cx="32" cy="27"/>
          </a:xfrm>
          <a:custGeom>
            <a:avLst/>
            <a:gdLst/>
            <a:ahLst/>
            <a:cxnLst>
              <a:cxn ang="0">
                <a:pos x="20" y="9"/>
              </a:cxn>
              <a:cxn ang="0">
                <a:pos x="16" y="6"/>
              </a:cxn>
              <a:cxn ang="0">
                <a:pos x="16" y="4"/>
              </a:cxn>
              <a:cxn ang="0">
                <a:pos x="16" y="1"/>
              </a:cxn>
              <a:cxn ang="0">
                <a:pos x="10" y="1"/>
              </a:cxn>
              <a:cxn ang="0">
                <a:pos x="4" y="1"/>
              </a:cxn>
              <a:cxn ang="0">
                <a:pos x="0" y="9"/>
              </a:cxn>
              <a:cxn ang="0">
                <a:pos x="1" y="14"/>
              </a:cxn>
              <a:cxn ang="0">
                <a:pos x="9" y="12"/>
              </a:cxn>
              <a:cxn ang="0">
                <a:pos x="11" y="11"/>
              </a:cxn>
              <a:cxn ang="0">
                <a:pos x="14" y="17"/>
              </a:cxn>
              <a:cxn ang="0">
                <a:pos x="13" y="21"/>
              </a:cxn>
              <a:cxn ang="0">
                <a:pos x="20" y="21"/>
              </a:cxn>
              <a:cxn ang="0">
                <a:pos x="26" y="21"/>
              </a:cxn>
              <a:cxn ang="0">
                <a:pos x="29" y="26"/>
              </a:cxn>
              <a:cxn ang="0">
                <a:pos x="31" y="25"/>
              </a:cxn>
              <a:cxn ang="0">
                <a:pos x="28" y="16"/>
              </a:cxn>
              <a:cxn ang="0">
                <a:pos x="31" y="13"/>
              </a:cxn>
              <a:cxn ang="0">
                <a:pos x="32" y="11"/>
              </a:cxn>
              <a:cxn ang="0">
                <a:pos x="28" y="10"/>
              </a:cxn>
              <a:cxn ang="0">
                <a:pos x="20" y="9"/>
              </a:cxn>
            </a:cxnLst>
            <a:rect l="0" t="0" r="r" b="b"/>
            <a:pathLst>
              <a:path w="32" h="27">
                <a:moveTo>
                  <a:pt x="20" y="9"/>
                </a:moveTo>
                <a:cubicBezTo>
                  <a:pt x="18" y="8"/>
                  <a:pt x="17" y="7"/>
                  <a:pt x="16" y="6"/>
                </a:cubicBezTo>
                <a:cubicBezTo>
                  <a:pt x="15" y="5"/>
                  <a:pt x="16" y="5"/>
                  <a:pt x="16" y="4"/>
                </a:cubicBezTo>
                <a:cubicBezTo>
                  <a:pt x="16" y="3"/>
                  <a:pt x="17" y="1"/>
                  <a:pt x="16" y="1"/>
                </a:cubicBezTo>
                <a:cubicBezTo>
                  <a:pt x="15" y="1"/>
                  <a:pt x="12" y="1"/>
                  <a:pt x="10" y="1"/>
                </a:cubicBezTo>
                <a:cubicBezTo>
                  <a:pt x="8" y="1"/>
                  <a:pt x="6" y="0"/>
                  <a:pt x="4" y="1"/>
                </a:cubicBezTo>
                <a:cubicBezTo>
                  <a:pt x="2" y="2"/>
                  <a:pt x="0" y="7"/>
                  <a:pt x="0" y="9"/>
                </a:cubicBezTo>
                <a:cubicBezTo>
                  <a:pt x="0" y="11"/>
                  <a:pt x="0" y="14"/>
                  <a:pt x="1" y="14"/>
                </a:cubicBezTo>
                <a:cubicBezTo>
                  <a:pt x="2" y="14"/>
                  <a:pt x="7" y="13"/>
                  <a:pt x="9" y="12"/>
                </a:cubicBezTo>
                <a:cubicBezTo>
                  <a:pt x="11" y="11"/>
                  <a:pt x="10" y="10"/>
                  <a:pt x="11" y="11"/>
                </a:cubicBezTo>
                <a:cubicBezTo>
                  <a:pt x="12" y="12"/>
                  <a:pt x="14" y="15"/>
                  <a:pt x="14" y="17"/>
                </a:cubicBezTo>
                <a:cubicBezTo>
                  <a:pt x="14" y="19"/>
                  <a:pt x="12" y="20"/>
                  <a:pt x="13" y="21"/>
                </a:cubicBezTo>
                <a:cubicBezTo>
                  <a:pt x="14" y="22"/>
                  <a:pt x="18" y="21"/>
                  <a:pt x="20" y="21"/>
                </a:cubicBezTo>
                <a:cubicBezTo>
                  <a:pt x="22" y="21"/>
                  <a:pt x="25" y="20"/>
                  <a:pt x="26" y="21"/>
                </a:cubicBezTo>
                <a:cubicBezTo>
                  <a:pt x="27" y="22"/>
                  <a:pt x="28" y="25"/>
                  <a:pt x="29" y="26"/>
                </a:cubicBezTo>
                <a:cubicBezTo>
                  <a:pt x="30" y="27"/>
                  <a:pt x="31" y="27"/>
                  <a:pt x="31" y="25"/>
                </a:cubicBezTo>
                <a:cubicBezTo>
                  <a:pt x="31" y="23"/>
                  <a:pt x="28" y="18"/>
                  <a:pt x="28" y="16"/>
                </a:cubicBezTo>
                <a:cubicBezTo>
                  <a:pt x="28" y="14"/>
                  <a:pt x="30" y="14"/>
                  <a:pt x="31" y="13"/>
                </a:cubicBezTo>
                <a:cubicBezTo>
                  <a:pt x="32" y="12"/>
                  <a:pt x="32" y="11"/>
                  <a:pt x="32" y="11"/>
                </a:cubicBezTo>
                <a:cubicBezTo>
                  <a:pt x="32" y="11"/>
                  <a:pt x="30" y="10"/>
                  <a:pt x="28" y="10"/>
                </a:cubicBezTo>
                <a:cubicBezTo>
                  <a:pt x="26" y="10"/>
                  <a:pt x="22" y="10"/>
                  <a:pt x="20" y="9"/>
                </a:cubicBezTo>
                <a:close/>
              </a:path>
            </a:pathLst>
          </a:custGeom>
          <a:solidFill>
            <a:srgbClr val="FFFFFF"/>
          </a:solidFill>
          <a:ln w="9525">
            <a:solidFill>
              <a:srgbClr val="000000"/>
            </a:solidFill>
            <a:round/>
            <a:headEnd/>
            <a:tailEnd/>
          </a:ln>
        </xdr:spPr>
      </xdr:sp>
      <xdr:sp macro="" textlink="">
        <xdr:nvSpPr>
          <xdr:cNvPr id="204" name="Freeform 88">
            <a:extLst>
              <a:ext uri="{FF2B5EF4-FFF2-40B4-BE49-F238E27FC236}">
                <a16:creationId xmlns:a16="http://schemas.microsoft.com/office/drawing/2014/main" id="{00000000-0008-0000-0000-0000CC000000}"/>
              </a:ext>
            </a:extLst>
          </xdr:cNvPr>
          <xdr:cNvSpPr>
            <a:spLocks/>
          </xdr:cNvSpPr>
        </xdr:nvSpPr>
        <xdr:spPr bwMode="auto">
          <a:xfrm>
            <a:off x="436" y="216"/>
            <a:ext cx="55" cy="26"/>
          </a:xfrm>
          <a:custGeom>
            <a:avLst/>
            <a:gdLst/>
            <a:ahLst/>
            <a:cxnLst>
              <a:cxn ang="0">
                <a:pos x="37" y="10"/>
              </a:cxn>
              <a:cxn ang="0">
                <a:pos x="41" y="9"/>
              </a:cxn>
              <a:cxn ang="0">
                <a:pos x="45" y="9"/>
              </a:cxn>
              <a:cxn ang="0">
                <a:pos x="47" y="10"/>
              </a:cxn>
              <a:cxn ang="0">
                <a:pos x="42" y="14"/>
              </a:cxn>
              <a:cxn ang="0">
                <a:pos x="50" y="18"/>
              </a:cxn>
              <a:cxn ang="0">
                <a:pos x="53" y="20"/>
              </a:cxn>
              <a:cxn ang="0">
                <a:pos x="53" y="23"/>
              </a:cxn>
              <a:cxn ang="0">
                <a:pos x="40" y="24"/>
              </a:cxn>
              <a:cxn ang="0">
                <a:pos x="36" y="21"/>
              </a:cxn>
              <a:cxn ang="0">
                <a:pos x="31" y="25"/>
              </a:cxn>
              <a:cxn ang="0">
                <a:pos x="23" y="25"/>
              </a:cxn>
              <a:cxn ang="0">
                <a:pos x="21" y="20"/>
              </a:cxn>
              <a:cxn ang="0">
                <a:pos x="17" y="19"/>
              </a:cxn>
              <a:cxn ang="0">
                <a:pos x="16" y="14"/>
              </a:cxn>
              <a:cxn ang="0">
                <a:pos x="13" y="15"/>
              </a:cxn>
              <a:cxn ang="0">
                <a:pos x="10" y="8"/>
              </a:cxn>
              <a:cxn ang="0">
                <a:pos x="9" y="6"/>
              </a:cxn>
              <a:cxn ang="0">
                <a:pos x="5" y="6"/>
              </a:cxn>
              <a:cxn ang="0">
                <a:pos x="3" y="10"/>
              </a:cxn>
              <a:cxn ang="0">
                <a:pos x="0" y="9"/>
              </a:cxn>
              <a:cxn ang="0">
                <a:pos x="2" y="2"/>
              </a:cxn>
              <a:cxn ang="0">
                <a:pos x="9" y="1"/>
              </a:cxn>
              <a:cxn ang="0">
                <a:pos x="16" y="6"/>
              </a:cxn>
              <a:cxn ang="0">
                <a:pos x="22" y="10"/>
              </a:cxn>
              <a:cxn ang="0">
                <a:pos x="24" y="13"/>
              </a:cxn>
              <a:cxn ang="0">
                <a:pos x="26" y="16"/>
              </a:cxn>
              <a:cxn ang="0">
                <a:pos x="32" y="18"/>
              </a:cxn>
              <a:cxn ang="0">
                <a:pos x="34" y="12"/>
              </a:cxn>
              <a:cxn ang="0">
                <a:pos x="37" y="10"/>
              </a:cxn>
            </a:cxnLst>
            <a:rect l="0" t="0" r="r" b="b"/>
            <a:pathLst>
              <a:path w="55" h="26">
                <a:moveTo>
                  <a:pt x="37" y="10"/>
                </a:moveTo>
                <a:cubicBezTo>
                  <a:pt x="38" y="10"/>
                  <a:pt x="40" y="9"/>
                  <a:pt x="41" y="9"/>
                </a:cubicBezTo>
                <a:cubicBezTo>
                  <a:pt x="42" y="9"/>
                  <a:pt x="44" y="9"/>
                  <a:pt x="45" y="9"/>
                </a:cubicBezTo>
                <a:cubicBezTo>
                  <a:pt x="46" y="9"/>
                  <a:pt x="47" y="9"/>
                  <a:pt x="47" y="10"/>
                </a:cubicBezTo>
                <a:cubicBezTo>
                  <a:pt x="47" y="11"/>
                  <a:pt x="42" y="13"/>
                  <a:pt x="42" y="14"/>
                </a:cubicBezTo>
                <a:cubicBezTo>
                  <a:pt x="42" y="15"/>
                  <a:pt x="48" y="17"/>
                  <a:pt x="50" y="18"/>
                </a:cubicBezTo>
                <a:cubicBezTo>
                  <a:pt x="52" y="19"/>
                  <a:pt x="53" y="19"/>
                  <a:pt x="53" y="20"/>
                </a:cubicBezTo>
                <a:cubicBezTo>
                  <a:pt x="53" y="21"/>
                  <a:pt x="55" y="22"/>
                  <a:pt x="53" y="23"/>
                </a:cubicBezTo>
                <a:cubicBezTo>
                  <a:pt x="51" y="24"/>
                  <a:pt x="43" y="24"/>
                  <a:pt x="40" y="24"/>
                </a:cubicBezTo>
                <a:cubicBezTo>
                  <a:pt x="37" y="24"/>
                  <a:pt x="37" y="21"/>
                  <a:pt x="36" y="21"/>
                </a:cubicBezTo>
                <a:cubicBezTo>
                  <a:pt x="35" y="21"/>
                  <a:pt x="33" y="24"/>
                  <a:pt x="31" y="25"/>
                </a:cubicBezTo>
                <a:cubicBezTo>
                  <a:pt x="29" y="26"/>
                  <a:pt x="25" y="26"/>
                  <a:pt x="23" y="25"/>
                </a:cubicBezTo>
                <a:cubicBezTo>
                  <a:pt x="21" y="24"/>
                  <a:pt x="22" y="21"/>
                  <a:pt x="21" y="20"/>
                </a:cubicBezTo>
                <a:cubicBezTo>
                  <a:pt x="20" y="19"/>
                  <a:pt x="18" y="20"/>
                  <a:pt x="17" y="19"/>
                </a:cubicBezTo>
                <a:cubicBezTo>
                  <a:pt x="16" y="18"/>
                  <a:pt x="17" y="15"/>
                  <a:pt x="16" y="14"/>
                </a:cubicBezTo>
                <a:cubicBezTo>
                  <a:pt x="15" y="13"/>
                  <a:pt x="14" y="16"/>
                  <a:pt x="13" y="15"/>
                </a:cubicBezTo>
                <a:cubicBezTo>
                  <a:pt x="12" y="14"/>
                  <a:pt x="11" y="9"/>
                  <a:pt x="10" y="8"/>
                </a:cubicBezTo>
                <a:cubicBezTo>
                  <a:pt x="9" y="7"/>
                  <a:pt x="10" y="6"/>
                  <a:pt x="9" y="6"/>
                </a:cubicBezTo>
                <a:cubicBezTo>
                  <a:pt x="8" y="6"/>
                  <a:pt x="6" y="5"/>
                  <a:pt x="5" y="6"/>
                </a:cubicBezTo>
                <a:cubicBezTo>
                  <a:pt x="4" y="7"/>
                  <a:pt x="4" y="10"/>
                  <a:pt x="3" y="10"/>
                </a:cubicBezTo>
                <a:cubicBezTo>
                  <a:pt x="2" y="10"/>
                  <a:pt x="0" y="10"/>
                  <a:pt x="0" y="9"/>
                </a:cubicBezTo>
                <a:cubicBezTo>
                  <a:pt x="0" y="8"/>
                  <a:pt x="1" y="3"/>
                  <a:pt x="2" y="2"/>
                </a:cubicBezTo>
                <a:cubicBezTo>
                  <a:pt x="3" y="1"/>
                  <a:pt x="7" y="0"/>
                  <a:pt x="9" y="1"/>
                </a:cubicBezTo>
                <a:cubicBezTo>
                  <a:pt x="11" y="2"/>
                  <a:pt x="14" y="5"/>
                  <a:pt x="16" y="6"/>
                </a:cubicBezTo>
                <a:cubicBezTo>
                  <a:pt x="18" y="7"/>
                  <a:pt x="21" y="9"/>
                  <a:pt x="22" y="10"/>
                </a:cubicBezTo>
                <a:cubicBezTo>
                  <a:pt x="23" y="11"/>
                  <a:pt x="23" y="12"/>
                  <a:pt x="24" y="13"/>
                </a:cubicBezTo>
                <a:cubicBezTo>
                  <a:pt x="25" y="14"/>
                  <a:pt x="25" y="15"/>
                  <a:pt x="26" y="16"/>
                </a:cubicBezTo>
                <a:cubicBezTo>
                  <a:pt x="27" y="17"/>
                  <a:pt x="31" y="19"/>
                  <a:pt x="32" y="18"/>
                </a:cubicBezTo>
                <a:cubicBezTo>
                  <a:pt x="33" y="17"/>
                  <a:pt x="33" y="13"/>
                  <a:pt x="34" y="12"/>
                </a:cubicBezTo>
                <a:cubicBezTo>
                  <a:pt x="35" y="11"/>
                  <a:pt x="36" y="10"/>
                  <a:pt x="37" y="10"/>
                </a:cubicBezTo>
                <a:close/>
              </a:path>
            </a:pathLst>
          </a:custGeom>
          <a:solidFill>
            <a:srgbClr val="FFFFFF"/>
          </a:solidFill>
          <a:ln w="9525">
            <a:solidFill>
              <a:srgbClr val="000000"/>
            </a:solidFill>
            <a:round/>
            <a:headEnd/>
            <a:tailEnd/>
          </a:ln>
        </xdr:spPr>
      </xdr:sp>
      <xdr:sp macro="" textlink="">
        <xdr:nvSpPr>
          <xdr:cNvPr id="205" name="Freeform 89">
            <a:extLst>
              <a:ext uri="{FF2B5EF4-FFF2-40B4-BE49-F238E27FC236}">
                <a16:creationId xmlns:a16="http://schemas.microsoft.com/office/drawing/2014/main" id="{00000000-0008-0000-0000-0000CD000000}"/>
              </a:ext>
            </a:extLst>
          </xdr:cNvPr>
          <xdr:cNvSpPr>
            <a:spLocks/>
          </xdr:cNvSpPr>
        </xdr:nvSpPr>
        <xdr:spPr bwMode="auto">
          <a:xfrm>
            <a:off x="171" y="483"/>
            <a:ext cx="46" cy="21"/>
          </a:xfrm>
          <a:custGeom>
            <a:avLst/>
            <a:gdLst/>
            <a:ahLst/>
            <a:cxnLst>
              <a:cxn ang="0">
                <a:pos x="0" y="11"/>
              </a:cxn>
              <a:cxn ang="0">
                <a:pos x="6" y="3"/>
              </a:cxn>
              <a:cxn ang="0">
                <a:pos x="18" y="3"/>
              </a:cxn>
              <a:cxn ang="0">
                <a:pos x="24" y="7"/>
              </a:cxn>
              <a:cxn ang="0">
                <a:pos x="28" y="12"/>
              </a:cxn>
              <a:cxn ang="0">
                <a:pos x="32" y="13"/>
              </a:cxn>
              <a:cxn ang="0">
                <a:pos x="30" y="5"/>
              </a:cxn>
              <a:cxn ang="0">
                <a:pos x="31" y="0"/>
              </a:cxn>
              <a:cxn ang="0">
                <a:pos x="35" y="6"/>
              </a:cxn>
              <a:cxn ang="0">
                <a:pos x="39" y="9"/>
              </a:cxn>
              <a:cxn ang="0">
                <a:pos x="46" y="11"/>
              </a:cxn>
              <a:cxn ang="0">
                <a:pos x="37" y="17"/>
              </a:cxn>
              <a:cxn ang="0">
                <a:pos x="33" y="17"/>
              </a:cxn>
              <a:cxn ang="0">
                <a:pos x="29" y="21"/>
              </a:cxn>
              <a:cxn ang="0">
                <a:pos x="23" y="15"/>
              </a:cxn>
              <a:cxn ang="0">
                <a:pos x="18" y="11"/>
              </a:cxn>
              <a:cxn ang="0">
                <a:pos x="5" y="10"/>
              </a:cxn>
              <a:cxn ang="0">
                <a:pos x="0" y="11"/>
              </a:cxn>
            </a:cxnLst>
            <a:rect l="0" t="0" r="r" b="b"/>
            <a:pathLst>
              <a:path w="46" h="21">
                <a:moveTo>
                  <a:pt x="0" y="11"/>
                </a:moveTo>
                <a:cubicBezTo>
                  <a:pt x="0" y="10"/>
                  <a:pt x="3" y="4"/>
                  <a:pt x="6" y="3"/>
                </a:cubicBezTo>
                <a:cubicBezTo>
                  <a:pt x="9" y="2"/>
                  <a:pt x="15" y="2"/>
                  <a:pt x="18" y="3"/>
                </a:cubicBezTo>
                <a:cubicBezTo>
                  <a:pt x="21" y="4"/>
                  <a:pt x="22" y="6"/>
                  <a:pt x="24" y="7"/>
                </a:cubicBezTo>
                <a:cubicBezTo>
                  <a:pt x="26" y="8"/>
                  <a:pt x="27" y="11"/>
                  <a:pt x="28" y="12"/>
                </a:cubicBezTo>
                <a:cubicBezTo>
                  <a:pt x="29" y="13"/>
                  <a:pt x="32" y="14"/>
                  <a:pt x="32" y="13"/>
                </a:cubicBezTo>
                <a:cubicBezTo>
                  <a:pt x="32" y="12"/>
                  <a:pt x="30" y="7"/>
                  <a:pt x="30" y="5"/>
                </a:cubicBezTo>
                <a:cubicBezTo>
                  <a:pt x="30" y="3"/>
                  <a:pt x="30" y="0"/>
                  <a:pt x="31" y="0"/>
                </a:cubicBezTo>
                <a:cubicBezTo>
                  <a:pt x="32" y="0"/>
                  <a:pt x="34" y="5"/>
                  <a:pt x="35" y="6"/>
                </a:cubicBezTo>
                <a:cubicBezTo>
                  <a:pt x="36" y="7"/>
                  <a:pt x="37" y="8"/>
                  <a:pt x="39" y="9"/>
                </a:cubicBezTo>
                <a:cubicBezTo>
                  <a:pt x="41" y="10"/>
                  <a:pt x="46" y="10"/>
                  <a:pt x="46" y="11"/>
                </a:cubicBezTo>
                <a:cubicBezTo>
                  <a:pt x="46" y="12"/>
                  <a:pt x="39" y="16"/>
                  <a:pt x="37" y="17"/>
                </a:cubicBezTo>
                <a:cubicBezTo>
                  <a:pt x="35" y="18"/>
                  <a:pt x="34" y="16"/>
                  <a:pt x="33" y="17"/>
                </a:cubicBezTo>
                <a:cubicBezTo>
                  <a:pt x="32" y="18"/>
                  <a:pt x="31" y="21"/>
                  <a:pt x="29" y="21"/>
                </a:cubicBezTo>
                <a:cubicBezTo>
                  <a:pt x="27" y="21"/>
                  <a:pt x="25" y="17"/>
                  <a:pt x="23" y="15"/>
                </a:cubicBezTo>
                <a:cubicBezTo>
                  <a:pt x="21" y="13"/>
                  <a:pt x="21" y="12"/>
                  <a:pt x="18" y="11"/>
                </a:cubicBezTo>
                <a:cubicBezTo>
                  <a:pt x="15" y="10"/>
                  <a:pt x="8" y="10"/>
                  <a:pt x="5" y="10"/>
                </a:cubicBezTo>
                <a:cubicBezTo>
                  <a:pt x="2" y="10"/>
                  <a:pt x="0" y="12"/>
                  <a:pt x="0" y="11"/>
                </a:cubicBezTo>
                <a:close/>
              </a:path>
            </a:pathLst>
          </a:custGeom>
          <a:solidFill>
            <a:srgbClr val="FFFFFF"/>
          </a:solidFill>
          <a:ln w="9525">
            <a:solidFill>
              <a:srgbClr val="000000"/>
            </a:solidFill>
            <a:round/>
            <a:headEnd/>
            <a:tailEnd/>
          </a:ln>
        </xdr:spPr>
      </xdr:sp>
      <xdr:sp macro="" textlink="">
        <xdr:nvSpPr>
          <xdr:cNvPr id="206" name="Freeform 90">
            <a:extLst>
              <a:ext uri="{FF2B5EF4-FFF2-40B4-BE49-F238E27FC236}">
                <a16:creationId xmlns:a16="http://schemas.microsoft.com/office/drawing/2014/main" id="{00000000-0008-0000-0000-0000CE000000}"/>
              </a:ext>
            </a:extLst>
          </xdr:cNvPr>
          <xdr:cNvSpPr>
            <a:spLocks/>
          </xdr:cNvSpPr>
        </xdr:nvSpPr>
        <xdr:spPr bwMode="auto">
          <a:xfrm>
            <a:off x="400" y="289"/>
            <a:ext cx="71" cy="89"/>
          </a:xfrm>
          <a:custGeom>
            <a:avLst/>
            <a:gdLst/>
            <a:ahLst/>
            <a:cxnLst>
              <a:cxn ang="0">
                <a:pos x="1371" y="65"/>
              </a:cxn>
              <a:cxn ang="0">
                <a:pos x="1221" y="5"/>
              </a:cxn>
              <a:cxn ang="0">
                <a:pos x="1191" y="93"/>
              </a:cxn>
              <a:cxn ang="0">
                <a:pos x="1117" y="153"/>
              </a:cxn>
              <a:cxn ang="0">
                <a:pos x="1011" y="261"/>
              </a:cxn>
              <a:cxn ang="0">
                <a:pos x="967" y="393"/>
              </a:cxn>
              <a:cxn ang="0">
                <a:pos x="877" y="453"/>
              </a:cxn>
              <a:cxn ang="0">
                <a:pos x="787" y="453"/>
              </a:cxn>
              <a:cxn ang="0">
                <a:pos x="711" y="501"/>
              </a:cxn>
              <a:cxn ang="0">
                <a:pos x="547" y="469"/>
              </a:cxn>
              <a:cxn ang="0">
                <a:pos x="457" y="381"/>
              </a:cxn>
              <a:cxn ang="0">
                <a:pos x="367" y="381"/>
              </a:cxn>
              <a:cxn ang="0">
                <a:pos x="291" y="453"/>
              </a:cxn>
              <a:cxn ang="0">
                <a:pos x="217" y="529"/>
              </a:cxn>
              <a:cxn ang="0">
                <a:pos x="187" y="633"/>
              </a:cxn>
              <a:cxn ang="0">
                <a:pos x="111" y="693"/>
              </a:cxn>
              <a:cxn ang="0">
                <a:pos x="7" y="813"/>
              </a:cxn>
              <a:cxn ang="0">
                <a:pos x="67" y="965"/>
              </a:cxn>
              <a:cxn ang="0">
                <a:pos x="141" y="873"/>
              </a:cxn>
              <a:cxn ang="0">
                <a:pos x="261" y="801"/>
              </a:cxn>
              <a:cxn ang="0">
                <a:pos x="367" y="801"/>
              </a:cxn>
              <a:cxn ang="0">
                <a:pos x="531" y="753"/>
              </a:cxn>
              <a:cxn ang="0">
                <a:pos x="637" y="829"/>
              </a:cxn>
              <a:cxn ang="0">
                <a:pos x="637" y="993"/>
              </a:cxn>
              <a:cxn ang="0">
                <a:pos x="637" y="1085"/>
              </a:cxn>
              <a:cxn ang="0">
                <a:pos x="801" y="1101"/>
              </a:cxn>
              <a:cxn ang="0">
                <a:pos x="801" y="1233"/>
              </a:cxn>
              <a:cxn ang="0">
                <a:pos x="831" y="1369"/>
              </a:cxn>
              <a:cxn ang="0">
                <a:pos x="847" y="1473"/>
              </a:cxn>
              <a:cxn ang="0">
                <a:pos x="801" y="1625"/>
              </a:cxn>
              <a:cxn ang="0">
                <a:pos x="847" y="1729"/>
              </a:cxn>
              <a:cxn ang="0">
                <a:pos x="771" y="1893"/>
              </a:cxn>
              <a:cxn ang="0">
                <a:pos x="787" y="2061"/>
              </a:cxn>
              <a:cxn ang="0">
                <a:pos x="817" y="1969"/>
              </a:cxn>
              <a:cxn ang="0">
                <a:pos x="847" y="1761"/>
              </a:cxn>
              <a:cxn ang="0">
                <a:pos x="921" y="1593"/>
              </a:cxn>
              <a:cxn ang="0">
                <a:pos x="951" y="1353"/>
              </a:cxn>
              <a:cxn ang="0">
                <a:pos x="951" y="1249"/>
              </a:cxn>
              <a:cxn ang="0">
                <a:pos x="1101" y="1461"/>
              </a:cxn>
              <a:cxn ang="0">
                <a:pos x="1221" y="1521"/>
              </a:cxn>
              <a:cxn ang="0">
                <a:pos x="1311" y="1625"/>
              </a:cxn>
              <a:cxn ang="0">
                <a:pos x="1371" y="1713"/>
              </a:cxn>
              <a:cxn ang="0">
                <a:pos x="1477" y="1773"/>
              </a:cxn>
              <a:cxn ang="0">
                <a:pos x="1581" y="1805"/>
              </a:cxn>
              <a:cxn ang="0">
                <a:pos x="1431" y="1641"/>
              </a:cxn>
              <a:cxn ang="0">
                <a:pos x="1357" y="1521"/>
              </a:cxn>
              <a:cxn ang="0">
                <a:pos x="1221" y="1385"/>
              </a:cxn>
              <a:cxn ang="0">
                <a:pos x="1131" y="1249"/>
              </a:cxn>
              <a:cxn ang="0">
                <a:pos x="1057" y="1113"/>
              </a:cxn>
              <a:cxn ang="0">
                <a:pos x="967" y="949"/>
              </a:cxn>
              <a:cxn ang="0">
                <a:pos x="921" y="861"/>
              </a:cxn>
              <a:cxn ang="0">
                <a:pos x="877" y="753"/>
              </a:cxn>
              <a:cxn ang="0">
                <a:pos x="981" y="561"/>
              </a:cxn>
              <a:cxn ang="0">
                <a:pos x="1101" y="561"/>
              </a:cxn>
              <a:cxn ang="0">
                <a:pos x="1131" y="425"/>
              </a:cxn>
              <a:cxn ang="0">
                <a:pos x="1207" y="289"/>
              </a:cxn>
              <a:cxn ang="0">
                <a:pos x="1341" y="229"/>
              </a:cxn>
              <a:cxn ang="0">
                <a:pos x="1431" y="185"/>
              </a:cxn>
              <a:cxn ang="0">
                <a:pos x="1371" y="65"/>
              </a:cxn>
            </a:cxnLst>
            <a:rect l="0" t="0" r="r" b="b"/>
            <a:pathLst>
              <a:path w="1589" h="2074">
                <a:moveTo>
                  <a:pt x="1371" y="65"/>
                </a:moveTo>
                <a:cubicBezTo>
                  <a:pt x="1336" y="35"/>
                  <a:pt x="1251" y="0"/>
                  <a:pt x="1221" y="5"/>
                </a:cubicBezTo>
                <a:cubicBezTo>
                  <a:pt x="1191" y="10"/>
                  <a:pt x="1208" y="68"/>
                  <a:pt x="1191" y="93"/>
                </a:cubicBezTo>
                <a:cubicBezTo>
                  <a:pt x="1174" y="118"/>
                  <a:pt x="1147" y="125"/>
                  <a:pt x="1117" y="153"/>
                </a:cubicBezTo>
                <a:cubicBezTo>
                  <a:pt x="1087" y="181"/>
                  <a:pt x="1036" y="221"/>
                  <a:pt x="1011" y="261"/>
                </a:cubicBezTo>
                <a:cubicBezTo>
                  <a:pt x="986" y="301"/>
                  <a:pt x="989" y="361"/>
                  <a:pt x="967" y="393"/>
                </a:cubicBezTo>
                <a:cubicBezTo>
                  <a:pt x="945" y="425"/>
                  <a:pt x="907" y="443"/>
                  <a:pt x="877" y="453"/>
                </a:cubicBezTo>
                <a:cubicBezTo>
                  <a:pt x="847" y="463"/>
                  <a:pt x="814" y="445"/>
                  <a:pt x="787" y="453"/>
                </a:cubicBezTo>
                <a:cubicBezTo>
                  <a:pt x="760" y="461"/>
                  <a:pt x="751" y="498"/>
                  <a:pt x="711" y="501"/>
                </a:cubicBezTo>
                <a:cubicBezTo>
                  <a:pt x="671" y="504"/>
                  <a:pt x="589" y="489"/>
                  <a:pt x="547" y="469"/>
                </a:cubicBezTo>
                <a:cubicBezTo>
                  <a:pt x="505" y="449"/>
                  <a:pt x="487" y="396"/>
                  <a:pt x="457" y="381"/>
                </a:cubicBezTo>
                <a:cubicBezTo>
                  <a:pt x="427" y="366"/>
                  <a:pt x="395" y="369"/>
                  <a:pt x="367" y="381"/>
                </a:cubicBezTo>
                <a:cubicBezTo>
                  <a:pt x="339" y="393"/>
                  <a:pt x="316" y="428"/>
                  <a:pt x="291" y="453"/>
                </a:cubicBezTo>
                <a:cubicBezTo>
                  <a:pt x="266" y="478"/>
                  <a:pt x="234" y="499"/>
                  <a:pt x="217" y="529"/>
                </a:cubicBezTo>
                <a:cubicBezTo>
                  <a:pt x="200" y="559"/>
                  <a:pt x="205" y="606"/>
                  <a:pt x="187" y="633"/>
                </a:cubicBezTo>
                <a:cubicBezTo>
                  <a:pt x="169" y="660"/>
                  <a:pt x="141" y="663"/>
                  <a:pt x="111" y="693"/>
                </a:cubicBezTo>
                <a:cubicBezTo>
                  <a:pt x="81" y="723"/>
                  <a:pt x="14" y="768"/>
                  <a:pt x="7" y="813"/>
                </a:cubicBezTo>
                <a:cubicBezTo>
                  <a:pt x="0" y="858"/>
                  <a:pt x="45" y="955"/>
                  <a:pt x="67" y="965"/>
                </a:cubicBezTo>
                <a:cubicBezTo>
                  <a:pt x="89" y="975"/>
                  <a:pt x="109" y="900"/>
                  <a:pt x="141" y="873"/>
                </a:cubicBezTo>
                <a:cubicBezTo>
                  <a:pt x="173" y="846"/>
                  <a:pt x="223" y="813"/>
                  <a:pt x="261" y="801"/>
                </a:cubicBezTo>
                <a:cubicBezTo>
                  <a:pt x="299" y="789"/>
                  <a:pt x="322" y="809"/>
                  <a:pt x="367" y="801"/>
                </a:cubicBezTo>
                <a:cubicBezTo>
                  <a:pt x="412" y="793"/>
                  <a:pt x="486" y="748"/>
                  <a:pt x="531" y="753"/>
                </a:cubicBezTo>
                <a:cubicBezTo>
                  <a:pt x="576" y="758"/>
                  <a:pt x="619" y="789"/>
                  <a:pt x="637" y="829"/>
                </a:cubicBezTo>
                <a:cubicBezTo>
                  <a:pt x="655" y="869"/>
                  <a:pt x="637" y="950"/>
                  <a:pt x="637" y="993"/>
                </a:cubicBezTo>
                <a:cubicBezTo>
                  <a:pt x="637" y="1036"/>
                  <a:pt x="610" y="1067"/>
                  <a:pt x="637" y="1085"/>
                </a:cubicBezTo>
                <a:cubicBezTo>
                  <a:pt x="664" y="1103"/>
                  <a:pt x="774" y="1076"/>
                  <a:pt x="801" y="1101"/>
                </a:cubicBezTo>
                <a:cubicBezTo>
                  <a:pt x="828" y="1126"/>
                  <a:pt x="796" y="1188"/>
                  <a:pt x="801" y="1233"/>
                </a:cubicBezTo>
                <a:cubicBezTo>
                  <a:pt x="806" y="1278"/>
                  <a:pt x="823" y="1329"/>
                  <a:pt x="831" y="1369"/>
                </a:cubicBezTo>
                <a:cubicBezTo>
                  <a:pt x="839" y="1409"/>
                  <a:pt x="852" y="1430"/>
                  <a:pt x="847" y="1473"/>
                </a:cubicBezTo>
                <a:cubicBezTo>
                  <a:pt x="842" y="1516"/>
                  <a:pt x="801" y="1582"/>
                  <a:pt x="801" y="1625"/>
                </a:cubicBezTo>
                <a:cubicBezTo>
                  <a:pt x="801" y="1668"/>
                  <a:pt x="852" y="1684"/>
                  <a:pt x="847" y="1729"/>
                </a:cubicBezTo>
                <a:cubicBezTo>
                  <a:pt x="842" y="1774"/>
                  <a:pt x="781" y="1838"/>
                  <a:pt x="771" y="1893"/>
                </a:cubicBezTo>
                <a:cubicBezTo>
                  <a:pt x="761" y="1948"/>
                  <a:pt x="779" y="2048"/>
                  <a:pt x="787" y="2061"/>
                </a:cubicBezTo>
                <a:cubicBezTo>
                  <a:pt x="795" y="2074"/>
                  <a:pt x="807" y="2019"/>
                  <a:pt x="817" y="1969"/>
                </a:cubicBezTo>
                <a:cubicBezTo>
                  <a:pt x="827" y="1919"/>
                  <a:pt x="830" y="1824"/>
                  <a:pt x="847" y="1761"/>
                </a:cubicBezTo>
                <a:cubicBezTo>
                  <a:pt x="864" y="1698"/>
                  <a:pt x="904" y="1661"/>
                  <a:pt x="921" y="1593"/>
                </a:cubicBezTo>
                <a:cubicBezTo>
                  <a:pt x="938" y="1525"/>
                  <a:pt x="946" y="1410"/>
                  <a:pt x="951" y="1353"/>
                </a:cubicBezTo>
                <a:cubicBezTo>
                  <a:pt x="956" y="1296"/>
                  <a:pt x="926" y="1231"/>
                  <a:pt x="951" y="1249"/>
                </a:cubicBezTo>
                <a:cubicBezTo>
                  <a:pt x="976" y="1267"/>
                  <a:pt x="1056" y="1416"/>
                  <a:pt x="1101" y="1461"/>
                </a:cubicBezTo>
                <a:cubicBezTo>
                  <a:pt x="1146" y="1506"/>
                  <a:pt x="1186" y="1494"/>
                  <a:pt x="1221" y="1521"/>
                </a:cubicBezTo>
                <a:cubicBezTo>
                  <a:pt x="1256" y="1548"/>
                  <a:pt x="1286" y="1593"/>
                  <a:pt x="1311" y="1625"/>
                </a:cubicBezTo>
                <a:cubicBezTo>
                  <a:pt x="1336" y="1657"/>
                  <a:pt x="1343" y="1688"/>
                  <a:pt x="1371" y="1713"/>
                </a:cubicBezTo>
                <a:cubicBezTo>
                  <a:pt x="1399" y="1738"/>
                  <a:pt x="1442" y="1758"/>
                  <a:pt x="1477" y="1773"/>
                </a:cubicBezTo>
                <a:cubicBezTo>
                  <a:pt x="1512" y="1788"/>
                  <a:pt x="1589" y="1827"/>
                  <a:pt x="1581" y="1805"/>
                </a:cubicBezTo>
                <a:cubicBezTo>
                  <a:pt x="1573" y="1783"/>
                  <a:pt x="1468" y="1688"/>
                  <a:pt x="1431" y="1641"/>
                </a:cubicBezTo>
                <a:cubicBezTo>
                  <a:pt x="1394" y="1594"/>
                  <a:pt x="1392" y="1564"/>
                  <a:pt x="1357" y="1521"/>
                </a:cubicBezTo>
                <a:cubicBezTo>
                  <a:pt x="1322" y="1478"/>
                  <a:pt x="1259" y="1430"/>
                  <a:pt x="1221" y="1385"/>
                </a:cubicBezTo>
                <a:cubicBezTo>
                  <a:pt x="1183" y="1340"/>
                  <a:pt x="1158" y="1294"/>
                  <a:pt x="1131" y="1249"/>
                </a:cubicBezTo>
                <a:cubicBezTo>
                  <a:pt x="1104" y="1204"/>
                  <a:pt x="1084" y="1163"/>
                  <a:pt x="1057" y="1113"/>
                </a:cubicBezTo>
                <a:cubicBezTo>
                  <a:pt x="1030" y="1063"/>
                  <a:pt x="990" y="991"/>
                  <a:pt x="967" y="949"/>
                </a:cubicBezTo>
                <a:cubicBezTo>
                  <a:pt x="944" y="907"/>
                  <a:pt x="936" y="894"/>
                  <a:pt x="921" y="861"/>
                </a:cubicBezTo>
                <a:cubicBezTo>
                  <a:pt x="906" y="828"/>
                  <a:pt x="867" y="803"/>
                  <a:pt x="877" y="753"/>
                </a:cubicBezTo>
                <a:cubicBezTo>
                  <a:pt x="887" y="703"/>
                  <a:pt x="944" y="593"/>
                  <a:pt x="981" y="561"/>
                </a:cubicBezTo>
                <a:cubicBezTo>
                  <a:pt x="1018" y="529"/>
                  <a:pt x="1076" y="584"/>
                  <a:pt x="1101" y="561"/>
                </a:cubicBezTo>
                <a:cubicBezTo>
                  <a:pt x="1126" y="538"/>
                  <a:pt x="1113" y="470"/>
                  <a:pt x="1131" y="425"/>
                </a:cubicBezTo>
                <a:cubicBezTo>
                  <a:pt x="1149" y="380"/>
                  <a:pt x="1172" y="322"/>
                  <a:pt x="1207" y="289"/>
                </a:cubicBezTo>
                <a:cubicBezTo>
                  <a:pt x="1242" y="256"/>
                  <a:pt x="1304" y="246"/>
                  <a:pt x="1341" y="229"/>
                </a:cubicBezTo>
                <a:cubicBezTo>
                  <a:pt x="1378" y="212"/>
                  <a:pt x="1421" y="215"/>
                  <a:pt x="1431" y="185"/>
                </a:cubicBezTo>
                <a:cubicBezTo>
                  <a:pt x="1441" y="155"/>
                  <a:pt x="1406" y="95"/>
                  <a:pt x="1371" y="65"/>
                </a:cubicBezTo>
                <a:close/>
              </a:path>
            </a:pathLst>
          </a:custGeom>
          <a:solidFill>
            <a:srgbClr val="FFFFFF"/>
          </a:solidFill>
          <a:ln w="9525">
            <a:solidFill>
              <a:srgbClr val="000000"/>
            </a:solidFill>
            <a:round/>
            <a:headEnd/>
            <a:tailEnd/>
          </a:ln>
        </xdr:spPr>
      </xdr:sp>
      <xdr:sp macro="" textlink="">
        <xdr:nvSpPr>
          <xdr:cNvPr id="207" name="Freeform 91">
            <a:extLst>
              <a:ext uri="{FF2B5EF4-FFF2-40B4-BE49-F238E27FC236}">
                <a16:creationId xmlns:a16="http://schemas.microsoft.com/office/drawing/2014/main" id="{00000000-0008-0000-0000-0000CF000000}"/>
              </a:ext>
            </a:extLst>
          </xdr:cNvPr>
          <xdr:cNvSpPr>
            <a:spLocks/>
          </xdr:cNvSpPr>
        </xdr:nvSpPr>
        <xdr:spPr bwMode="auto">
          <a:xfrm>
            <a:off x="132" y="741"/>
            <a:ext cx="57" cy="73"/>
          </a:xfrm>
          <a:custGeom>
            <a:avLst/>
            <a:gdLst/>
            <a:ahLst/>
            <a:cxnLst>
              <a:cxn ang="0">
                <a:pos x="45" y="73"/>
              </a:cxn>
              <a:cxn ang="0">
                <a:pos x="43" y="68"/>
              </a:cxn>
              <a:cxn ang="0">
                <a:pos x="35" y="68"/>
              </a:cxn>
              <a:cxn ang="0">
                <a:pos x="32" y="72"/>
              </a:cxn>
              <a:cxn ang="0">
                <a:pos x="28" y="65"/>
              </a:cxn>
              <a:cxn ang="0">
                <a:pos x="28" y="60"/>
              </a:cxn>
              <a:cxn ang="0">
                <a:pos x="21" y="57"/>
              </a:cxn>
              <a:cxn ang="0">
                <a:pos x="21" y="52"/>
              </a:cxn>
              <a:cxn ang="0">
                <a:pos x="15" y="47"/>
              </a:cxn>
              <a:cxn ang="0">
                <a:pos x="15" y="42"/>
              </a:cxn>
              <a:cxn ang="0">
                <a:pos x="15" y="38"/>
              </a:cxn>
              <a:cxn ang="0">
                <a:pos x="16" y="33"/>
              </a:cxn>
              <a:cxn ang="0">
                <a:pos x="13" y="28"/>
              </a:cxn>
              <a:cxn ang="0">
                <a:pos x="7" y="24"/>
              </a:cxn>
              <a:cxn ang="0">
                <a:pos x="7" y="20"/>
              </a:cxn>
              <a:cxn ang="0">
                <a:pos x="6" y="16"/>
              </a:cxn>
              <a:cxn ang="0">
                <a:pos x="1" y="12"/>
              </a:cxn>
              <a:cxn ang="0">
                <a:pos x="0" y="6"/>
              </a:cxn>
              <a:cxn ang="0">
                <a:pos x="1" y="2"/>
              </a:cxn>
              <a:cxn ang="0">
                <a:pos x="6" y="0"/>
              </a:cxn>
              <a:cxn ang="0">
                <a:pos x="10" y="1"/>
              </a:cxn>
              <a:cxn ang="0">
                <a:pos x="16" y="5"/>
              </a:cxn>
              <a:cxn ang="0">
                <a:pos x="16" y="9"/>
              </a:cxn>
              <a:cxn ang="0">
                <a:pos x="17" y="17"/>
              </a:cxn>
              <a:cxn ang="0">
                <a:pos x="19" y="24"/>
              </a:cxn>
              <a:cxn ang="0">
                <a:pos x="23" y="31"/>
              </a:cxn>
              <a:cxn ang="0">
                <a:pos x="27" y="37"/>
              </a:cxn>
              <a:cxn ang="0">
                <a:pos x="32" y="41"/>
              </a:cxn>
              <a:cxn ang="0">
                <a:pos x="38" y="45"/>
              </a:cxn>
              <a:cxn ang="0">
                <a:pos x="44" y="49"/>
              </a:cxn>
              <a:cxn ang="0">
                <a:pos x="53" y="53"/>
              </a:cxn>
              <a:cxn ang="0">
                <a:pos x="57" y="53"/>
              </a:cxn>
              <a:cxn ang="0">
                <a:pos x="56" y="57"/>
              </a:cxn>
              <a:cxn ang="0">
                <a:pos x="53" y="61"/>
              </a:cxn>
              <a:cxn ang="0">
                <a:pos x="47" y="62"/>
              </a:cxn>
              <a:cxn ang="0">
                <a:pos x="51" y="67"/>
              </a:cxn>
              <a:cxn ang="0">
                <a:pos x="45" y="73"/>
              </a:cxn>
            </a:cxnLst>
            <a:rect l="0" t="0" r="r" b="b"/>
            <a:pathLst>
              <a:path w="57" h="73">
                <a:moveTo>
                  <a:pt x="45" y="73"/>
                </a:moveTo>
                <a:cubicBezTo>
                  <a:pt x="44" y="73"/>
                  <a:pt x="45" y="69"/>
                  <a:pt x="43" y="68"/>
                </a:cubicBezTo>
                <a:cubicBezTo>
                  <a:pt x="41" y="67"/>
                  <a:pt x="37" y="67"/>
                  <a:pt x="35" y="68"/>
                </a:cubicBezTo>
                <a:cubicBezTo>
                  <a:pt x="33" y="69"/>
                  <a:pt x="33" y="72"/>
                  <a:pt x="32" y="72"/>
                </a:cubicBezTo>
                <a:cubicBezTo>
                  <a:pt x="31" y="72"/>
                  <a:pt x="29" y="67"/>
                  <a:pt x="28" y="65"/>
                </a:cubicBezTo>
                <a:cubicBezTo>
                  <a:pt x="27" y="63"/>
                  <a:pt x="29" y="61"/>
                  <a:pt x="28" y="60"/>
                </a:cubicBezTo>
                <a:cubicBezTo>
                  <a:pt x="27" y="59"/>
                  <a:pt x="22" y="58"/>
                  <a:pt x="21" y="57"/>
                </a:cubicBezTo>
                <a:cubicBezTo>
                  <a:pt x="20" y="56"/>
                  <a:pt x="22" y="54"/>
                  <a:pt x="21" y="52"/>
                </a:cubicBezTo>
                <a:cubicBezTo>
                  <a:pt x="20" y="50"/>
                  <a:pt x="16" y="49"/>
                  <a:pt x="15" y="47"/>
                </a:cubicBezTo>
                <a:cubicBezTo>
                  <a:pt x="14" y="45"/>
                  <a:pt x="15" y="43"/>
                  <a:pt x="15" y="42"/>
                </a:cubicBezTo>
                <a:cubicBezTo>
                  <a:pt x="15" y="41"/>
                  <a:pt x="15" y="39"/>
                  <a:pt x="15" y="38"/>
                </a:cubicBezTo>
                <a:cubicBezTo>
                  <a:pt x="15" y="37"/>
                  <a:pt x="16" y="35"/>
                  <a:pt x="16" y="33"/>
                </a:cubicBezTo>
                <a:cubicBezTo>
                  <a:pt x="16" y="31"/>
                  <a:pt x="14" y="29"/>
                  <a:pt x="13" y="28"/>
                </a:cubicBezTo>
                <a:cubicBezTo>
                  <a:pt x="12" y="27"/>
                  <a:pt x="8" y="25"/>
                  <a:pt x="7" y="24"/>
                </a:cubicBezTo>
                <a:cubicBezTo>
                  <a:pt x="6" y="23"/>
                  <a:pt x="7" y="21"/>
                  <a:pt x="7" y="20"/>
                </a:cubicBezTo>
                <a:cubicBezTo>
                  <a:pt x="7" y="19"/>
                  <a:pt x="7" y="17"/>
                  <a:pt x="6" y="16"/>
                </a:cubicBezTo>
                <a:cubicBezTo>
                  <a:pt x="5" y="15"/>
                  <a:pt x="2" y="14"/>
                  <a:pt x="1" y="12"/>
                </a:cubicBezTo>
                <a:cubicBezTo>
                  <a:pt x="0" y="10"/>
                  <a:pt x="0" y="8"/>
                  <a:pt x="0" y="6"/>
                </a:cubicBezTo>
                <a:cubicBezTo>
                  <a:pt x="0" y="4"/>
                  <a:pt x="0" y="3"/>
                  <a:pt x="1" y="2"/>
                </a:cubicBezTo>
                <a:cubicBezTo>
                  <a:pt x="2" y="1"/>
                  <a:pt x="5" y="0"/>
                  <a:pt x="6" y="0"/>
                </a:cubicBezTo>
                <a:cubicBezTo>
                  <a:pt x="7" y="0"/>
                  <a:pt x="8" y="0"/>
                  <a:pt x="10" y="1"/>
                </a:cubicBezTo>
                <a:cubicBezTo>
                  <a:pt x="12" y="2"/>
                  <a:pt x="15" y="4"/>
                  <a:pt x="16" y="5"/>
                </a:cubicBezTo>
                <a:cubicBezTo>
                  <a:pt x="17" y="6"/>
                  <a:pt x="16" y="7"/>
                  <a:pt x="16" y="9"/>
                </a:cubicBezTo>
                <a:cubicBezTo>
                  <a:pt x="16" y="11"/>
                  <a:pt x="17" y="15"/>
                  <a:pt x="17" y="17"/>
                </a:cubicBezTo>
                <a:cubicBezTo>
                  <a:pt x="17" y="19"/>
                  <a:pt x="18" y="22"/>
                  <a:pt x="19" y="24"/>
                </a:cubicBezTo>
                <a:cubicBezTo>
                  <a:pt x="20" y="26"/>
                  <a:pt x="22" y="29"/>
                  <a:pt x="23" y="31"/>
                </a:cubicBezTo>
                <a:cubicBezTo>
                  <a:pt x="24" y="33"/>
                  <a:pt x="26" y="35"/>
                  <a:pt x="27" y="37"/>
                </a:cubicBezTo>
                <a:cubicBezTo>
                  <a:pt x="28" y="39"/>
                  <a:pt x="30" y="40"/>
                  <a:pt x="32" y="41"/>
                </a:cubicBezTo>
                <a:cubicBezTo>
                  <a:pt x="34" y="42"/>
                  <a:pt x="36" y="44"/>
                  <a:pt x="38" y="45"/>
                </a:cubicBezTo>
                <a:cubicBezTo>
                  <a:pt x="40" y="46"/>
                  <a:pt x="42" y="48"/>
                  <a:pt x="44" y="49"/>
                </a:cubicBezTo>
                <a:cubicBezTo>
                  <a:pt x="46" y="50"/>
                  <a:pt x="51" y="52"/>
                  <a:pt x="53" y="53"/>
                </a:cubicBezTo>
                <a:cubicBezTo>
                  <a:pt x="55" y="54"/>
                  <a:pt x="57" y="52"/>
                  <a:pt x="57" y="53"/>
                </a:cubicBezTo>
                <a:cubicBezTo>
                  <a:pt x="57" y="54"/>
                  <a:pt x="57" y="56"/>
                  <a:pt x="56" y="57"/>
                </a:cubicBezTo>
                <a:cubicBezTo>
                  <a:pt x="55" y="58"/>
                  <a:pt x="54" y="60"/>
                  <a:pt x="53" y="61"/>
                </a:cubicBezTo>
                <a:cubicBezTo>
                  <a:pt x="52" y="62"/>
                  <a:pt x="47" y="61"/>
                  <a:pt x="47" y="62"/>
                </a:cubicBezTo>
                <a:cubicBezTo>
                  <a:pt x="47" y="63"/>
                  <a:pt x="51" y="66"/>
                  <a:pt x="51" y="67"/>
                </a:cubicBezTo>
                <a:cubicBezTo>
                  <a:pt x="51" y="68"/>
                  <a:pt x="46" y="73"/>
                  <a:pt x="45" y="73"/>
                </a:cubicBezTo>
                <a:close/>
              </a:path>
            </a:pathLst>
          </a:custGeom>
          <a:solidFill>
            <a:srgbClr val="FFFFFF"/>
          </a:solidFill>
          <a:ln w="9525">
            <a:solidFill>
              <a:srgbClr val="000000"/>
            </a:solidFill>
            <a:round/>
            <a:headEnd/>
            <a:tailEnd/>
          </a:ln>
        </xdr:spPr>
      </xdr:sp>
    </xdr:grpSp>
    <xdr:clientData/>
  </xdr:twoCellAnchor>
  <xdr:twoCellAnchor>
    <xdr:from>
      <xdr:col>6</xdr:col>
      <xdr:colOff>536863</xdr:colOff>
      <xdr:row>9</xdr:row>
      <xdr:rowOff>1</xdr:rowOff>
    </xdr:from>
    <xdr:to>
      <xdr:col>7</xdr:col>
      <xdr:colOff>294408</xdr:colOff>
      <xdr:row>11</xdr:row>
      <xdr:rowOff>34638</xdr:rowOff>
    </xdr:to>
    <xdr:sp macro="" textlink="">
      <xdr:nvSpPr>
        <xdr:cNvPr id="208" name="星 4 207">
          <a:hlinkClick xmlns:r="http://schemas.openxmlformats.org/officeDocument/2006/relationships" r:id="rId1"/>
          <a:extLst>
            <a:ext uri="{FF2B5EF4-FFF2-40B4-BE49-F238E27FC236}">
              <a16:creationId xmlns:a16="http://schemas.microsoft.com/office/drawing/2014/main" id="{00000000-0008-0000-0000-0000D0000000}"/>
            </a:ext>
          </a:extLst>
        </xdr:cNvPr>
        <xdr:cNvSpPr/>
      </xdr:nvSpPr>
      <xdr:spPr bwMode="auto">
        <a:xfrm>
          <a:off x="4194463" y="1371601"/>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9</xdr:col>
      <xdr:colOff>432954</xdr:colOff>
      <xdr:row>13</xdr:row>
      <xdr:rowOff>1</xdr:rowOff>
    </xdr:from>
    <xdr:to>
      <xdr:col>10</xdr:col>
      <xdr:colOff>190499</xdr:colOff>
      <xdr:row>15</xdr:row>
      <xdr:rowOff>34638</xdr:rowOff>
    </xdr:to>
    <xdr:sp macro="" textlink="">
      <xdr:nvSpPr>
        <xdr:cNvPr id="209" name="星 4 208">
          <a:hlinkClick xmlns:r="http://schemas.openxmlformats.org/officeDocument/2006/relationships" r:id="rId2"/>
          <a:extLst>
            <a:ext uri="{FF2B5EF4-FFF2-40B4-BE49-F238E27FC236}">
              <a16:creationId xmlns:a16="http://schemas.microsoft.com/office/drawing/2014/main" id="{00000000-0008-0000-0000-0000D1000000}"/>
            </a:ext>
          </a:extLst>
        </xdr:cNvPr>
        <xdr:cNvSpPr/>
      </xdr:nvSpPr>
      <xdr:spPr bwMode="auto">
        <a:xfrm>
          <a:off x="5919354" y="1981201"/>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9</xdr:col>
      <xdr:colOff>138547</xdr:colOff>
      <xdr:row>11</xdr:row>
      <xdr:rowOff>51954</xdr:rowOff>
    </xdr:from>
    <xdr:to>
      <xdr:col>9</xdr:col>
      <xdr:colOff>484911</xdr:colOff>
      <xdr:row>13</xdr:row>
      <xdr:rowOff>69272</xdr:rowOff>
    </xdr:to>
    <xdr:sp macro="" textlink="">
      <xdr:nvSpPr>
        <xdr:cNvPr id="210" name="星 7 209">
          <a:hlinkClick xmlns:r="http://schemas.openxmlformats.org/officeDocument/2006/relationships" r:id="rId15"/>
          <a:extLst>
            <a:ext uri="{FF2B5EF4-FFF2-40B4-BE49-F238E27FC236}">
              <a16:creationId xmlns:a16="http://schemas.microsoft.com/office/drawing/2014/main" id="{00000000-0008-0000-0000-0000D2000000}"/>
            </a:ext>
          </a:extLst>
        </xdr:cNvPr>
        <xdr:cNvSpPr/>
      </xdr:nvSpPr>
      <xdr:spPr bwMode="auto">
        <a:xfrm>
          <a:off x="5624947" y="1728354"/>
          <a:ext cx="346364" cy="322118"/>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1</xdr:col>
      <xdr:colOff>484910</xdr:colOff>
      <xdr:row>7</xdr:row>
      <xdr:rowOff>17318</xdr:rowOff>
    </xdr:from>
    <xdr:to>
      <xdr:col>12</xdr:col>
      <xdr:colOff>225138</xdr:colOff>
      <xdr:row>9</xdr:row>
      <xdr:rowOff>34637</xdr:rowOff>
    </xdr:to>
    <xdr:sp macro="" textlink="">
      <xdr:nvSpPr>
        <xdr:cNvPr id="212" name="星 7 211">
          <a:hlinkClick xmlns:r="http://schemas.openxmlformats.org/officeDocument/2006/relationships" r:id="rId3"/>
          <a:extLst>
            <a:ext uri="{FF2B5EF4-FFF2-40B4-BE49-F238E27FC236}">
              <a16:creationId xmlns:a16="http://schemas.microsoft.com/office/drawing/2014/main" id="{00000000-0008-0000-0000-0000D4000000}"/>
            </a:ext>
          </a:extLst>
        </xdr:cNvPr>
        <xdr:cNvSpPr/>
      </xdr:nvSpPr>
      <xdr:spPr bwMode="auto">
        <a:xfrm>
          <a:off x="7190510" y="1084118"/>
          <a:ext cx="349828" cy="322119"/>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4</xdr:col>
      <xdr:colOff>1</xdr:colOff>
      <xdr:row>9</xdr:row>
      <xdr:rowOff>0</xdr:rowOff>
    </xdr:from>
    <xdr:to>
      <xdr:col>14</xdr:col>
      <xdr:colOff>346365</xdr:colOff>
      <xdr:row>11</xdr:row>
      <xdr:rowOff>17319</xdr:rowOff>
    </xdr:to>
    <xdr:sp macro="" textlink="">
      <xdr:nvSpPr>
        <xdr:cNvPr id="214" name="星 7 213">
          <a:hlinkClick xmlns:r="http://schemas.openxmlformats.org/officeDocument/2006/relationships" r:id="rId4"/>
          <a:extLst>
            <a:ext uri="{FF2B5EF4-FFF2-40B4-BE49-F238E27FC236}">
              <a16:creationId xmlns:a16="http://schemas.microsoft.com/office/drawing/2014/main" id="{00000000-0008-0000-0000-0000D6000000}"/>
            </a:ext>
          </a:extLst>
        </xdr:cNvPr>
        <xdr:cNvSpPr/>
      </xdr:nvSpPr>
      <xdr:spPr bwMode="auto">
        <a:xfrm>
          <a:off x="8534401" y="1371600"/>
          <a:ext cx="346364" cy="322119"/>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138546</xdr:colOff>
      <xdr:row>18</xdr:row>
      <xdr:rowOff>86591</xdr:rowOff>
    </xdr:from>
    <xdr:to>
      <xdr:col>13</xdr:col>
      <xdr:colOff>484910</xdr:colOff>
      <xdr:row>20</xdr:row>
      <xdr:rowOff>103910</xdr:rowOff>
    </xdr:to>
    <xdr:sp macro="" textlink="">
      <xdr:nvSpPr>
        <xdr:cNvPr id="215" name="星 7 214">
          <a:hlinkClick xmlns:r="http://schemas.openxmlformats.org/officeDocument/2006/relationships" r:id="rId5"/>
          <a:extLst>
            <a:ext uri="{FF2B5EF4-FFF2-40B4-BE49-F238E27FC236}">
              <a16:creationId xmlns:a16="http://schemas.microsoft.com/office/drawing/2014/main" id="{00000000-0008-0000-0000-0000D7000000}"/>
            </a:ext>
          </a:extLst>
        </xdr:cNvPr>
        <xdr:cNvSpPr/>
      </xdr:nvSpPr>
      <xdr:spPr bwMode="auto">
        <a:xfrm>
          <a:off x="8063346" y="2829791"/>
          <a:ext cx="346364" cy="322119"/>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4</xdr:col>
      <xdr:colOff>51956</xdr:colOff>
      <xdr:row>28</xdr:row>
      <xdr:rowOff>138546</xdr:rowOff>
    </xdr:from>
    <xdr:to>
      <xdr:col>14</xdr:col>
      <xdr:colOff>398320</xdr:colOff>
      <xdr:row>31</xdr:row>
      <xdr:rowOff>1</xdr:rowOff>
    </xdr:to>
    <xdr:sp macro="" textlink="">
      <xdr:nvSpPr>
        <xdr:cNvPr id="216" name="星 7 215">
          <a:hlinkClick xmlns:r="http://schemas.openxmlformats.org/officeDocument/2006/relationships" r:id="rId6"/>
          <a:extLst>
            <a:ext uri="{FF2B5EF4-FFF2-40B4-BE49-F238E27FC236}">
              <a16:creationId xmlns:a16="http://schemas.microsoft.com/office/drawing/2014/main" id="{00000000-0008-0000-0000-0000D8000000}"/>
            </a:ext>
          </a:extLst>
        </xdr:cNvPr>
        <xdr:cNvSpPr/>
      </xdr:nvSpPr>
      <xdr:spPr bwMode="auto">
        <a:xfrm>
          <a:off x="8586356" y="4405746"/>
          <a:ext cx="346364" cy="318655"/>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4</xdr:col>
      <xdr:colOff>242453</xdr:colOff>
      <xdr:row>22</xdr:row>
      <xdr:rowOff>17320</xdr:rowOff>
    </xdr:from>
    <xdr:to>
      <xdr:col>14</xdr:col>
      <xdr:colOff>606135</xdr:colOff>
      <xdr:row>24</xdr:row>
      <xdr:rowOff>51956</xdr:rowOff>
    </xdr:to>
    <xdr:sp macro="" textlink="">
      <xdr:nvSpPr>
        <xdr:cNvPr id="217" name="星 4 216">
          <a:hlinkClick xmlns:r="http://schemas.openxmlformats.org/officeDocument/2006/relationships" r:id="rId16"/>
          <a:extLst>
            <a:ext uri="{FF2B5EF4-FFF2-40B4-BE49-F238E27FC236}">
              <a16:creationId xmlns:a16="http://schemas.microsoft.com/office/drawing/2014/main" id="{00000000-0008-0000-0000-0000D9000000}"/>
            </a:ext>
          </a:extLst>
        </xdr:cNvPr>
        <xdr:cNvSpPr/>
      </xdr:nvSpPr>
      <xdr:spPr bwMode="auto">
        <a:xfrm>
          <a:off x="8776853" y="3370120"/>
          <a:ext cx="363682" cy="339436"/>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380998</xdr:colOff>
      <xdr:row>21</xdr:row>
      <xdr:rowOff>86592</xdr:rowOff>
    </xdr:from>
    <xdr:to>
      <xdr:col>14</xdr:col>
      <xdr:colOff>138544</xdr:colOff>
      <xdr:row>23</xdr:row>
      <xdr:rowOff>121229</xdr:rowOff>
    </xdr:to>
    <xdr:sp macro="" textlink="">
      <xdr:nvSpPr>
        <xdr:cNvPr id="218" name="星 4 217">
          <a:hlinkClick xmlns:r="http://schemas.openxmlformats.org/officeDocument/2006/relationships" r:id="rId17"/>
          <a:extLst>
            <a:ext uri="{FF2B5EF4-FFF2-40B4-BE49-F238E27FC236}">
              <a16:creationId xmlns:a16="http://schemas.microsoft.com/office/drawing/2014/main" id="{00000000-0008-0000-0000-0000DA000000}"/>
            </a:ext>
          </a:extLst>
        </xdr:cNvPr>
        <xdr:cNvSpPr/>
      </xdr:nvSpPr>
      <xdr:spPr bwMode="auto">
        <a:xfrm>
          <a:off x="8305798" y="3286992"/>
          <a:ext cx="367146"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86589</xdr:colOff>
      <xdr:row>22</xdr:row>
      <xdr:rowOff>103911</xdr:rowOff>
    </xdr:from>
    <xdr:to>
      <xdr:col>13</xdr:col>
      <xdr:colOff>450271</xdr:colOff>
      <xdr:row>24</xdr:row>
      <xdr:rowOff>138547</xdr:rowOff>
    </xdr:to>
    <xdr:sp macro="" textlink="">
      <xdr:nvSpPr>
        <xdr:cNvPr id="219" name="星 4 218">
          <a:hlinkClick xmlns:r="http://schemas.openxmlformats.org/officeDocument/2006/relationships" r:id="rId18"/>
          <a:extLst>
            <a:ext uri="{FF2B5EF4-FFF2-40B4-BE49-F238E27FC236}">
              <a16:creationId xmlns:a16="http://schemas.microsoft.com/office/drawing/2014/main" id="{00000000-0008-0000-0000-0000DB000000}"/>
            </a:ext>
          </a:extLst>
        </xdr:cNvPr>
        <xdr:cNvSpPr/>
      </xdr:nvSpPr>
      <xdr:spPr bwMode="auto">
        <a:xfrm>
          <a:off x="8011389" y="3456711"/>
          <a:ext cx="363682" cy="339436"/>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519543</xdr:colOff>
      <xdr:row>24</xdr:row>
      <xdr:rowOff>34637</xdr:rowOff>
    </xdr:from>
    <xdr:to>
      <xdr:col>14</xdr:col>
      <xdr:colOff>277089</xdr:colOff>
      <xdr:row>26</xdr:row>
      <xdr:rowOff>69274</xdr:rowOff>
    </xdr:to>
    <xdr:sp macro="" textlink="">
      <xdr:nvSpPr>
        <xdr:cNvPr id="220" name="星 4 219">
          <a:hlinkClick xmlns:r="http://schemas.openxmlformats.org/officeDocument/2006/relationships" r:id="rId7"/>
          <a:extLst>
            <a:ext uri="{FF2B5EF4-FFF2-40B4-BE49-F238E27FC236}">
              <a16:creationId xmlns:a16="http://schemas.microsoft.com/office/drawing/2014/main" id="{00000000-0008-0000-0000-0000DC000000}"/>
            </a:ext>
          </a:extLst>
        </xdr:cNvPr>
        <xdr:cNvSpPr/>
      </xdr:nvSpPr>
      <xdr:spPr bwMode="auto">
        <a:xfrm>
          <a:off x="8444343" y="3692237"/>
          <a:ext cx="367146"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6</xdr:col>
      <xdr:colOff>415635</xdr:colOff>
      <xdr:row>27</xdr:row>
      <xdr:rowOff>51955</xdr:rowOff>
    </xdr:from>
    <xdr:to>
      <xdr:col>7</xdr:col>
      <xdr:colOff>173180</xdr:colOff>
      <xdr:row>29</xdr:row>
      <xdr:rowOff>86592</xdr:rowOff>
    </xdr:to>
    <xdr:sp macro="" textlink="">
      <xdr:nvSpPr>
        <xdr:cNvPr id="221" name="星 4 220">
          <a:hlinkClick xmlns:r="http://schemas.openxmlformats.org/officeDocument/2006/relationships" r:id="rId8"/>
          <a:extLst>
            <a:ext uri="{FF2B5EF4-FFF2-40B4-BE49-F238E27FC236}">
              <a16:creationId xmlns:a16="http://schemas.microsoft.com/office/drawing/2014/main" id="{00000000-0008-0000-0000-0000DD000000}"/>
            </a:ext>
          </a:extLst>
        </xdr:cNvPr>
        <xdr:cNvSpPr/>
      </xdr:nvSpPr>
      <xdr:spPr bwMode="auto">
        <a:xfrm>
          <a:off x="4073235" y="4166755"/>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1</xdr:col>
      <xdr:colOff>311726</xdr:colOff>
      <xdr:row>26</xdr:row>
      <xdr:rowOff>121228</xdr:rowOff>
    </xdr:from>
    <xdr:to>
      <xdr:col>12</xdr:col>
      <xdr:colOff>69272</xdr:colOff>
      <xdr:row>29</xdr:row>
      <xdr:rowOff>1</xdr:rowOff>
    </xdr:to>
    <xdr:sp macro="" textlink="">
      <xdr:nvSpPr>
        <xdr:cNvPr id="222" name="星 4 221">
          <a:hlinkClick xmlns:r="http://schemas.openxmlformats.org/officeDocument/2006/relationships" r:id="rId9"/>
          <a:extLst>
            <a:ext uri="{FF2B5EF4-FFF2-40B4-BE49-F238E27FC236}">
              <a16:creationId xmlns:a16="http://schemas.microsoft.com/office/drawing/2014/main" id="{00000000-0008-0000-0000-0000DE000000}"/>
            </a:ext>
          </a:extLst>
        </xdr:cNvPr>
        <xdr:cNvSpPr/>
      </xdr:nvSpPr>
      <xdr:spPr bwMode="auto">
        <a:xfrm>
          <a:off x="7017326" y="4083628"/>
          <a:ext cx="367146" cy="335973"/>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4</xdr:col>
      <xdr:colOff>383885</xdr:colOff>
      <xdr:row>36</xdr:row>
      <xdr:rowOff>51955</xdr:rowOff>
    </xdr:from>
    <xdr:to>
      <xdr:col>5</xdr:col>
      <xdr:colOff>141430</xdr:colOff>
      <xdr:row>38</xdr:row>
      <xdr:rowOff>86592</xdr:rowOff>
    </xdr:to>
    <xdr:sp macro="" textlink="">
      <xdr:nvSpPr>
        <xdr:cNvPr id="223" name="星 4 222">
          <a:hlinkClick xmlns:r="http://schemas.openxmlformats.org/officeDocument/2006/relationships" r:id="rId10"/>
          <a:extLst>
            <a:ext uri="{FF2B5EF4-FFF2-40B4-BE49-F238E27FC236}">
              <a16:creationId xmlns:a16="http://schemas.microsoft.com/office/drawing/2014/main" id="{00000000-0008-0000-0000-0000DF000000}"/>
            </a:ext>
          </a:extLst>
        </xdr:cNvPr>
        <xdr:cNvSpPr/>
      </xdr:nvSpPr>
      <xdr:spPr bwMode="auto">
        <a:xfrm>
          <a:off x="2822285" y="5538355"/>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415635</xdr:colOff>
      <xdr:row>39</xdr:row>
      <xdr:rowOff>99580</xdr:rowOff>
    </xdr:from>
    <xdr:to>
      <xdr:col>14</xdr:col>
      <xdr:colOff>173180</xdr:colOff>
      <xdr:row>41</xdr:row>
      <xdr:rowOff>134217</xdr:rowOff>
    </xdr:to>
    <xdr:sp macro="" textlink="">
      <xdr:nvSpPr>
        <xdr:cNvPr id="224" name="星 4 223">
          <a:hlinkClick xmlns:r="http://schemas.openxmlformats.org/officeDocument/2006/relationships" r:id="rId11"/>
          <a:extLst>
            <a:ext uri="{FF2B5EF4-FFF2-40B4-BE49-F238E27FC236}">
              <a16:creationId xmlns:a16="http://schemas.microsoft.com/office/drawing/2014/main" id="{00000000-0008-0000-0000-0000E0000000}"/>
            </a:ext>
          </a:extLst>
        </xdr:cNvPr>
        <xdr:cNvSpPr/>
      </xdr:nvSpPr>
      <xdr:spPr bwMode="auto">
        <a:xfrm>
          <a:off x="8340435" y="6043180"/>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2</xdr:col>
      <xdr:colOff>460375</xdr:colOff>
      <xdr:row>5</xdr:row>
      <xdr:rowOff>15874</xdr:rowOff>
    </xdr:from>
    <xdr:to>
      <xdr:col>16</xdr:col>
      <xdr:colOff>47624</xdr:colOff>
      <xdr:row>6</xdr:row>
      <xdr:rowOff>141524</xdr:rowOff>
    </xdr:to>
    <xdr:sp macro="" textlink="">
      <xdr:nvSpPr>
        <xdr:cNvPr id="225" name="正方形/長方形 224">
          <a:hlinkClick xmlns:r="http://schemas.openxmlformats.org/officeDocument/2006/relationships" r:id="rId3"/>
          <a:extLst>
            <a:ext uri="{FF2B5EF4-FFF2-40B4-BE49-F238E27FC236}">
              <a16:creationId xmlns:a16="http://schemas.microsoft.com/office/drawing/2014/main" id="{00000000-0008-0000-0000-0000E1000000}"/>
            </a:ext>
          </a:extLst>
        </xdr:cNvPr>
        <xdr:cNvSpPr/>
      </xdr:nvSpPr>
      <xdr:spPr bwMode="auto">
        <a:xfrm>
          <a:off x="7775575" y="777874"/>
          <a:ext cx="2025649" cy="27805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聖マリアンナ医科大学病院</a:t>
          </a:r>
        </a:p>
      </xdr:txBody>
    </xdr:sp>
    <xdr:clientData/>
  </xdr:twoCellAnchor>
  <xdr:twoCellAnchor>
    <xdr:from>
      <xdr:col>14</xdr:col>
      <xdr:colOff>492125</xdr:colOff>
      <xdr:row>8</xdr:row>
      <xdr:rowOff>47625</xdr:rowOff>
    </xdr:from>
    <xdr:to>
      <xdr:col>17</xdr:col>
      <xdr:colOff>266375</xdr:colOff>
      <xdr:row>10</xdr:row>
      <xdr:rowOff>14525</xdr:rowOff>
    </xdr:to>
    <xdr:sp macro="" textlink="">
      <xdr:nvSpPr>
        <xdr:cNvPr id="226" name="正方形/長方形 225">
          <a:hlinkClick xmlns:r="http://schemas.openxmlformats.org/officeDocument/2006/relationships" r:id="rId4"/>
          <a:extLst>
            <a:ext uri="{FF2B5EF4-FFF2-40B4-BE49-F238E27FC236}">
              <a16:creationId xmlns:a16="http://schemas.microsoft.com/office/drawing/2014/main" id="{00000000-0008-0000-0000-0000E2000000}"/>
            </a:ext>
          </a:extLst>
        </xdr:cNvPr>
        <xdr:cNvSpPr/>
      </xdr:nvSpPr>
      <xdr:spPr bwMode="auto">
        <a:xfrm>
          <a:off x="9026525" y="1266825"/>
          <a:ext cx="160305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川崎市立井田病院</a:t>
          </a:r>
        </a:p>
      </xdr:txBody>
    </xdr:sp>
    <xdr:clientData/>
  </xdr:twoCellAnchor>
  <xdr:twoCellAnchor>
    <xdr:from>
      <xdr:col>14</xdr:col>
      <xdr:colOff>222250</xdr:colOff>
      <xdr:row>41</xdr:row>
      <xdr:rowOff>47626</xdr:rowOff>
    </xdr:from>
    <xdr:to>
      <xdr:col>17</xdr:col>
      <xdr:colOff>212500</xdr:colOff>
      <xdr:row>43</xdr:row>
      <xdr:rowOff>14526</xdr:rowOff>
    </xdr:to>
    <xdr:sp macro="" textlink="">
      <xdr:nvSpPr>
        <xdr:cNvPr id="228" name="正方形/長方形 227">
          <a:hlinkClick xmlns:r="http://schemas.openxmlformats.org/officeDocument/2006/relationships" r:id="rId11"/>
          <a:extLst>
            <a:ext uri="{FF2B5EF4-FFF2-40B4-BE49-F238E27FC236}">
              <a16:creationId xmlns:a16="http://schemas.microsoft.com/office/drawing/2014/main" id="{00000000-0008-0000-0000-0000E4000000}"/>
            </a:ext>
          </a:extLst>
        </xdr:cNvPr>
        <xdr:cNvSpPr/>
      </xdr:nvSpPr>
      <xdr:spPr bwMode="auto">
        <a:xfrm>
          <a:off x="8756650" y="6296026"/>
          <a:ext cx="181905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須賀市立市民病院</a:t>
          </a:r>
        </a:p>
      </xdr:txBody>
    </xdr:sp>
    <xdr:clientData/>
  </xdr:twoCellAnchor>
  <xdr:twoCellAnchor>
    <xdr:from>
      <xdr:col>13</xdr:col>
      <xdr:colOff>476250</xdr:colOff>
      <xdr:row>32</xdr:row>
      <xdr:rowOff>79375</xdr:rowOff>
    </xdr:from>
    <xdr:to>
      <xdr:col>16</xdr:col>
      <xdr:colOff>444500</xdr:colOff>
      <xdr:row>34</xdr:row>
      <xdr:rowOff>46275</xdr:rowOff>
    </xdr:to>
    <xdr:sp macro="" textlink="">
      <xdr:nvSpPr>
        <xdr:cNvPr id="229" name="正方形/長方形 228">
          <a:hlinkClick xmlns:r="http://schemas.openxmlformats.org/officeDocument/2006/relationships" r:id="rId6"/>
          <a:extLst>
            <a:ext uri="{FF2B5EF4-FFF2-40B4-BE49-F238E27FC236}">
              <a16:creationId xmlns:a16="http://schemas.microsoft.com/office/drawing/2014/main" id="{00000000-0008-0000-0000-0000E5000000}"/>
            </a:ext>
          </a:extLst>
        </xdr:cNvPr>
        <xdr:cNvSpPr/>
      </xdr:nvSpPr>
      <xdr:spPr bwMode="auto">
        <a:xfrm>
          <a:off x="8401050" y="4956175"/>
          <a:ext cx="179705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市立大学附属病院</a:t>
          </a:r>
        </a:p>
      </xdr:txBody>
    </xdr:sp>
    <xdr:clientData/>
  </xdr:twoCellAnchor>
  <xdr:twoCellAnchor>
    <xdr:from>
      <xdr:col>4</xdr:col>
      <xdr:colOff>301625</xdr:colOff>
      <xdr:row>24</xdr:row>
      <xdr:rowOff>127000</xdr:rowOff>
    </xdr:from>
    <xdr:to>
      <xdr:col>7</xdr:col>
      <xdr:colOff>142875</xdr:colOff>
      <xdr:row>26</xdr:row>
      <xdr:rowOff>93900</xdr:rowOff>
    </xdr:to>
    <xdr:sp macro="" textlink="">
      <xdr:nvSpPr>
        <xdr:cNvPr id="231" name="正方形/長方形 230">
          <a:hlinkClick xmlns:r="http://schemas.openxmlformats.org/officeDocument/2006/relationships" r:id="rId8"/>
          <a:extLst>
            <a:ext uri="{FF2B5EF4-FFF2-40B4-BE49-F238E27FC236}">
              <a16:creationId xmlns:a16="http://schemas.microsoft.com/office/drawing/2014/main" id="{00000000-0008-0000-0000-0000E7000000}"/>
            </a:ext>
          </a:extLst>
        </xdr:cNvPr>
        <xdr:cNvSpPr/>
      </xdr:nvSpPr>
      <xdr:spPr bwMode="auto">
        <a:xfrm>
          <a:off x="2740025" y="3784600"/>
          <a:ext cx="167005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秦野赤十字病院</a:t>
          </a:r>
        </a:p>
      </xdr:txBody>
    </xdr:sp>
    <xdr:clientData/>
  </xdr:twoCellAnchor>
  <xdr:twoCellAnchor>
    <xdr:from>
      <xdr:col>4</xdr:col>
      <xdr:colOff>334819</xdr:colOff>
      <xdr:row>28</xdr:row>
      <xdr:rowOff>142875</xdr:rowOff>
    </xdr:from>
    <xdr:to>
      <xdr:col>5</xdr:col>
      <xdr:colOff>75047</xdr:colOff>
      <xdr:row>31</xdr:row>
      <xdr:rowOff>1443</xdr:rowOff>
    </xdr:to>
    <xdr:sp macro="" textlink="">
      <xdr:nvSpPr>
        <xdr:cNvPr id="232" name="星 7 231">
          <a:hlinkClick xmlns:r="http://schemas.openxmlformats.org/officeDocument/2006/relationships" r:id="rId12"/>
          <a:extLst>
            <a:ext uri="{FF2B5EF4-FFF2-40B4-BE49-F238E27FC236}">
              <a16:creationId xmlns:a16="http://schemas.microsoft.com/office/drawing/2014/main" id="{00000000-0008-0000-0000-0000E8000000}"/>
            </a:ext>
          </a:extLst>
        </xdr:cNvPr>
        <xdr:cNvSpPr/>
      </xdr:nvSpPr>
      <xdr:spPr bwMode="auto">
        <a:xfrm>
          <a:off x="2773219" y="4410075"/>
          <a:ext cx="349828" cy="315768"/>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xdr:col>
      <xdr:colOff>127000</xdr:colOff>
      <xdr:row>31</xdr:row>
      <xdr:rowOff>47626</xdr:rowOff>
    </xdr:from>
    <xdr:to>
      <xdr:col>5</xdr:col>
      <xdr:colOff>174625</xdr:colOff>
      <xdr:row>33</xdr:row>
      <xdr:rowOff>14526</xdr:rowOff>
    </xdr:to>
    <xdr:sp macro="" textlink="">
      <xdr:nvSpPr>
        <xdr:cNvPr id="233" name="正方形/長方形 232">
          <a:hlinkClick xmlns:r="http://schemas.openxmlformats.org/officeDocument/2006/relationships" r:id="rId12"/>
          <a:extLst>
            <a:ext uri="{FF2B5EF4-FFF2-40B4-BE49-F238E27FC236}">
              <a16:creationId xmlns:a16="http://schemas.microsoft.com/office/drawing/2014/main" id="{00000000-0008-0000-0000-0000E9000000}"/>
            </a:ext>
          </a:extLst>
        </xdr:cNvPr>
        <xdr:cNvSpPr/>
      </xdr:nvSpPr>
      <xdr:spPr bwMode="auto">
        <a:xfrm>
          <a:off x="1346200" y="4772026"/>
          <a:ext cx="1876425"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神奈川県立足柄上病院</a:t>
          </a:r>
        </a:p>
      </xdr:txBody>
    </xdr:sp>
    <xdr:clientData/>
  </xdr:twoCellAnchor>
  <xdr:twoCellAnchor>
    <xdr:from>
      <xdr:col>2</xdr:col>
      <xdr:colOff>63500</xdr:colOff>
      <xdr:row>39</xdr:row>
      <xdr:rowOff>15875</xdr:rowOff>
    </xdr:from>
    <xdr:to>
      <xdr:col>4</xdr:col>
      <xdr:colOff>587375</xdr:colOff>
      <xdr:row>40</xdr:row>
      <xdr:rowOff>141525</xdr:rowOff>
    </xdr:to>
    <xdr:sp macro="" textlink="">
      <xdr:nvSpPr>
        <xdr:cNvPr id="234" name="正方形/長方形 233">
          <a:hlinkClick xmlns:r="http://schemas.openxmlformats.org/officeDocument/2006/relationships" r:id="rId10"/>
          <a:extLst>
            <a:ext uri="{FF2B5EF4-FFF2-40B4-BE49-F238E27FC236}">
              <a16:creationId xmlns:a16="http://schemas.microsoft.com/office/drawing/2014/main" id="{00000000-0008-0000-0000-0000EA000000}"/>
            </a:ext>
          </a:extLst>
        </xdr:cNvPr>
        <xdr:cNvSpPr/>
      </xdr:nvSpPr>
      <xdr:spPr bwMode="auto">
        <a:xfrm>
          <a:off x="1282700" y="5959475"/>
          <a:ext cx="1743075" cy="27805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小田原市立病院</a:t>
          </a:r>
        </a:p>
      </xdr:txBody>
    </xdr:sp>
    <xdr:clientData/>
  </xdr:twoCellAnchor>
  <xdr:twoCellAnchor>
    <xdr:from>
      <xdr:col>7</xdr:col>
      <xdr:colOff>476250</xdr:colOff>
      <xdr:row>19</xdr:row>
      <xdr:rowOff>15875</xdr:rowOff>
    </xdr:from>
    <xdr:to>
      <xdr:col>10</xdr:col>
      <xdr:colOff>381000</xdr:colOff>
      <xdr:row>20</xdr:row>
      <xdr:rowOff>141525</xdr:rowOff>
    </xdr:to>
    <xdr:sp macro="" textlink="">
      <xdr:nvSpPr>
        <xdr:cNvPr id="235" name="正方形/長方形 234">
          <a:hlinkClick xmlns:r="http://schemas.openxmlformats.org/officeDocument/2006/relationships" r:id="rId13"/>
          <a:extLst>
            <a:ext uri="{FF2B5EF4-FFF2-40B4-BE49-F238E27FC236}">
              <a16:creationId xmlns:a16="http://schemas.microsoft.com/office/drawing/2014/main" id="{00000000-0008-0000-0000-0000EB000000}"/>
            </a:ext>
          </a:extLst>
        </xdr:cNvPr>
        <xdr:cNvSpPr/>
      </xdr:nvSpPr>
      <xdr:spPr bwMode="auto">
        <a:xfrm>
          <a:off x="4743450" y="2911475"/>
          <a:ext cx="1733550" cy="27805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厚木市立病院</a:t>
          </a:r>
        </a:p>
      </xdr:txBody>
    </xdr:sp>
    <xdr:clientData/>
  </xdr:twoCellAnchor>
  <xdr:twoCellAnchor>
    <xdr:from>
      <xdr:col>4</xdr:col>
      <xdr:colOff>253999</xdr:colOff>
      <xdr:row>10</xdr:row>
      <xdr:rowOff>111127</xdr:rowOff>
    </xdr:from>
    <xdr:to>
      <xdr:col>7</xdr:col>
      <xdr:colOff>28249</xdr:colOff>
      <xdr:row>12</xdr:row>
      <xdr:rowOff>78027</xdr:rowOff>
    </xdr:to>
    <xdr:sp macro="" textlink="">
      <xdr:nvSpPr>
        <xdr:cNvPr id="236" name="正方形/長方形 235">
          <a:hlinkClick xmlns:r="http://schemas.openxmlformats.org/officeDocument/2006/relationships" r:id="rId1"/>
          <a:extLst>
            <a:ext uri="{FF2B5EF4-FFF2-40B4-BE49-F238E27FC236}">
              <a16:creationId xmlns:a16="http://schemas.microsoft.com/office/drawing/2014/main" id="{00000000-0008-0000-0000-0000EC000000}"/>
            </a:ext>
          </a:extLst>
        </xdr:cNvPr>
        <xdr:cNvSpPr/>
      </xdr:nvSpPr>
      <xdr:spPr bwMode="auto">
        <a:xfrm>
          <a:off x="2692399" y="1635127"/>
          <a:ext cx="160305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相模原赤十字病院</a:t>
          </a:r>
        </a:p>
      </xdr:txBody>
    </xdr:sp>
    <xdr:clientData/>
  </xdr:twoCellAnchor>
  <xdr:twoCellAnchor>
    <xdr:from>
      <xdr:col>8</xdr:col>
      <xdr:colOff>396875</xdr:colOff>
      <xdr:row>9</xdr:row>
      <xdr:rowOff>0</xdr:rowOff>
    </xdr:from>
    <xdr:to>
      <xdr:col>11</xdr:col>
      <xdr:colOff>27125</xdr:colOff>
      <xdr:row>10</xdr:row>
      <xdr:rowOff>125650</xdr:rowOff>
    </xdr:to>
    <xdr:sp macro="" textlink="">
      <xdr:nvSpPr>
        <xdr:cNvPr id="237" name="正方形/長方形 236">
          <a:hlinkClick xmlns:r="http://schemas.openxmlformats.org/officeDocument/2006/relationships" r:id="rId15"/>
          <a:extLst>
            <a:ext uri="{FF2B5EF4-FFF2-40B4-BE49-F238E27FC236}">
              <a16:creationId xmlns:a16="http://schemas.microsoft.com/office/drawing/2014/main" id="{00000000-0008-0000-0000-0000ED000000}"/>
            </a:ext>
          </a:extLst>
        </xdr:cNvPr>
        <xdr:cNvSpPr/>
      </xdr:nvSpPr>
      <xdr:spPr bwMode="auto">
        <a:xfrm>
          <a:off x="5273675" y="1371600"/>
          <a:ext cx="1459050" cy="27805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北里大学病院</a:t>
          </a:r>
        </a:p>
      </xdr:txBody>
    </xdr:sp>
    <xdr:clientData/>
  </xdr:twoCellAnchor>
  <xdr:twoCellAnchor>
    <xdr:from>
      <xdr:col>10</xdr:col>
      <xdr:colOff>206375</xdr:colOff>
      <xdr:row>15</xdr:row>
      <xdr:rowOff>63500</xdr:rowOff>
    </xdr:from>
    <xdr:to>
      <xdr:col>12</xdr:col>
      <xdr:colOff>439875</xdr:colOff>
      <xdr:row>17</xdr:row>
      <xdr:rowOff>30400</xdr:rowOff>
    </xdr:to>
    <xdr:sp macro="" textlink="">
      <xdr:nvSpPr>
        <xdr:cNvPr id="238" name="正方形/長方形 237">
          <a:hlinkClick xmlns:r="http://schemas.openxmlformats.org/officeDocument/2006/relationships" r:id="rId2"/>
          <a:extLst>
            <a:ext uri="{FF2B5EF4-FFF2-40B4-BE49-F238E27FC236}">
              <a16:creationId xmlns:a16="http://schemas.microsoft.com/office/drawing/2014/main" id="{00000000-0008-0000-0000-0000EE000000}"/>
            </a:ext>
          </a:extLst>
        </xdr:cNvPr>
        <xdr:cNvSpPr/>
      </xdr:nvSpPr>
      <xdr:spPr bwMode="auto">
        <a:xfrm>
          <a:off x="6302375" y="2349500"/>
          <a:ext cx="145270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相模原病院</a:t>
          </a:r>
        </a:p>
      </xdr:txBody>
    </xdr:sp>
    <xdr:clientData/>
  </xdr:twoCellAnchor>
  <xdr:twoCellAnchor>
    <xdr:from>
      <xdr:col>10</xdr:col>
      <xdr:colOff>142875</xdr:colOff>
      <xdr:row>30</xdr:row>
      <xdr:rowOff>31752</xdr:rowOff>
    </xdr:from>
    <xdr:to>
      <xdr:col>12</xdr:col>
      <xdr:colOff>520375</xdr:colOff>
      <xdr:row>31</xdr:row>
      <xdr:rowOff>147877</xdr:rowOff>
    </xdr:to>
    <xdr:sp macro="" textlink="">
      <xdr:nvSpPr>
        <xdr:cNvPr id="239" name="正方形/長方形 238">
          <a:hlinkClick xmlns:r="http://schemas.openxmlformats.org/officeDocument/2006/relationships" r:id="rId9"/>
          <a:extLst>
            <a:ext uri="{FF2B5EF4-FFF2-40B4-BE49-F238E27FC236}">
              <a16:creationId xmlns:a16="http://schemas.microsoft.com/office/drawing/2014/main" id="{00000000-0008-0000-0000-0000EF000000}"/>
            </a:ext>
          </a:extLst>
        </xdr:cNvPr>
        <xdr:cNvSpPr/>
      </xdr:nvSpPr>
      <xdr:spPr bwMode="auto">
        <a:xfrm>
          <a:off x="6238875" y="4603752"/>
          <a:ext cx="1596700" cy="268525"/>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医療センター</a:t>
          </a:r>
        </a:p>
      </xdr:txBody>
    </xdr:sp>
    <xdr:clientData/>
  </xdr:twoCellAnchor>
  <xdr:twoCellAnchor>
    <xdr:from>
      <xdr:col>9</xdr:col>
      <xdr:colOff>238126</xdr:colOff>
      <xdr:row>24</xdr:row>
      <xdr:rowOff>63501</xdr:rowOff>
    </xdr:from>
    <xdr:to>
      <xdr:col>12</xdr:col>
      <xdr:colOff>588376</xdr:colOff>
      <xdr:row>26</xdr:row>
      <xdr:rowOff>30401</xdr:rowOff>
    </xdr:to>
    <xdr:sp macro="" textlink="">
      <xdr:nvSpPr>
        <xdr:cNvPr id="240" name="正方形/長方形 239">
          <a:hlinkClick xmlns:r="http://schemas.openxmlformats.org/officeDocument/2006/relationships" r:id="rId18"/>
          <a:extLst>
            <a:ext uri="{FF2B5EF4-FFF2-40B4-BE49-F238E27FC236}">
              <a16:creationId xmlns:a16="http://schemas.microsoft.com/office/drawing/2014/main" id="{00000000-0008-0000-0000-0000F0000000}"/>
            </a:ext>
          </a:extLst>
        </xdr:cNvPr>
        <xdr:cNvSpPr/>
      </xdr:nvSpPr>
      <xdr:spPr bwMode="auto">
        <a:xfrm>
          <a:off x="5724526" y="3721101"/>
          <a:ext cx="217905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神奈川県立こども医療センター</a:t>
          </a:r>
        </a:p>
      </xdr:txBody>
    </xdr:sp>
    <xdr:clientData/>
  </xdr:twoCellAnchor>
  <xdr:twoCellAnchor>
    <xdr:from>
      <xdr:col>15</xdr:col>
      <xdr:colOff>523875</xdr:colOff>
      <xdr:row>19</xdr:row>
      <xdr:rowOff>142876</xdr:rowOff>
    </xdr:from>
    <xdr:to>
      <xdr:col>18</xdr:col>
      <xdr:colOff>514125</xdr:colOff>
      <xdr:row>22</xdr:row>
      <xdr:rowOff>142876</xdr:rowOff>
    </xdr:to>
    <xdr:sp macro="" textlink="">
      <xdr:nvSpPr>
        <xdr:cNvPr id="241" name="正方形/長方形 240">
          <a:hlinkClick xmlns:r="http://schemas.openxmlformats.org/officeDocument/2006/relationships" r:id="rId17"/>
          <a:extLst>
            <a:ext uri="{FF2B5EF4-FFF2-40B4-BE49-F238E27FC236}">
              <a16:creationId xmlns:a16="http://schemas.microsoft.com/office/drawing/2014/main" id="{00000000-0008-0000-0000-0000F1000000}"/>
            </a:ext>
          </a:extLst>
        </xdr:cNvPr>
        <xdr:cNvSpPr/>
      </xdr:nvSpPr>
      <xdr:spPr bwMode="auto">
        <a:xfrm>
          <a:off x="9667875" y="3038476"/>
          <a:ext cx="1819050" cy="4572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市立大学附属</a:t>
          </a:r>
          <a:endParaRPr kumimoji="1" lang="en-US" altLang="ja-JP" sz="1100"/>
        </a:p>
        <a:p>
          <a:pPr algn="ctr"/>
          <a:r>
            <a:rPr kumimoji="1" lang="ja-JP" altLang="en-US" sz="1100"/>
            <a:t>市民総合医療センター</a:t>
          </a:r>
        </a:p>
      </xdr:txBody>
    </xdr:sp>
    <xdr:clientData/>
  </xdr:twoCellAnchor>
  <xdr:twoCellAnchor>
    <xdr:from>
      <xdr:col>15</xdr:col>
      <xdr:colOff>317500</xdr:colOff>
      <xdr:row>24</xdr:row>
      <xdr:rowOff>1</xdr:rowOff>
    </xdr:from>
    <xdr:to>
      <xdr:col>18</xdr:col>
      <xdr:colOff>570550</xdr:colOff>
      <xdr:row>25</xdr:row>
      <xdr:rowOff>125651</xdr:rowOff>
    </xdr:to>
    <xdr:sp macro="" textlink="">
      <xdr:nvSpPr>
        <xdr:cNvPr id="249" name="正方形/長方形 248">
          <a:hlinkClick xmlns:r="http://schemas.openxmlformats.org/officeDocument/2006/relationships" r:id="rId16"/>
          <a:extLst>
            <a:ext uri="{FF2B5EF4-FFF2-40B4-BE49-F238E27FC236}">
              <a16:creationId xmlns:a16="http://schemas.microsoft.com/office/drawing/2014/main" id="{00000000-0008-0000-0000-0000F9000000}"/>
            </a:ext>
          </a:extLst>
        </xdr:cNvPr>
        <xdr:cNvSpPr/>
      </xdr:nvSpPr>
      <xdr:spPr bwMode="auto">
        <a:xfrm>
          <a:off x="9461500" y="3657601"/>
          <a:ext cx="2081850" cy="27805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市立みなと赤十字病院</a:t>
          </a:r>
        </a:p>
      </xdr:txBody>
    </xdr:sp>
    <xdr:clientData/>
  </xdr:twoCellAnchor>
  <xdr:twoCellAnchor>
    <xdr:from>
      <xdr:col>3</xdr:col>
      <xdr:colOff>325438</xdr:colOff>
      <xdr:row>37</xdr:row>
      <xdr:rowOff>95250</xdr:rowOff>
    </xdr:from>
    <xdr:to>
      <xdr:col>4</xdr:col>
      <xdr:colOff>555626</xdr:colOff>
      <xdr:row>39</xdr:row>
      <xdr:rowOff>15875</xdr:rowOff>
    </xdr:to>
    <xdr:cxnSp macro="">
      <xdr:nvCxnSpPr>
        <xdr:cNvPr id="251" name="直線コネクタ 250">
          <a:hlinkClick xmlns:r="http://schemas.openxmlformats.org/officeDocument/2006/relationships" r:id="rId10"/>
          <a:extLst>
            <a:ext uri="{FF2B5EF4-FFF2-40B4-BE49-F238E27FC236}">
              <a16:creationId xmlns:a16="http://schemas.microsoft.com/office/drawing/2014/main" id="{00000000-0008-0000-0000-0000FB000000}"/>
            </a:ext>
          </a:extLst>
        </xdr:cNvPr>
        <xdr:cNvCxnSpPr>
          <a:endCxn id="234" idx="0"/>
        </xdr:cNvCxnSpPr>
      </xdr:nvCxnSpPr>
      <xdr:spPr bwMode="auto">
        <a:xfrm flipH="1">
          <a:off x="2154238" y="5734050"/>
          <a:ext cx="839788" cy="22542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3</xdr:col>
      <xdr:colOff>452438</xdr:colOff>
      <xdr:row>30</xdr:row>
      <xdr:rowOff>15875</xdr:rowOff>
    </xdr:from>
    <xdr:to>
      <xdr:col>4</xdr:col>
      <xdr:colOff>508000</xdr:colOff>
      <xdr:row>31</xdr:row>
      <xdr:rowOff>47626</xdr:rowOff>
    </xdr:to>
    <xdr:cxnSp macro="">
      <xdr:nvCxnSpPr>
        <xdr:cNvPr id="252" name="直線コネクタ 251">
          <a:hlinkClick xmlns:r="http://schemas.openxmlformats.org/officeDocument/2006/relationships" r:id="rId12"/>
          <a:extLst>
            <a:ext uri="{FF2B5EF4-FFF2-40B4-BE49-F238E27FC236}">
              <a16:creationId xmlns:a16="http://schemas.microsoft.com/office/drawing/2014/main" id="{00000000-0008-0000-0000-0000FC000000}"/>
            </a:ext>
          </a:extLst>
        </xdr:cNvPr>
        <xdr:cNvCxnSpPr>
          <a:endCxn id="233" idx="0"/>
        </xdr:cNvCxnSpPr>
      </xdr:nvCxnSpPr>
      <xdr:spPr bwMode="auto">
        <a:xfrm flipH="1">
          <a:off x="2281238" y="4587875"/>
          <a:ext cx="665162" cy="184151"/>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47626</xdr:colOff>
      <xdr:row>40</xdr:row>
      <xdr:rowOff>142878</xdr:rowOff>
    </xdr:from>
    <xdr:to>
      <xdr:col>14</xdr:col>
      <xdr:colOff>222250</xdr:colOff>
      <xdr:row>42</xdr:row>
      <xdr:rowOff>31076</xdr:rowOff>
    </xdr:to>
    <xdr:cxnSp macro="">
      <xdr:nvCxnSpPr>
        <xdr:cNvPr id="253" name="直線コネクタ 252">
          <a:hlinkClick xmlns:r="http://schemas.openxmlformats.org/officeDocument/2006/relationships" r:id="rId11"/>
          <a:extLst>
            <a:ext uri="{FF2B5EF4-FFF2-40B4-BE49-F238E27FC236}">
              <a16:creationId xmlns:a16="http://schemas.microsoft.com/office/drawing/2014/main" id="{00000000-0008-0000-0000-0000FD000000}"/>
            </a:ext>
          </a:extLst>
        </xdr:cNvPr>
        <xdr:cNvCxnSpPr>
          <a:stCxn id="228" idx="1"/>
        </xdr:cNvCxnSpPr>
      </xdr:nvCxnSpPr>
      <xdr:spPr bwMode="auto">
        <a:xfrm flipH="1" flipV="1">
          <a:off x="8582026" y="6238878"/>
          <a:ext cx="174624" cy="192998"/>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238125</xdr:colOff>
      <xdr:row>30</xdr:row>
      <xdr:rowOff>0</xdr:rowOff>
    </xdr:from>
    <xdr:to>
      <xdr:col>15</xdr:col>
      <xdr:colOff>158750</xdr:colOff>
      <xdr:row>32</xdr:row>
      <xdr:rowOff>79375</xdr:rowOff>
    </xdr:to>
    <xdr:cxnSp macro="">
      <xdr:nvCxnSpPr>
        <xdr:cNvPr id="254" name="直線コネクタ 253">
          <a:hlinkClick xmlns:r="http://schemas.openxmlformats.org/officeDocument/2006/relationships" r:id="rId6"/>
          <a:extLst>
            <a:ext uri="{FF2B5EF4-FFF2-40B4-BE49-F238E27FC236}">
              <a16:creationId xmlns:a16="http://schemas.microsoft.com/office/drawing/2014/main" id="{00000000-0008-0000-0000-0000FE000000}"/>
            </a:ext>
          </a:extLst>
        </xdr:cNvPr>
        <xdr:cNvCxnSpPr>
          <a:endCxn id="229" idx="0"/>
        </xdr:cNvCxnSpPr>
      </xdr:nvCxnSpPr>
      <xdr:spPr bwMode="auto">
        <a:xfrm>
          <a:off x="8772525" y="4572000"/>
          <a:ext cx="530225" cy="38417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1</xdr:col>
      <xdr:colOff>331625</xdr:colOff>
      <xdr:row>28</xdr:row>
      <xdr:rowOff>15875</xdr:rowOff>
    </xdr:from>
    <xdr:to>
      <xdr:col>11</xdr:col>
      <xdr:colOff>508000</xdr:colOff>
      <xdr:row>30</xdr:row>
      <xdr:rowOff>31752</xdr:rowOff>
    </xdr:to>
    <xdr:cxnSp macro="">
      <xdr:nvCxnSpPr>
        <xdr:cNvPr id="255" name="直線コネクタ 254">
          <a:hlinkClick xmlns:r="http://schemas.openxmlformats.org/officeDocument/2006/relationships" r:id="rId9"/>
          <a:extLst>
            <a:ext uri="{FF2B5EF4-FFF2-40B4-BE49-F238E27FC236}">
              <a16:creationId xmlns:a16="http://schemas.microsoft.com/office/drawing/2014/main" id="{00000000-0008-0000-0000-0000FF000000}"/>
            </a:ext>
          </a:extLst>
        </xdr:cNvPr>
        <xdr:cNvCxnSpPr>
          <a:endCxn id="239" idx="0"/>
        </xdr:cNvCxnSpPr>
      </xdr:nvCxnSpPr>
      <xdr:spPr bwMode="auto">
        <a:xfrm flipH="1">
          <a:off x="7037225" y="4283075"/>
          <a:ext cx="176375" cy="320677"/>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5</xdr:col>
      <xdr:colOff>460375</xdr:colOff>
      <xdr:row>26</xdr:row>
      <xdr:rowOff>95250</xdr:rowOff>
    </xdr:from>
    <xdr:to>
      <xdr:col>7</xdr:col>
      <xdr:colOff>1</xdr:colOff>
      <xdr:row>28</xdr:row>
      <xdr:rowOff>79376</xdr:rowOff>
    </xdr:to>
    <xdr:cxnSp macro="">
      <xdr:nvCxnSpPr>
        <xdr:cNvPr id="256" name="直線コネクタ 255">
          <a:hlinkClick xmlns:r="http://schemas.openxmlformats.org/officeDocument/2006/relationships" r:id="rId8"/>
          <a:extLst>
            <a:ext uri="{FF2B5EF4-FFF2-40B4-BE49-F238E27FC236}">
              <a16:creationId xmlns:a16="http://schemas.microsoft.com/office/drawing/2014/main" id="{00000000-0008-0000-0000-000000010000}"/>
            </a:ext>
          </a:extLst>
        </xdr:cNvPr>
        <xdr:cNvCxnSpPr/>
      </xdr:nvCxnSpPr>
      <xdr:spPr bwMode="auto">
        <a:xfrm flipH="1" flipV="1">
          <a:off x="3508375" y="4057650"/>
          <a:ext cx="758826" cy="2889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5</xdr:col>
      <xdr:colOff>442749</xdr:colOff>
      <xdr:row>10</xdr:row>
      <xdr:rowOff>0</xdr:rowOff>
    </xdr:from>
    <xdr:to>
      <xdr:col>7</xdr:col>
      <xdr:colOff>111127</xdr:colOff>
      <xdr:row>10</xdr:row>
      <xdr:rowOff>111127</xdr:rowOff>
    </xdr:to>
    <xdr:cxnSp macro="">
      <xdr:nvCxnSpPr>
        <xdr:cNvPr id="257" name="直線コネクタ 256">
          <a:hlinkClick xmlns:r="http://schemas.openxmlformats.org/officeDocument/2006/relationships" r:id="rId1"/>
          <a:extLst>
            <a:ext uri="{FF2B5EF4-FFF2-40B4-BE49-F238E27FC236}">
              <a16:creationId xmlns:a16="http://schemas.microsoft.com/office/drawing/2014/main" id="{00000000-0008-0000-0000-000001010000}"/>
            </a:ext>
          </a:extLst>
        </xdr:cNvPr>
        <xdr:cNvCxnSpPr>
          <a:endCxn id="236" idx="0"/>
        </xdr:cNvCxnSpPr>
      </xdr:nvCxnSpPr>
      <xdr:spPr bwMode="auto">
        <a:xfrm flipH="1">
          <a:off x="3490749" y="1524000"/>
          <a:ext cx="887578" cy="111127"/>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9</xdr:col>
      <xdr:colOff>349250</xdr:colOff>
      <xdr:row>10</xdr:row>
      <xdr:rowOff>125650</xdr:rowOff>
    </xdr:from>
    <xdr:to>
      <xdr:col>9</xdr:col>
      <xdr:colOff>513625</xdr:colOff>
      <xdr:row>12</xdr:row>
      <xdr:rowOff>79376</xdr:rowOff>
    </xdr:to>
    <xdr:cxnSp macro="">
      <xdr:nvCxnSpPr>
        <xdr:cNvPr id="258" name="直線コネクタ 257">
          <a:hlinkClick xmlns:r="http://schemas.openxmlformats.org/officeDocument/2006/relationships" r:id="rId15"/>
          <a:extLst>
            <a:ext uri="{FF2B5EF4-FFF2-40B4-BE49-F238E27FC236}">
              <a16:creationId xmlns:a16="http://schemas.microsoft.com/office/drawing/2014/main" id="{00000000-0008-0000-0000-000002010000}"/>
            </a:ext>
          </a:extLst>
        </xdr:cNvPr>
        <xdr:cNvCxnSpPr>
          <a:endCxn id="237" idx="2"/>
        </xdr:cNvCxnSpPr>
      </xdr:nvCxnSpPr>
      <xdr:spPr bwMode="auto">
        <a:xfrm flipV="1">
          <a:off x="5835650" y="1649650"/>
          <a:ext cx="164375" cy="2585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0</xdr:col>
      <xdr:colOff>31750</xdr:colOff>
      <xdr:row>14</xdr:row>
      <xdr:rowOff>47625</xdr:rowOff>
    </xdr:from>
    <xdr:to>
      <xdr:col>10</xdr:col>
      <xdr:colOff>206375</xdr:colOff>
      <xdr:row>16</xdr:row>
      <xdr:rowOff>46950</xdr:rowOff>
    </xdr:to>
    <xdr:cxnSp macro="">
      <xdr:nvCxnSpPr>
        <xdr:cNvPr id="259" name="直線コネクタ 258">
          <a:hlinkClick xmlns:r="http://schemas.openxmlformats.org/officeDocument/2006/relationships" r:id="rId2"/>
          <a:extLst>
            <a:ext uri="{FF2B5EF4-FFF2-40B4-BE49-F238E27FC236}">
              <a16:creationId xmlns:a16="http://schemas.microsoft.com/office/drawing/2014/main" id="{00000000-0008-0000-0000-000003010000}"/>
            </a:ext>
          </a:extLst>
        </xdr:cNvPr>
        <xdr:cNvCxnSpPr>
          <a:endCxn id="238" idx="1"/>
        </xdr:cNvCxnSpPr>
      </xdr:nvCxnSpPr>
      <xdr:spPr bwMode="auto">
        <a:xfrm>
          <a:off x="6127750" y="2181225"/>
          <a:ext cx="174625" cy="30412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2</xdr:col>
      <xdr:colOff>95250</xdr:colOff>
      <xdr:row>5</xdr:row>
      <xdr:rowOff>148549</xdr:rowOff>
    </xdr:from>
    <xdr:to>
      <xdr:col>12</xdr:col>
      <xdr:colOff>460375</xdr:colOff>
      <xdr:row>8</xdr:row>
      <xdr:rowOff>15875</xdr:rowOff>
    </xdr:to>
    <xdr:cxnSp macro="">
      <xdr:nvCxnSpPr>
        <xdr:cNvPr id="260" name="直線コネクタ 259">
          <a:hlinkClick xmlns:r="http://schemas.openxmlformats.org/officeDocument/2006/relationships" r:id="rId3"/>
          <a:extLst>
            <a:ext uri="{FF2B5EF4-FFF2-40B4-BE49-F238E27FC236}">
              <a16:creationId xmlns:a16="http://schemas.microsoft.com/office/drawing/2014/main" id="{00000000-0008-0000-0000-000004010000}"/>
            </a:ext>
          </a:extLst>
        </xdr:cNvPr>
        <xdr:cNvCxnSpPr>
          <a:endCxn id="225" idx="1"/>
        </xdr:cNvCxnSpPr>
      </xdr:nvCxnSpPr>
      <xdr:spPr bwMode="auto">
        <a:xfrm flipV="1">
          <a:off x="7410450" y="910549"/>
          <a:ext cx="365125" cy="3245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206375</xdr:colOff>
      <xdr:row>9</xdr:row>
      <xdr:rowOff>31075</xdr:rowOff>
    </xdr:from>
    <xdr:to>
      <xdr:col>14</xdr:col>
      <xdr:colOff>492125</xdr:colOff>
      <xdr:row>10</xdr:row>
      <xdr:rowOff>15877</xdr:rowOff>
    </xdr:to>
    <xdr:cxnSp macro="">
      <xdr:nvCxnSpPr>
        <xdr:cNvPr id="261" name="直線コネクタ 260">
          <a:hlinkClick xmlns:r="http://schemas.openxmlformats.org/officeDocument/2006/relationships" r:id="rId4"/>
          <a:extLst>
            <a:ext uri="{FF2B5EF4-FFF2-40B4-BE49-F238E27FC236}">
              <a16:creationId xmlns:a16="http://schemas.microsoft.com/office/drawing/2014/main" id="{00000000-0008-0000-0000-000005010000}"/>
            </a:ext>
          </a:extLst>
        </xdr:cNvPr>
        <xdr:cNvCxnSpPr>
          <a:endCxn id="226" idx="1"/>
        </xdr:cNvCxnSpPr>
      </xdr:nvCxnSpPr>
      <xdr:spPr bwMode="auto">
        <a:xfrm flipV="1">
          <a:off x="8740775" y="1402675"/>
          <a:ext cx="285750" cy="137202"/>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3</xdr:col>
      <xdr:colOff>301625</xdr:colOff>
      <xdr:row>18</xdr:row>
      <xdr:rowOff>62825</xdr:rowOff>
    </xdr:from>
    <xdr:to>
      <xdr:col>14</xdr:col>
      <xdr:colOff>111125</xdr:colOff>
      <xdr:row>19</xdr:row>
      <xdr:rowOff>95253</xdr:rowOff>
    </xdr:to>
    <xdr:cxnSp macro="">
      <xdr:nvCxnSpPr>
        <xdr:cNvPr id="263" name="直線コネクタ 262">
          <a:hlinkClick xmlns:r="http://schemas.openxmlformats.org/officeDocument/2006/relationships" r:id="rId5"/>
          <a:extLst>
            <a:ext uri="{FF2B5EF4-FFF2-40B4-BE49-F238E27FC236}">
              <a16:creationId xmlns:a16="http://schemas.microsoft.com/office/drawing/2014/main" id="{00000000-0008-0000-0000-000007010000}"/>
            </a:ext>
          </a:extLst>
        </xdr:cNvPr>
        <xdr:cNvCxnSpPr>
          <a:endCxn id="265" idx="1"/>
        </xdr:cNvCxnSpPr>
      </xdr:nvCxnSpPr>
      <xdr:spPr bwMode="auto">
        <a:xfrm flipV="1">
          <a:off x="8226425" y="2806025"/>
          <a:ext cx="419100" cy="184828"/>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428625</xdr:colOff>
      <xdr:row>23</xdr:row>
      <xdr:rowOff>63500</xdr:rowOff>
    </xdr:from>
    <xdr:to>
      <xdr:col>15</xdr:col>
      <xdr:colOff>317500</xdr:colOff>
      <xdr:row>24</xdr:row>
      <xdr:rowOff>142201</xdr:rowOff>
    </xdr:to>
    <xdr:cxnSp macro="">
      <xdr:nvCxnSpPr>
        <xdr:cNvPr id="264" name="直線コネクタ 263">
          <a:hlinkClick xmlns:r="http://schemas.openxmlformats.org/officeDocument/2006/relationships" r:id="rId16"/>
          <a:extLst>
            <a:ext uri="{FF2B5EF4-FFF2-40B4-BE49-F238E27FC236}">
              <a16:creationId xmlns:a16="http://schemas.microsoft.com/office/drawing/2014/main" id="{00000000-0008-0000-0000-000008010000}"/>
            </a:ext>
          </a:extLst>
        </xdr:cNvPr>
        <xdr:cNvCxnSpPr>
          <a:endCxn id="249" idx="1"/>
        </xdr:cNvCxnSpPr>
      </xdr:nvCxnSpPr>
      <xdr:spPr bwMode="auto">
        <a:xfrm>
          <a:off x="8963025" y="3568700"/>
          <a:ext cx="498475" cy="231101"/>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111125</xdr:colOff>
      <xdr:row>17</xdr:row>
      <xdr:rowOff>79375</xdr:rowOff>
    </xdr:from>
    <xdr:to>
      <xdr:col>16</xdr:col>
      <xdr:colOff>488625</xdr:colOff>
      <xdr:row>19</xdr:row>
      <xdr:rowOff>46275</xdr:rowOff>
    </xdr:to>
    <xdr:sp macro="" textlink="">
      <xdr:nvSpPr>
        <xdr:cNvPr id="265" name="正方形/長方形 264">
          <a:hlinkClick xmlns:r="http://schemas.openxmlformats.org/officeDocument/2006/relationships" r:id="rId5"/>
          <a:extLst>
            <a:ext uri="{FF2B5EF4-FFF2-40B4-BE49-F238E27FC236}">
              <a16:creationId xmlns:a16="http://schemas.microsoft.com/office/drawing/2014/main" id="{00000000-0008-0000-0000-000009010000}"/>
            </a:ext>
          </a:extLst>
        </xdr:cNvPr>
        <xdr:cNvSpPr/>
      </xdr:nvSpPr>
      <xdr:spPr bwMode="auto">
        <a:xfrm>
          <a:off x="8645525" y="2670175"/>
          <a:ext cx="159670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市立市民病院</a:t>
          </a:r>
        </a:p>
      </xdr:txBody>
    </xdr:sp>
    <xdr:clientData/>
  </xdr:twoCellAnchor>
  <xdr:twoCellAnchor>
    <xdr:from>
      <xdr:col>12</xdr:col>
      <xdr:colOff>588376</xdr:colOff>
      <xdr:row>23</xdr:row>
      <xdr:rowOff>111125</xdr:rowOff>
    </xdr:from>
    <xdr:to>
      <xdr:col>13</xdr:col>
      <xdr:colOff>269876</xdr:colOff>
      <xdr:row>25</xdr:row>
      <xdr:rowOff>46951</xdr:rowOff>
    </xdr:to>
    <xdr:cxnSp macro="">
      <xdr:nvCxnSpPr>
        <xdr:cNvPr id="266" name="直線コネクタ 265">
          <a:hlinkClick xmlns:r="http://schemas.openxmlformats.org/officeDocument/2006/relationships" r:id="rId18"/>
          <a:extLst>
            <a:ext uri="{FF2B5EF4-FFF2-40B4-BE49-F238E27FC236}">
              <a16:creationId xmlns:a16="http://schemas.microsoft.com/office/drawing/2014/main" id="{00000000-0008-0000-0000-00000A010000}"/>
            </a:ext>
          </a:extLst>
        </xdr:cNvPr>
        <xdr:cNvCxnSpPr>
          <a:endCxn id="240" idx="3"/>
        </xdr:cNvCxnSpPr>
      </xdr:nvCxnSpPr>
      <xdr:spPr bwMode="auto">
        <a:xfrm flipH="1">
          <a:off x="7903576" y="3616325"/>
          <a:ext cx="291100" cy="2406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3</xdr:col>
      <xdr:colOff>571500</xdr:colOff>
      <xdr:row>21</xdr:row>
      <xdr:rowOff>63501</xdr:rowOff>
    </xdr:from>
    <xdr:to>
      <xdr:col>15</xdr:col>
      <xdr:colOff>523875</xdr:colOff>
      <xdr:row>22</xdr:row>
      <xdr:rowOff>95251</xdr:rowOff>
    </xdr:to>
    <xdr:cxnSp macro="">
      <xdr:nvCxnSpPr>
        <xdr:cNvPr id="268" name="直線コネクタ 267">
          <a:extLst>
            <a:ext uri="{FF2B5EF4-FFF2-40B4-BE49-F238E27FC236}">
              <a16:creationId xmlns:a16="http://schemas.microsoft.com/office/drawing/2014/main" id="{00000000-0008-0000-0000-00000C010000}"/>
            </a:ext>
          </a:extLst>
        </xdr:cNvPr>
        <xdr:cNvCxnSpPr>
          <a:endCxn id="241" idx="1"/>
        </xdr:cNvCxnSpPr>
      </xdr:nvCxnSpPr>
      <xdr:spPr bwMode="auto">
        <a:xfrm flipV="1">
          <a:off x="8496300" y="3263901"/>
          <a:ext cx="1171575" cy="184150"/>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9</xdr:col>
      <xdr:colOff>79374</xdr:colOff>
      <xdr:row>0</xdr:row>
      <xdr:rowOff>63500</xdr:rowOff>
    </xdr:from>
    <xdr:to>
      <xdr:col>35</xdr:col>
      <xdr:colOff>269875</xdr:colOff>
      <xdr:row>50</xdr:row>
      <xdr:rowOff>95250</xdr:rowOff>
    </xdr:to>
    <xdr:sp macro="" textlink="">
      <xdr:nvSpPr>
        <xdr:cNvPr id="269" name="正方形/長方形 268">
          <a:extLst>
            <a:ext uri="{FF2B5EF4-FFF2-40B4-BE49-F238E27FC236}">
              <a16:creationId xmlns:a16="http://schemas.microsoft.com/office/drawing/2014/main" id="{00000000-0008-0000-0000-00000D010000}"/>
            </a:ext>
          </a:extLst>
        </xdr:cNvPr>
        <xdr:cNvSpPr/>
      </xdr:nvSpPr>
      <xdr:spPr bwMode="auto">
        <a:xfrm>
          <a:off x="11661774" y="63500"/>
          <a:ext cx="9563101" cy="7651750"/>
        </a:xfrm>
        <a:prstGeom prst="rect">
          <a:avLst/>
        </a:prstGeom>
        <a:solidFill>
          <a:srgbClr val="EDF2F9"/>
        </a:solidFill>
        <a:ln w="28575" cap="flat" cmpd="sng" algn="ctr">
          <a:solidFill>
            <a:schemeClr val="accent1"/>
          </a:solidFill>
          <a:prstDash val="solid"/>
          <a:round/>
          <a:headEnd type="none" w="med" len="med"/>
          <a:tailEnd type="none" w="med" len="med"/>
        </a:ln>
        <a:effectLst/>
      </xdr:spPr>
      <xdr:txBody>
        <a:bodyPr vertOverflow="clip" wrap="square" lIns="108000" tIns="108000" rIns="108000" bIns="108000" rtlCol="0" anchor="t" upright="1"/>
        <a:lstStyle/>
        <a:p>
          <a:pPr algn="ctr"/>
          <a:r>
            <a:rPr kumimoji="1" lang="ja-JP" altLang="en-US" sz="4400">
              <a:solidFill>
                <a:schemeClr val="tx2"/>
              </a:solidFill>
              <a:latin typeface="HGS創英角ﾎﾟｯﾌﾟ体" pitchFamily="50" charset="-128"/>
              <a:ea typeface="HGS創英角ﾎﾟｯﾌﾟ体" pitchFamily="50" charset="-128"/>
            </a:rPr>
            <a:t>神奈川県針刺し事故対応病院マップ</a:t>
          </a:r>
          <a:endParaRPr kumimoji="1" lang="en-US" altLang="ja-JP" sz="4400">
            <a:solidFill>
              <a:schemeClr val="tx2"/>
            </a:solidFill>
            <a:latin typeface="HGS創英角ﾎﾟｯﾌﾟ体" pitchFamily="50" charset="-128"/>
            <a:ea typeface="HGS創英角ﾎﾟｯﾌﾟ体" pitchFamily="50" charset="-128"/>
          </a:endParaRPr>
        </a:p>
        <a:p>
          <a:pPr algn="ctr"/>
          <a:endParaRPr kumimoji="1" lang="en-US" altLang="ja-JP" sz="1800">
            <a:solidFill>
              <a:schemeClr val="tx2"/>
            </a:solidFill>
            <a:latin typeface="HGS創英角ﾎﾟｯﾌﾟ体" pitchFamily="50" charset="-128"/>
            <a:ea typeface="HGS創英角ﾎﾟｯﾌﾟ体" pitchFamily="50" charset="-128"/>
          </a:endParaRPr>
        </a:p>
        <a:p>
          <a:pPr algn="l"/>
          <a:r>
            <a:rPr kumimoji="1" lang="ja-JP" altLang="en-US" sz="2800">
              <a:solidFill>
                <a:schemeClr val="tx2"/>
              </a:solidFill>
              <a:latin typeface="HGS創英角ﾎﾟｯﾌﾟ体" pitchFamily="50" charset="-128"/>
              <a:ea typeface="HGS創英角ﾎﾟｯﾌﾟ体" pitchFamily="50" charset="-128"/>
            </a:rPr>
            <a:t>　神奈川県では、医療事故等により</a:t>
          </a:r>
          <a:r>
            <a:rPr kumimoji="1" lang="en-US" altLang="ja-JP" sz="2800">
              <a:solidFill>
                <a:schemeClr val="tx2"/>
              </a:solidFill>
              <a:latin typeface="HGS創英角ﾎﾟｯﾌﾟ体" pitchFamily="50" charset="-128"/>
              <a:ea typeface="HGS創英角ﾎﾟｯﾌﾟ体" pitchFamily="50" charset="-128"/>
            </a:rPr>
            <a:t>HIV</a:t>
          </a:r>
          <a:r>
            <a:rPr kumimoji="1" lang="ja-JP" altLang="en-US" sz="2800">
              <a:solidFill>
                <a:schemeClr val="tx2"/>
              </a:solidFill>
              <a:latin typeface="HGS創英角ﾎﾟｯﾌﾟ体" pitchFamily="50" charset="-128"/>
              <a:ea typeface="HGS創英角ﾎﾟｯﾌﾟ体" pitchFamily="50" charset="-128"/>
            </a:rPr>
            <a:t>に感染する可能性が生じた方が、抗</a:t>
          </a:r>
          <a:r>
            <a:rPr kumimoji="1" lang="en-US" altLang="ja-JP" sz="2800">
              <a:solidFill>
                <a:schemeClr val="tx2"/>
              </a:solidFill>
              <a:latin typeface="HGS創英角ﾎﾟｯﾌﾟ体" pitchFamily="50" charset="-128"/>
              <a:ea typeface="HGS創英角ﾎﾟｯﾌﾟ体" pitchFamily="50" charset="-128"/>
            </a:rPr>
            <a:t>HIV</a:t>
          </a:r>
          <a:r>
            <a:rPr kumimoji="1" lang="ja-JP" altLang="en-US" sz="2800">
              <a:solidFill>
                <a:schemeClr val="tx2"/>
              </a:solidFill>
              <a:latin typeface="HGS創英角ﾎﾟｯﾌﾟ体" pitchFamily="50" charset="-128"/>
              <a:ea typeface="HGS創英角ﾎﾟｯﾌﾟ体" pitchFamily="50" charset="-128"/>
            </a:rPr>
            <a:t>薬の予防的服用を行うことのできる病院が</a:t>
          </a:r>
          <a:r>
            <a:rPr kumimoji="1" lang="en-US" altLang="ja-JP" sz="2800">
              <a:solidFill>
                <a:schemeClr val="tx2"/>
              </a:solidFill>
              <a:latin typeface="HGS創英角ﾎﾟｯﾌﾟ体" pitchFamily="50" charset="-128"/>
              <a:ea typeface="HGS創英角ﾎﾟｯﾌﾟ体" pitchFamily="50" charset="-128"/>
            </a:rPr>
            <a:t>19</a:t>
          </a:r>
          <a:r>
            <a:rPr kumimoji="1" lang="ja-JP" altLang="en-US" sz="2800">
              <a:solidFill>
                <a:schemeClr val="tx2"/>
              </a:solidFill>
              <a:latin typeface="HGS創英角ﾎﾟｯﾌﾟ体" pitchFamily="50" charset="-128"/>
              <a:ea typeface="HGS創英角ﾎﾟｯﾌﾟ体" pitchFamily="50" charset="-128"/>
            </a:rPr>
            <a:t>病院あります。</a:t>
          </a:r>
          <a:endParaRPr kumimoji="1" lang="en-US" altLang="ja-JP" sz="2800">
            <a:solidFill>
              <a:schemeClr val="tx2"/>
            </a:solidFill>
            <a:latin typeface="HGS創英角ﾎﾟｯﾌﾟ体" pitchFamily="50" charset="-128"/>
            <a:ea typeface="HGS創英角ﾎﾟｯﾌﾟ体" pitchFamily="50" charset="-128"/>
          </a:endParaRPr>
        </a:p>
        <a:p>
          <a:pPr algn="l"/>
          <a:r>
            <a:rPr kumimoji="1" lang="ja-JP" altLang="en-US" sz="2800">
              <a:solidFill>
                <a:schemeClr val="tx2"/>
              </a:solidFill>
              <a:latin typeface="HGS創英角ﾎﾟｯﾌﾟ体" pitchFamily="50" charset="-128"/>
              <a:ea typeface="HGS創英角ﾎﾟｯﾌﾟ体" pitchFamily="50" charset="-128"/>
            </a:rPr>
            <a:t>　万が一、血液曝露等が起こった場合、どこの病院に何を持って行けば良いか事前に確認しておきましょう。</a:t>
          </a:r>
          <a:endParaRPr kumimoji="1" lang="en-US" altLang="ja-JP" sz="2800">
            <a:solidFill>
              <a:schemeClr val="tx2"/>
            </a:solidFill>
            <a:latin typeface="HGS創英角ﾎﾟｯﾌﾟ体" pitchFamily="50" charset="-128"/>
            <a:ea typeface="HGS創英角ﾎﾟｯﾌﾟ体" pitchFamily="50" charset="-128"/>
          </a:endParaRPr>
        </a:p>
        <a:p>
          <a:pPr algn="l"/>
          <a:r>
            <a:rPr kumimoji="1" lang="ja-JP" altLang="en-US" sz="2800">
              <a:solidFill>
                <a:schemeClr val="tx2"/>
              </a:solidFill>
              <a:latin typeface="HGS創英角ﾎﾟｯﾌﾟ体" pitchFamily="50" charset="-128"/>
              <a:ea typeface="HGS創英角ﾎﾟｯﾌﾟ体" pitchFamily="50" charset="-128"/>
            </a:rPr>
            <a:t>　マップ上の病院をクリックして、お近くの病院の情報を確認してください。</a:t>
          </a:r>
          <a:endParaRPr kumimoji="1" lang="en-US" altLang="ja-JP" sz="2800">
            <a:solidFill>
              <a:schemeClr val="tx2"/>
            </a:solidFill>
            <a:latin typeface="HGS創英角ﾎﾟｯﾌﾟ体" pitchFamily="50" charset="-128"/>
            <a:ea typeface="HGS創英角ﾎﾟｯﾌﾟ体" pitchFamily="50" charset="-128"/>
          </a:endParaRPr>
        </a:p>
        <a:p>
          <a:pPr algn="l"/>
          <a:endParaRPr kumimoji="1" lang="en-US" altLang="ja-JP" sz="1100">
            <a:solidFill>
              <a:schemeClr val="tx2"/>
            </a:solidFill>
            <a:latin typeface="HGS創英角ﾎﾟｯﾌﾟ体" pitchFamily="50" charset="-128"/>
            <a:ea typeface="HGS創英角ﾎﾟｯﾌﾟ体" pitchFamily="50" charset="-128"/>
          </a:endParaRPr>
        </a:p>
        <a:p>
          <a:pPr algn="l"/>
          <a:r>
            <a:rPr kumimoji="1" lang="ja-JP" altLang="en-US" sz="2400">
              <a:solidFill>
                <a:srgbClr val="FF0000"/>
              </a:solidFill>
              <a:latin typeface="HGS創英角ﾎﾟｯﾌﾟ体" pitchFamily="50" charset="-128"/>
              <a:ea typeface="HGS創英角ﾎﾟｯﾌﾟ体" pitchFamily="50" charset="-128"/>
            </a:rPr>
            <a:t>病院には２種類あります。それぞれの違いを御確認ください！</a:t>
          </a:r>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800">
            <a:solidFill>
              <a:srgbClr val="FF0000"/>
            </a:solidFill>
            <a:latin typeface="HGS創英角ﾎﾟｯﾌﾟ体" pitchFamily="50" charset="-128"/>
            <a:ea typeface="HGS創英角ﾎﾟｯﾌﾟ体" pitchFamily="50" charset="-128"/>
          </a:endParaRPr>
        </a:p>
        <a:p>
          <a:r>
            <a:rPr kumimoji="1" lang="ja-JP" altLang="ja-JP" sz="2000">
              <a:solidFill>
                <a:srgbClr val="FF0000"/>
              </a:solidFill>
              <a:latin typeface="HGS創英角ｺﾞｼｯｸUB" pitchFamily="50" charset="-128"/>
              <a:ea typeface="HGS創英角ｺﾞｼｯｸUB" pitchFamily="50" charset="-128"/>
              <a:cs typeface="+mn-cs"/>
            </a:rPr>
            <a:t>　</a:t>
          </a:r>
          <a:endParaRPr kumimoji="1" lang="ja-JP" altLang="en-US" sz="2400">
            <a:solidFill>
              <a:srgbClr val="FF0000"/>
            </a:solidFill>
            <a:latin typeface="HGS創英角ﾎﾟｯﾌﾟ体" pitchFamily="50" charset="-128"/>
            <a:ea typeface="HGS創英角ﾎﾟｯﾌﾟ体" pitchFamily="50" charset="-128"/>
          </a:endParaRPr>
        </a:p>
      </xdr:txBody>
    </xdr:sp>
    <xdr:clientData/>
  </xdr:twoCellAnchor>
  <xdr:twoCellAnchor>
    <xdr:from>
      <xdr:col>20</xdr:col>
      <xdr:colOff>95250</xdr:colOff>
      <xdr:row>32</xdr:row>
      <xdr:rowOff>79375</xdr:rowOff>
    </xdr:from>
    <xdr:to>
      <xdr:col>35</xdr:col>
      <xdr:colOff>95250</xdr:colOff>
      <xdr:row>36</xdr:row>
      <xdr:rowOff>142875</xdr:rowOff>
    </xdr:to>
    <xdr:sp macro="" textlink="">
      <xdr:nvSpPr>
        <xdr:cNvPr id="270" name="テキスト ボックス 269">
          <a:extLst>
            <a:ext uri="{FF2B5EF4-FFF2-40B4-BE49-F238E27FC236}">
              <a16:creationId xmlns:a16="http://schemas.microsoft.com/office/drawing/2014/main" id="{00000000-0008-0000-0000-00000E010000}"/>
            </a:ext>
          </a:extLst>
        </xdr:cNvPr>
        <xdr:cNvSpPr txBox="1"/>
      </xdr:nvSpPr>
      <xdr:spPr>
        <a:xfrm>
          <a:off x="11906250" y="4956175"/>
          <a:ext cx="9144000" cy="6731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en-US" sz="2400">
              <a:latin typeface="HGP創英角ｺﾞｼｯｸUB" pitchFamily="50" charset="-128"/>
              <a:ea typeface="HGP創英角ｺﾞｼｯｸUB" pitchFamily="50" charset="-128"/>
            </a:rPr>
            <a:t>　　受診と抗</a:t>
          </a:r>
          <a:r>
            <a:rPr kumimoji="1" lang="en-US" altLang="ja-JP" sz="2400">
              <a:latin typeface="HGP創英角ｺﾞｼｯｸUB" pitchFamily="50" charset="-128"/>
              <a:ea typeface="HGP創英角ｺﾞｼｯｸUB" pitchFamily="50" charset="-128"/>
            </a:rPr>
            <a:t>HIV</a:t>
          </a:r>
          <a:r>
            <a:rPr kumimoji="1" lang="ja-JP" altLang="en-US" sz="2400">
              <a:latin typeface="HGP創英角ｺﾞｼｯｸUB" pitchFamily="50" charset="-128"/>
              <a:ea typeface="HGP創英角ｺﾞｼｯｸUB" pitchFamily="50" charset="-128"/>
            </a:rPr>
            <a:t>薬の予防的服用を行うことのできる病院です</a:t>
          </a:r>
        </a:p>
      </xdr:txBody>
    </xdr:sp>
    <xdr:clientData/>
  </xdr:twoCellAnchor>
  <xdr:twoCellAnchor>
    <xdr:from>
      <xdr:col>20</xdr:col>
      <xdr:colOff>178956</xdr:colOff>
      <xdr:row>33</xdr:row>
      <xdr:rowOff>106796</xdr:rowOff>
    </xdr:from>
    <xdr:to>
      <xdr:col>20</xdr:col>
      <xdr:colOff>525320</xdr:colOff>
      <xdr:row>35</xdr:row>
      <xdr:rowOff>127001</xdr:rowOff>
    </xdr:to>
    <xdr:sp macro="" textlink="">
      <xdr:nvSpPr>
        <xdr:cNvPr id="271" name="星 7 270">
          <a:extLst>
            <a:ext uri="{FF2B5EF4-FFF2-40B4-BE49-F238E27FC236}">
              <a16:creationId xmlns:a16="http://schemas.microsoft.com/office/drawing/2014/main" id="{00000000-0008-0000-0000-00000F010000}"/>
            </a:ext>
          </a:extLst>
        </xdr:cNvPr>
        <xdr:cNvSpPr/>
      </xdr:nvSpPr>
      <xdr:spPr bwMode="auto">
        <a:xfrm>
          <a:off x="11989956" y="5135996"/>
          <a:ext cx="346364" cy="325005"/>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0</xdr:col>
      <xdr:colOff>95249</xdr:colOff>
      <xdr:row>37</xdr:row>
      <xdr:rowOff>95250</xdr:rowOff>
    </xdr:from>
    <xdr:to>
      <xdr:col>35</xdr:col>
      <xdr:colOff>111124</xdr:colOff>
      <xdr:row>42</xdr:row>
      <xdr:rowOff>0</xdr:rowOff>
    </xdr:to>
    <xdr:sp macro="" textlink="">
      <xdr:nvSpPr>
        <xdr:cNvPr id="272" name="テキスト ボックス 271">
          <a:extLst>
            <a:ext uri="{FF2B5EF4-FFF2-40B4-BE49-F238E27FC236}">
              <a16:creationId xmlns:a16="http://schemas.microsoft.com/office/drawing/2014/main" id="{00000000-0008-0000-0000-000010010000}"/>
            </a:ext>
          </a:extLst>
        </xdr:cNvPr>
        <xdr:cNvSpPr txBox="1"/>
      </xdr:nvSpPr>
      <xdr:spPr>
        <a:xfrm>
          <a:off x="11906249" y="5734050"/>
          <a:ext cx="9159875" cy="6667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ja-JP" sz="2400">
              <a:solidFill>
                <a:schemeClr val="dk1"/>
              </a:solidFill>
              <a:latin typeface="HGP創英角ｺﾞｼｯｸUB" pitchFamily="50" charset="-128"/>
              <a:ea typeface="HGP創英角ｺﾞｼｯｸUB" pitchFamily="50" charset="-128"/>
              <a:cs typeface="+mn-cs"/>
            </a:rPr>
            <a:t>　　医師の指示があれば、抗</a:t>
          </a:r>
          <a:r>
            <a:rPr kumimoji="1" lang="en-US" altLang="ja-JP" sz="2400">
              <a:solidFill>
                <a:schemeClr val="dk1"/>
              </a:solidFill>
              <a:latin typeface="HGP創英角ｺﾞｼｯｸUB" pitchFamily="50" charset="-128"/>
              <a:ea typeface="HGP創英角ｺﾞｼｯｸUB" pitchFamily="50" charset="-128"/>
              <a:cs typeface="+mn-cs"/>
            </a:rPr>
            <a:t>HIV</a:t>
          </a:r>
          <a:r>
            <a:rPr kumimoji="1" lang="ja-JP" altLang="ja-JP" sz="2400">
              <a:solidFill>
                <a:schemeClr val="dk1"/>
              </a:solidFill>
              <a:latin typeface="HGP創英角ｺﾞｼｯｸUB" pitchFamily="50" charset="-128"/>
              <a:ea typeface="HGP創英角ｺﾞｼｯｸUB" pitchFamily="50" charset="-128"/>
              <a:cs typeface="+mn-cs"/>
            </a:rPr>
            <a:t>薬の予防的服用をできる病院です</a:t>
          </a:r>
          <a:endParaRPr lang="ja-JP" altLang="ja-JP" sz="2400">
            <a:latin typeface="HGP創英角ｺﾞｼｯｸUB" pitchFamily="50" charset="-128"/>
            <a:ea typeface="HGP創英角ｺﾞｼｯｸUB" pitchFamily="50" charset="-128"/>
          </a:endParaRPr>
        </a:p>
      </xdr:txBody>
    </xdr:sp>
    <xdr:clientData/>
  </xdr:twoCellAnchor>
  <xdr:twoCellAnchor>
    <xdr:from>
      <xdr:col>20</xdr:col>
      <xdr:colOff>154418</xdr:colOff>
      <xdr:row>38</xdr:row>
      <xdr:rowOff>129887</xdr:rowOff>
    </xdr:from>
    <xdr:to>
      <xdr:col>20</xdr:col>
      <xdr:colOff>515214</xdr:colOff>
      <xdr:row>41</xdr:row>
      <xdr:rowOff>5774</xdr:rowOff>
    </xdr:to>
    <xdr:sp macro="" textlink="">
      <xdr:nvSpPr>
        <xdr:cNvPr id="273" name="星 4 272">
          <a:extLst>
            <a:ext uri="{FF2B5EF4-FFF2-40B4-BE49-F238E27FC236}">
              <a16:creationId xmlns:a16="http://schemas.microsoft.com/office/drawing/2014/main" id="{00000000-0008-0000-0000-000011010000}"/>
            </a:ext>
          </a:extLst>
        </xdr:cNvPr>
        <xdr:cNvSpPr/>
      </xdr:nvSpPr>
      <xdr:spPr bwMode="auto">
        <a:xfrm>
          <a:off x="11965418" y="5921087"/>
          <a:ext cx="360796" cy="33308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0</xdr:col>
      <xdr:colOff>142874</xdr:colOff>
      <xdr:row>47</xdr:row>
      <xdr:rowOff>63500</xdr:rowOff>
    </xdr:from>
    <xdr:to>
      <xdr:col>35</xdr:col>
      <xdr:colOff>158749</xdr:colOff>
      <xdr:row>50</xdr:row>
      <xdr:rowOff>6349</xdr:rowOff>
    </xdr:to>
    <xdr:sp macro="" textlink="">
      <xdr:nvSpPr>
        <xdr:cNvPr id="274" name="テキスト ボックス 273">
          <a:extLst>
            <a:ext uri="{FF2B5EF4-FFF2-40B4-BE49-F238E27FC236}">
              <a16:creationId xmlns:a16="http://schemas.microsoft.com/office/drawing/2014/main" id="{00000000-0008-0000-0000-000012010000}"/>
            </a:ext>
          </a:extLst>
        </xdr:cNvPr>
        <xdr:cNvSpPr txBox="1"/>
      </xdr:nvSpPr>
      <xdr:spPr>
        <a:xfrm>
          <a:off x="11953874" y="7226300"/>
          <a:ext cx="9159875" cy="40004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r"/>
          <a:r>
            <a:rPr kumimoji="1" lang="ja-JP" altLang="en-US" sz="1800">
              <a:latin typeface="+mj-ea"/>
              <a:ea typeface="+mj-ea"/>
            </a:rPr>
            <a:t>（注意）ここに掲載されている情報は平成</a:t>
          </a:r>
          <a:r>
            <a:rPr kumimoji="1" lang="en-US" altLang="ja-JP" sz="1800">
              <a:latin typeface="+mj-ea"/>
              <a:ea typeface="+mj-ea"/>
            </a:rPr>
            <a:t>27</a:t>
          </a:r>
          <a:r>
            <a:rPr kumimoji="1" lang="ja-JP" altLang="en-US" sz="1800">
              <a:latin typeface="+mj-ea"/>
              <a:ea typeface="+mj-ea"/>
            </a:rPr>
            <a:t>年</a:t>
          </a:r>
          <a:r>
            <a:rPr kumimoji="1" lang="en-US" altLang="ja-JP" sz="1800">
              <a:latin typeface="+mj-ea"/>
              <a:ea typeface="+mj-ea"/>
            </a:rPr>
            <a:t>4</a:t>
          </a:r>
          <a:r>
            <a:rPr kumimoji="1" lang="ja-JP" altLang="en-US" sz="1800">
              <a:latin typeface="+mj-ea"/>
              <a:ea typeface="+mj-ea"/>
            </a:rPr>
            <a:t>月</a:t>
          </a:r>
          <a:r>
            <a:rPr kumimoji="1" lang="en-US" altLang="ja-JP" sz="1800">
              <a:latin typeface="+mj-ea"/>
              <a:ea typeface="+mj-ea"/>
            </a:rPr>
            <a:t>1</a:t>
          </a:r>
          <a:r>
            <a:rPr kumimoji="1" lang="ja-JP" altLang="en-US" sz="1800">
              <a:latin typeface="+mj-ea"/>
              <a:ea typeface="+mj-ea"/>
            </a:rPr>
            <a:t>日時点の情報です。</a:t>
          </a:r>
        </a:p>
      </xdr:txBody>
    </xdr:sp>
    <xdr:clientData/>
  </xdr:twoCellAnchor>
  <xdr:twoCellAnchor>
    <xdr:from>
      <xdr:col>8</xdr:col>
      <xdr:colOff>333375</xdr:colOff>
      <xdr:row>21</xdr:row>
      <xdr:rowOff>95250</xdr:rowOff>
    </xdr:from>
    <xdr:to>
      <xdr:col>9</xdr:col>
      <xdr:colOff>90921</xdr:colOff>
      <xdr:row>23</xdr:row>
      <xdr:rowOff>129887</xdr:rowOff>
    </xdr:to>
    <xdr:sp macro="" textlink="">
      <xdr:nvSpPr>
        <xdr:cNvPr id="275" name="星 4 274">
          <a:hlinkClick xmlns:r="http://schemas.openxmlformats.org/officeDocument/2006/relationships" r:id="rId13"/>
          <a:extLst>
            <a:ext uri="{FF2B5EF4-FFF2-40B4-BE49-F238E27FC236}">
              <a16:creationId xmlns:a16="http://schemas.microsoft.com/office/drawing/2014/main" id="{00000000-0008-0000-0000-000013010000}"/>
            </a:ext>
          </a:extLst>
        </xdr:cNvPr>
        <xdr:cNvSpPr/>
      </xdr:nvSpPr>
      <xdr:spPr bwMode="auto">
        <a:xfrm>
          <a:off x="5210175" y="3295650"/>
          <a:ext cx="367146"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0</xdr:col>
      <xdr:colOff>79375</xdr:colOff>
      <xdr:row>42</xdr:row>
      <xdr:rowOff>63500</xdr:rowOff>
    </xdr:from>
    <xdr:to>
      <xdr:col>35</xdr:col>
      <xdr:colOff>174625</xdr:colOff>
      <xdr:row>47</xdr:row>
      <xdr:rowOff>95251</xdr:rowOff>
    </xdr:to>
    <xdr:sp macro="" textlink="">
      <xdr:nvSpPr>
        <xdr:cNvPr id="276" name="テキスト ボックス 275">
          <a:hlinkClick xmlns:r="http://schemas.openxmlformats.org/officeDocument/2006/relationships" r:id="rId14"/>
          <a:extLst>
            <a:ext uri="{FF2B5EF4-FFF2-40B4-BE49-F238E27FC236}">
              <a16:creationId xmlns:a16="http://schemas.microsoft.com/office/drawing/2014/main" id="{00000000-0008-0000-0000-000014010000}"/>
            </a:ext>
          </a:extLst>
        </xdr:cNvPr>
        <xdr:cNvSpPr txBox="1"/>
      </xdr:nvSpPr>
      <xdr:spPr>
        <a:xfrm>
          <a:off x="11890375" y="6464300"/>
          <a:ext cx="9239250" cy="7937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ja-JP" sz="2000">
              <a:solidFill>
                <a:srgbClr val="FF0000"/>
              </a:solidFill>
              <a:latin typeface="+mn-ea"/>
              <a:ea typeface="+mn-ea"/>
              <a:cs typeface="+mn-cs"/>
            </a:rPr>
            <a:t>（注意）</a:t>
          </a:r>
          <a:r>
            <a:rPr kumimoji="1" lang="ja-JP" altLang="en-US" sz="2000">
              <a:solidFill>
                <a:srgbClr val="FF0000"/>
              </a:solidFill>
              <a:latin typeface="+mn-ea"/>
              <a:ea typeface="+mn-ea"/>
              <a:cs typeface="+mn-cs"/>
            </a:rPr>
            <a:t>　</a:t>
          </a:r>
          <a:r>
            <a:rPr kumimoji="1" lang="ja-JP" altLang="ja-JP" sz="2000">
              <a:solidFill>
                <a:srgbClr val="FF0000"/>
              </a:solidFill>
              <a:latin typeface="+mn-ea"/>
              <a:ea typeface="+mn-ea"/>
              <a:cs typeface="+mn-cs"/>
            </a:rPr>
            <a:t>「抗</a:t>
          </a:r>
          <a:r>
            <a:rPr kumimoji="1" lang="en-US" altLang="ja-JP" sz="2000">
              <a:solidFill>
                <a:srgbClr val="FF0000"/>
              </a:solidFill>
              <a:latin typeface="+mn-ea"/>
              <a:ea typeface="+mn-ea"/>
              <a:cs typeface="+mn-cs"/>
            </a:rPr>
            <a:t>HIV</a:t>
          </a:r>
          <a:r>
            <a:rPr kumimoji="1" lang="ja-JP" altLang="ja-JP" sz="2000">
              <a:solidFill>
                <a:srgbClr val="FF0000"/>
              </a:solidFill>
              <a:latin typeface="+mn-ea"/>
              <a:ea typeface="+mn-ea"/>
              <a:cs typeface="+mn-cs"/>
            </a:rPr>
            <a:t>薬の予防的服用」は、原則として労災対応となります。</a:t>
          </a:r>
          <a:endParaRPr kumimoji="1" lang="en-US" altLang="ja-JP" sz="2000">
            <a:solidFill>
              <a:srgbClr val="FF0000"/>
            </a:solidFill>
            <a:latin typeface="+mn-ea"/>
            <a:ea typeface="+mn-ea"/>
            <a:cs typeface="+mn-cs"/>
          </a:endParaRPr>
        </a:p>
        <a:p>
          <a:r>
            <a:rPr kumimoji="1" lang="ja-JP" altLang="ja-JP" sz="2000">
              <a:solidFill>
                <a:srgbClr val="FF0000"/>
              </a:solidFill>
              <a:latin typeface="+mn-ea"/>
              <a:ea typeface="+mn-ea"/>
              <a:cs typeface="+mn-cs"/>
            </a:rPr>
            <a:t>　　　　　</a:t>
          </a:r>
          <a:r>
            <a:rPr kumimoji="1" lang="ja-JP" altLang="en-US" sz="2000">
              <a:solidFill>
                <a:srgbClr val="FF0000"/>
              </a:solidFill>
              <a:latin typeface="+mn-ea"/>
              <a:ea typeface="+mn-ea"/>
              <a:cs typeface="+mn-cs"/>
            </a:rPr>
            <a:t>　</a:t>
          </a:r>
          <a:r>
            <a:rPr kumimoji="1" lang="ja-JP" altLang="ja-JP" sz="2000">
              <a:solidFill>
                <a:srgbClr val="FF0000"/>
              </a:solidFill>
              <a:latin typeface="+mn-ea"/>
              <a:ea typeface="+mn-ea"/>
              <a:cs typeface="+mn-cs"/>
            </a:rPr>
            <a:t>事前に手続きの確認を行ってください。</a:t>
          </a:r>
          <a:r>
            <a:rPr kumimoji="1" lang="ja-JP" altLang="en-US" sz="1600" u="sng">
              <a:latin typeface="HGP創英角ﾎﾟｯﾌﾟ体" pitchFamily="50" charset="-128"/>
              <a:ea typeface="HGP創英角ﾎﾟｯﾌﾟ体" pitchFamily="50" charset="-128"/>
            </a:rPr>
            <a:t>（参考リンク）</a:t>
          </a:r>
          <a:r>
            <a:rPr kumimoji="1" lang="en-US" altLang="ja-JP" sz="1600" u="sng">
              <a:latin typeface="HGP創英角ﾎﾟｯﾌﾟ体" pitchFamily="50" charset="-128"/>
              <a:ea typeface="HGP創英角ﾎﾟｯﾌﾟ体" pitchFamily="50" charset="-128"/>
            </a:rPr>
            <a:t>HIV</a:t>
          </a:r>
          <a:r>
            <a:rPr kumimoji="1" lang="ja-JP" altLang="en-US" sz="1600" u="sng">
              <a:latin typeface="HGP創英角ﾎﾟｯﾌﾟ体" pitchFamily="50" charset="-128"/>
              <a:ea typeface="HGP創英角ﾎﾟｯﾌﾟ体" pitchFamily="50" charset="-128"/>
            </a:rPr>
            <a:t>の労災について</a:t>
          </a:r>
        </a:p>
      </xdr:txBody>
    </xdr:sp>
    <xdr:clientData/>
  </xdr:twoCellAnchor>
  <xdr:twoCellAnchor>
    <xdr:from>
      <xdr:col>8</xdr:col>
      <xdr:colOff>539750</xdr:colOff>
      <xdr:row>20</xdr:row>
      <xdr:rowOff>141525</xdr:rowOff>
    </xdr:from>
    <xdr:to>
      <xdr:col>9</xdr:col>
      <xdr:colOff>127000</xdr:colOff>
      <xdr:row>22</xdr:row>
      <xdr:rowOff>95251</xdr:rowOff>
    </xdr:to>
    <xdr:cxnSp macro="">
      <xdr:nvCxnSpPr>
        <xdr:cNvPr id="277" name="直線コネクタ 276">
          <a:hlinkClick xmlns:r="http://schemas.openxmlformats.org/officeDocument/2006/relationships" r:id="rId13"/>
          <a:extLst>
            <a:ext uri="{FF2B5EF4-FFF2-40B4-BE49-F238E27FC236}">
              <a16:creationId xmlns:a16="http://schemas.microsoft.com/office/drawing/2014/main" id="{00000000-0008-0000-0000-000015010000}"/>
            </a:ext>
          </a:extLst>
        </xdr:cNvPr>
        <xdr:cNvCxnSpPr>
          <a:endCxn id="235" idx="2"/>
        </xdr:cNvCxnSpPr>
      </xdr:nvCxnSpPr>
      <xdr:spPr bwMode="auto">
        <a:xfrm flipV="1">
          <a:off x="5416550" y="3189525"/>
          <a:ext cx="196850" cy="2585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editAs="oneCell">
    <xdr:from>
      <xdr:col>14</xdr:col>
      <xdr:colOff>228600</xdr:colOff>
      <xdr:row>13</xdr:row>
      <xdr:rowOff>47625</xdr:rowOff>
    </xdr:from>
    <xdr:to>
      <xdr:col>15</xdr:col>
      <xdr:colOff>466725</xdr:colOff>
      <xdr:row>19</xdr:row>
      <xdr:rowOff>114300</xdr:rowOff>
    </xdr:to>
    <xdr:sp macro="" textlink="">
      <xdr:nvSpPr>
        <xdr:cNvPr id="250" name="d14101">
          <a:extLst>
            <a:ext uri="{FF2B5EF4-FFF2-40B4-BE49-F238E27FC236}">
              <a16:creationId xmlns:a16="http://schemas.microsoft.com/office/drawing/2014/main" id="{00000000-0008-0000-0000-0000FA000000}"/>
            </a:ext>
          </a:extLst>
        </xdr:cNvPr>
        <xdr:cNvSpPr>
          <a:spLocks/>
        </xdr:cNvSpPr>
      </xdr:nvSpPr>
      <xdr:spPr bwMode="auto">
        <a:xfrm>
          <a:off x="8763000" y="2028825"/>
          <a:ext cx="847725" cy="981075"/>
        </a:xfrm>
        <a:custGeom>
          <a:avLst/>
          <a:gdLst/>
          <a:ahLst/>
          <a:cxnLst>
            <a:cxn ang="0">
              <a:pos x="7180" y="14157"/>
            </a:cxn>
            <a:cxn ang="0">
              <a:pos x="7732" y="14157"/>
            </a:cxn>
            <a:cxn ang="0">
              <a:pos x="7916" y="14952"/>
            </a:cxn>
            <a:cxn ang="0">
              <a:pos x="6811" y="15430"/>
            </a:cxn>
            <a:cxn ang="0">
              <a:pos x="6443" y="15907"/>
            </a:cxn>
            <a:cxn ang="0">
              <a:pos x="6811" y="16384"/>
            </a:cxn>
            <a:cxn ang="0">
              <a:pos x="9757" y="15271"/>
            </a:cxn>
            <a:cxn ang="0">
              <a:pos x="8652" y="10339"/>
            </a:cxn>
            <a:cxn ang="0">
              <a:pos x="8836" y="10021"/>
            </a:cxn>
            <a:cxn ang="0">
              <a:pos x="10493" y="13839"/>
            </a:cxn>
            <a:cxn ang="0">
              <a:pos x="12334" y="13044"/>
            </a:cxn>
            <a:cxn ang="0">
              <a:pos x="11045" y="11135"/>
            </a:cxn>
            <a:cxn ang="0">
              <a:pos x="12334" y="10817"/>
            </a:cxn>
            <a:cxn ang="0">
              <a:pos x="13070" y="12725"/>
            </a:cxn>
            <a:cxn ang="0">
              <a:pos x="16384" y="11294"/>
            </a:cxn>
            <a:cxn ang="0">
              <a:pos x="14359" y="8590"/>
            </a:cxn>
            <a:cxn ang="0">
              <a:pos x="13439" y="8908"/>
            </a:cxn>
            <a:cxn ang="0">
              <a:pos x="12518" y="5886"/>
            </a:cxn>
            <a:cxn ang="0">
              <a:pos x="11966" y="4931"/>
            </a:cxn>
            <a:cxn ang="0">
              <a:pos x="11229" y="4613"/>
            </a:cxn>
            <a:cxn ang="0">
              <a:pos x="11414" y="4136"/>
            </a:cxn>
            <a:cxn ang="0">
              <a:pos x="11229" y="3340"/>
            </a:cxn>
            <a:cxn ang="0">
              <a:pos x="10677" y="2386"/>
            </a:cxn>
            <a:cxn ang="0">
              <a:pos x="10309" y="1750"/>
            </a:cxn>
            <a:cxn ang="0">
              <a:pos x="10493" y="0"/>
            </a:cxn>
            <a:cxn ang="0">
              <a:pos x="9204" y="0"/>
            </a:cxn>
            <a:cxn ang="0">
              <a:pos x="8284" y="318"/>
            </a:cxn>
            <a:cxn ang="0">
              <a:pos x="6627" y="1273"/>
            </a:cxn>
            <a:cxn ang="0">
              <a:pos x="5155" y="636"/>
            </a:cxn>
            <a:cxn ang="0">
              <a:pos x="4234" y="477"/>
            </a:cxn>
            <a:cxn ang="0">
              <a:pos x="4050" y="159"/>
            </a:cxn>
            <a:cxn ang="0">
              <a:pos x="3498" y="477"/>
            </a:cxn>
            <a:cxn ang="0">
              <a:pos x="2393" y="1113"/>
            </a:cxn>
            <a:cxn ang="0">
              <a:pos x="2209" y="1750"/>
            </a:cxn>
            <a:cxn ang="0">
              <a:pos x="2393" y="2386"/>
            </a:cxn>
            <a:cxn ang="0">
              <a:pos x="2209" y="3340"/>
            </a:cxn>
            <a:cxn ang="0">
              <a:pos x="1841" y="3818"/>
            </a:cxn>
            <a:cxn ang="0">
              <a:pos x="1289" y="3818"/>
            </a:cxn>
            <a:cxn ang="0">
              <a:pos x="1289" y="4613"/>
            </a:cxn>
            <a:cxn ang="0">
              <a:pos x="1105" y="4931"/>
            </a:cxn>
            <a:cxn ang="0">
              <a:pos x="184" y="5408"/>
            </a:cxn>
            <a:cxn ang="0">
              <a:pos x="0" y="6045"/>
            </a:cxn>
            <a:cxn ang="0">
              <a:pos x="184" y="6999"/>
            </a:cxn>
            <a:cxn ang="0">
              <a:pos x="368" y="7317"/>
            </a:cxn>
            <a:cxn ang="0">
              <a:pos x="736" y="7794"/>
            </a:cxn>
            <a:cxn ang="0">
              <a:pos x="1289" y="8112"/>
            </a:cxn>
            <a:cxn ang="0">
              <a:pos x="1841" y="8749"/>
            </a:cxn>
            <a:cxn ang="0">
              <a:pos x="2577" y="8908"/>
            </a:cxn>
            <a:cxn ang="0">
              <a:pos x="3498" y="9067"/>
            </a:cxn>
            <a:cxn ang="0">
              <a:pos x="4234" y="9703"/>
            </a:cxn>
            <a:cxn ang="0">
              <a:pos x="4418" y="10498"/>
            </a:cxn>
            <a:cxn ang="0">
              <a:pos x="4970" y="10658"/>
            </a:cxn>
            <a:cxn ang="0">
              <a:pos x="5339" y="11453"/>
            </a:cxn>
            <a:cxn ang="0">
              <a:pos x="6075" y="12407"/>
            </a:cxn>
            <a:cxn ang="0">
              <a:pos x="6811" y="13362"/>
            </a:cxn>
            <a:cxn ang="0">
              <a:pos x="7180" y="14157"/>
            </a:cxn>
          </a:cxnLst>
          <a:rect l="0" t="0" r="r" b="b"/>
          <a:pathLst>
            <a:path w="16384" h="16384">
              <a:moveTo>
                <a:pt x="7180" y="14157"/>
              </a:moveTo>
              <a:lnTo>
                <a:pt x="7732" y="14157"/>
              </a:lnTo>
              <a:lnTo>
                <a:pt x="7916" y="14952"/>
              </a:lnTo>
              <a:lnTo>
                <a:pt x="6811" y="15430"/>
              </a:lnTo>
              <a:lnTo>
                <a:pt x="6443" y="15907"/>
              </a:lnTo>
              <a:lnTo>
                <a:pt x="6811" y="16384"/>
              </a:lnTo>
              <a:lnTo>
                <a:pt x="9757" y="15271"/>
              </a:lnTo>
              <a:lnTo>
                <a:pt x="8652" y="10339"/>
              </a:lnTo>
              <a:lnTo>
                <a:pt x="8836" y="10021"/>
              </a:lnTo>
              <a:lnTo>
                <a:pt x="10493" y="13839"/>
              </a:lnTo>
              <a:lnTo>
                <a:pt x="12334" y="13044"/>
              </a:lnTo>
              <a:lnTo>
                <a:pt x="11045" y="11135"/>
              </a:lnTo>
              <a:lnTo>
                <a:pt x="12334" y="10817"/>
              </a:lnTo>
              <a:lnTo>
                <a:pt x="13070" y="12725"/>
              </a:lnTo>
              <a:lnTo>
                <a:pt x="16384" y="11294"/>
              </a:lnTo>
              <a:lnTo>
                <a:pt x="14359" y="8590"/>
              </a:lnTo>
              <a:lnTo>
                <a:pt x="13439" y="8908"/>
              </a:lnTo>
              <a:lnTo>
                <a:pt x="12518" y="5886"/>
              </a:lnTo>
              <a:lnTo>
                <a:pt x="11966" y="4931"/>
              </a:lnTo>
              <a:lnTo>
                <a:pt x="11229" y="4613"/>
              </a:lnTo>
              <a:lnTo>
                <a:pt x="11414" y="4136"/>
              </a:lnTo>
              <a:lnTo>
                <a:pt x="11229" y="3340"/>
              </a:lnTo>
              <a:lnTo>
                <a:pt x="10677" y="2386"/>
              </a:lnTo>
              <a:lnTo>
                <a:pt x="10309" y="1750"/>
              </a:lnTo>
              <a:lnTo>
                <a:pt x="10493" y="0"/>
              </a:lnTo>
              <a:lnTo>
                <a:pt x="9204" y="0"/>
              </a:lnTo>
              <a:lnTo>
                <a:pt x="8284" y="318"/>
              </a:lnTo>
              <a:lnTo>
                <a:pt x="6627" y="1273"/>
              </a:lnTo>
              <a:lnTo>
                <a:pt x="5155" y="636"/>
              </a:lnTo>
              <a:lnTo>
                <a:pt x="4234" y="477"/>
              </a:lnTo>
              <a:lnTo>
                <a:pt x="4050" y="159"/>
              </a:lnTo>
              <a:lnTo>
                <a:pt x="3498" y="477"/>
              </a:lnTo>
              <a:lnTo>
                <a:pt x="2393" y="1113"/>
              </a:lnTo>
              <a:lnTo>
                <a:pt x="2209" y="1750"/>
              </a:lnTo>
              <a:lnTo>
                <a:pt x="2393" y="2386"/>
              </a:lnTo>
              <a:lnTo>
                <a:pt x="2209" y="3340"/>
              </a:lnTo>
              <a:lnTo>
                <a:pt x="1841" y="3818"/>
              </a:lnTo>
              <a:lnTo>
                <a:pt x="1289" y="3818"/>
              </a:lnTo>
              <a:lnTo>
                <a:pt x="1289" y="4613"/>
              </a:lnTo>
              <a:lnTo>
                <a:pt x="1105" y="4931"/>
              </a:lnTo>
              <a:lnTo>
                <a:pt x="184" y="5408"/>
              </a:lnTo>
              <a:lnTo>
                <a:pt x="0" y="6045"/>
              </a:lnTo>
              <a:lnTo>
                <a:pt x="184" y="6999"/>
              </a:lnTo>
              <a:lnTo>
                <a:pt x="368" y="7317"/>
              </a:lnTo>
              <a:lnTo>
                <a:pt x="736" y="7794"/>
              </a:lnTo>
              <a:lnTo>
                <a:pt x="1289" y="8112"/>
              </a:lnTo>
              <a:lnTo>
                <a:pt x="1841" y="8749"/>
              </a:lnTo>
              <a:lnTo>
                <a:pt x="2577" y="8908"/>
              </a:lnTo>
              <a:lnTo>
                <a:pt x="3498" y="9067"/>
              </a:lnTo>
              <a:lnTo>
                <a:pt x="4234" y="9703"/>
              </a:lnTo>
              <a:lnTo>
                <a:pt x="4418" y="10498"/>
              </a:lnTo>
              <a:lnTo>
                <a:pt x="4970" y="10658"/>
              </a:lnTo>
              <a:lnTo>
                <a:pt x="5339" y="11453"/>
              </a:lnTo>
              <a:lnTo>
                <a:pt x="6075" y="12407"/>
              </a:lnTo>
              <a:lnTo>
                <a:pt x="6811" y="13362"/>
              </a:lnTo>
              <a:lnTo>
                <a:pt x="7180" y="1415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28575</xdr:colOff>
      <xdr:row>16</xdr:row>
      <xdr:rowOff>57150</xdr:rowOff>
    </xdr:from>
    <xdr:to>
      <xdr:col>14</xdr:col>
      <xdr:colOff>600075</xdr:colOff>
      <xdr:row>20</xdr:row>
      <xdr:rowOff>19050</xdr:rowOff>
    </xdr:to>
    <xdr:sp macro="" textlink="">
      <xdr:nvSpPr>
        <xdr:cNvPr id="262" name="d14102">
          <a:extLst>
            <a:ext uri="{FF2B5EF4-FFF2-40B4-BE49-F238E27FC236}">
              <a16:creationId xmlns:a16="http://schemas.microsoft.com/office/drawing/2014/main" id="{00000000-0008-0000-0000-000006010000}"/>
            </a:ext>
          </a:extLst>
        </xdr:cNvPr>
        <xdr:cNvSpPr>
          <a:spLocks/>
        </xdr:cNvSpPr>
      </xdr:nvSpPr>
      <xdr:spPr bwMode="auto">
        <a:xfrm>
          <a:off x="7953375" y="2495550"/>
          <a:ext cx="1181100" cy="571500"/>
        </a:xfrm>
        <a:custGeom>
          <a:avLst/>
          <a:gdLst/>
          <a:ahLst/>
          <a:cxnLst>
            <a:cxn ang="0">
              <a:pos x="16120" y="9557"/>
            </a:cxn>
            <a:cxn ang="0">
              <a:pos x="15063" y="6281"/>
            </a:cxn>
            <a:cxn ang="0">
              <a:pos x="14402" y="4642"/>
            </a:cxn>
            <a:cxn ang="0">
              <a:pos x="13741" y="2185"/>
            </a:cxn>
            <a:cxn ang="0">
              <a:pos x="12552" y="1638"/>
            </a:cxn>
            <a:cxn ang="0">
              <a:pos x="11759" y="0"/>
            </a:cxn>
            <a:cxn ang="0">
              <a:pos x="11363" y="1911"/>
            </a:cxn>
            <a:cxn ang="0">
              <a:pos x="11231" y="4915"/>
            </a:cxn>
            <a:cxn ang="0">
              <a:pos x="10306" y="4915"/>
            </a:cxn>
            <a:cxn ang="0">
              <a:pos x="9645" y="6007"/>
            </a:cxn>
            <a:cxn ang="0">
              <a:pos x="8721" y="5734"/>
            </a:cxn>
            <a:cxn ang="0">
              <a:pos x="8060" y="4642"/>
            </a:cxn>
            <a:cxn ang="0">
              <a:pos x="6871" y="4642"/>
            </a:cxn>
            <a:cxn ang="0">
              <a:pos x="7003" y="3004"/>
            </a:cxn>
            <a:cxn ang="0">
              <a:pos x="6342" y="1911"/>
            </a:cxn>
            <a:cxn ang="0">
              <a:pos x="5814" y="2731"/>
            </a:cxn>
            <a:cxn ang="0">
              <a:pos x="4625" y="2185"/>
            </a:cxn>
            <a:cxn ang="0">
              <a:pos x="3567" y="1365"/>
            </a:cxn>
            <a:cxn ang="0">
              <a:pos x="2907" y="546"/>
            </a:cxn>
            <a:cxn ang="0">
              <a:pos x="2246" y="819"/>
            </a:cxn>
            <a:cxn ang="0">
              <a:pos x="1189" y="273"/>
            </a:cxn>
            <a:cxn ang="0">
              <a:pos x="661" y="1638"/>
            </a:cxn>
            <a:cxn ang="0">
              <a:pos x="132" y="3004"/>
            </a:cxn>
            <a:cxn ang="0">
              <a:pos x="132" y="4096"/>
            </a:cxn>
            <a:cxn ang="0">
              <a:pos x="1189" y="6827"/>
            </a:cxn>
            <a:cxn ang="0">
              <a:pos x="1586" y="10923"/>
            </a:cxn>
            <a:cxn ang="0">
              <a:pos x="2510" y="13380"/>
            </a:cxn>
            <a:cxn ang="0">
              <a:pos x="3171" y="10923"/>
            </a:cxn>
            <a:cxn ang="0">
              <a:pos x="4492" y="9830"/>
            </a:cxn>
            <a:cxn ang="0">
              <a:pos x="5285" y="10650"/>
            </a:cxn>
            <a:cxn ang="0">
              <a:pos x="5285" y="14199"/>
            </a:cxn>
            <a:cxn ang="0">
              <a:pos x="5814" y="14473"/>
            </a:cxn>
            <a:cxn ang="0">
              <a:pos x="6606" y="13926"/>
            </a:cxn>
            <a:cxn ang="0">
              <a:pos x="7928" y="13926"/>
            </a:cxn>
            <a:cxn ang="0">
              <a:pos x="8588" y="14746"/>
            </a:cxn>
            <a:cxn ang="0">
              <a:pos x="9513" y="15838"/>
            </a:cxn>
            <a:cxn ang="0">
              <a:pos x="10438" y="15565"/>
            </a:cxn>
            <a:cxn ang="0">
              <a:pos x="12288" y="14473"/>
            </a:cxn>
            <a:cxn ang="0">
              <a:pos x="13874" y="15838"/>
            </a:cxn>
            <a:cxn ang="0">
              <a:pos x="13477" y="13380"/>
            </a:cxn>
            <a:cxn ang="0">
              <a:pos x="12684" y="11196"/>
            </a:cxn>
            <a:cxn ang="0">
              <a:pos x="14666" y="11196"/>
            </a:cxn>
            <a:cxn ang="0">
              <a:pos x="15988" y="11196"/>
            </a:cxn>
          </a:cxnLst>
          <a:rect l="0" t="0" r="r" b="b"/>
          <a:pathLst>
            <a:path w="16384" h="16384">
              <a:moveTo>
                <a:pt x="16384" y="10923"/>
              </a:moveTo>
              <a:lnTo>
                <a:pt x="16120" y="9557"/>
              </a:lnTo>
              <a:lnTo>
                <a:pt x="15591" y="7919"/>
              </a:lnTo>
              <a:lnTo>
                <a:pt x="15063" y="6281"/>
              </a:lnTo>
              <a:lnTo>
                <a:pt x="14798" y="4915"/>
              </a:lnTo>
              <a:lnTo>
                <a:pt x="14402" y="4642"/>
              </a:lnTo>
              <a:lnTo>
                <a:pt x="14270" y="3277"/>
              </a:lnTo>
              <a:lnTo>
                <a:pt x="13741" y="2185"/>
              </a:lnTo>
              <a:lnTo>
                <a:pt x="13081" y="1911"/>
              </a:lnTo>
              <a:lnTo>
                <a:pt x="12552" y="1638"/>
              </a:lnTo>
              <a:lnTo>
                <a:pt x="12156" y="546"/>
              </a:lnTo>
              <a:lnTo>
                <a:pt x="11759" y="0"/>
              </a:lnTo>
              <a:lnTo>
                <a:pt x="11495" y="546"/>
              </a:lnTo>
              <a:lnTo>
                <a:pt x="11363" y="1911"/>
              </a:lnTo>
              <a:lnTo>
                <a:pt x="11363" y="3550"/>
              </a:lnTo>
              <a:lnTo>
                <a:pt x="11231" y="4915"/>
              </a:lnTo>
              <a:lnTo>
                <a:pt x="10835" y="5188"/>
              </a:lnTo>
              <a:lnTo>
                <a:pt x="10306" y="4915"/>
              </a:lnTo>
              <a:lnTo>
                <a:pt x="10042" y="5461"/>
              </a:lnTo>
              <a:lnTo>
                <a:pt x="9645" y="6007"/>
              </a:lnTo>
              <a:lnTo>
                <a:pt x="9381" y="6281"/>
              </a:lnTo>
              <a:lnTo>
                <a:pt x="8721" y="5734"/>
              </a:lnTo>
              <a:lnTo>
                <a:pt x="8324" y="5461"/>
              </a:lnTo>
              <a:lnTo>
                <a:pt x="8060" y="4642"/>
              </a:lnTo>
              <a:lnTo>
                <a:pt x="7399" y="4642"/>
              </a:lnTo>
              <a:lnTo>
                <a:pt x="6871" y="4642"/>
              </a:lnTo>
              <a:lnTo>
                <a:pt x="6739" y="4096"/>
              </a:lnTo>
              <a:lnTo>
                <a:pt x="7003" y="3004"/>
              </a:lnTo>
              <a:lnTo>
                <a:pt x="6739" y="1911"/>
              </a:lnTo>
              <a:lnTo>
                <a:pt x="6342" y="1911"/>
              </a:lnTo>
              <a:lnTo>
                <a:pt x="6078" y="2458"/>
              </a:lnTo>
              <a:lnTo>
                <a:pt x="5814" y="2731"/>
              </a:lnTo>
              <a:lnTo>
                <a:pt x="5153" y="2458"/>
              </a:lnTo>
              <a:lnTo>
                <a:pt x="4625" y="2185"/>
              </a:lnTo>
              <a:lnTo>
                <a:pt x="4096" y="1911"/>
              </a:lnTo>
              <a:lnTo>
                <a:pt x="3567" y="1365"/>
              </a:lnTo>
              <a:lnTo>
                <a:pt x="3700" y="546"/>
              </a:lnTo>
              <a:lnTo>
                <a:pt x="2907" y="546"/>
              </a:lnTo>
              <a:lnTo>
                <a:pt x="2643" y="819"/>
              </a:lnTo>
              <a:lnTo>
                <a:pt x="2246" y="819"/>
              </a:lnTo>
              <a:lnTo>
                <a:pt x="1718" y="546"/>
              </a:lnTo>
              <a:lnTo>
                <a:pt x="1189" y="273"/>
              </a:lnTo>
              <a:lnTo>
                <a:pt x="925" y="1092"/>
              </a:lnTo>
              <a:lnTo>
                <a:pt x="661" y="1638"/>
              </a:lnTo>
              <a:lnTo>
                <a:pt x="396" y="2458"/>
              </a:lnTo>
              <a:lnTo>
                <a:pt x="132" y="3004"/>
              </a:lnTo>
              <a:lnTo>
                <a:pt x="0" y="3277"/>
              </a:lnTo>
              <a:lnTo>
                <a:pt x="132" y="4096"/>
              </a:lnTo>
              <a:lnTo>
                <a:pt x="529" y="5188"/>
              </a:lnTo>
              <a:lnTo>
                <a:pt x="1189" y="6827"/>
              </a:lnTo>
              <a:lnTo>
                <a:pt x="1453" y="8465"/>
              </a:lnTo>
              <a:lnTo>
                <a:pt x="1586" y="10923"/>
              </a:lnTo>
              <a:lnTo>
                <a:pt x="2114" y="12015"/>
              </a:lnTo>
              <a:lnTo>
                <a:pt x="2510" y="13380"/>
              </a:lnTo>
              <a:lnTo>
                <a:pt x="2643" y="12015"/>
              </a:lnTo>
              <a:lnTo>
                <a:pt x="3171" y="10923"/>
              </a:lnTo>
              <a:lnTo>
                <a:pt x="3832" y="9830"/>
              </a:lnTo>
              <a:lnTo>
                <a:pt x="4492" y="9830"/>
              </a:lnTo>
              <a:lnTo>
                <a:pt x="5021" y="9011"/>
              </a:lnTo>
              <a:lnTo>
                <a:pt x="5285" y="10650"/>
              </a:lnTo>
              <a:lnTo>
                <a:pt x="5549" y="12288"/>
              </a:lnTo>
              <a:lnTo>
                <a:pt x="5285" y="14199"/>
              </a:lnTo>
              <a:lnTo>
                <a:pt x="5549" y="14746"/>
              </a:lnTo>
              <a:lnTo>
                <a:pt x="5814" y="14473"/>
              </a:lnTo>
              <a:lnTo>
                <a:pt x="6210" y="14473"/>
              </a:lnTo>
              <a:lnTo>
                <a:pt x="6606" y="13926"/>
              </a:lnTo>
              <a:lnTo>
                <a:pt x="7399" y="13380"/>
              </a:lnTo>
              <a:lnTo>
                <a:pt x="7928" y="13926"/>
              </a:lnTo>
              <a:lnTo>
                <a:pt x="8192" y="14746"/>
              </a:lnTo>
              <a:lnTo>
                <a:pt x="8588" y="14746"/>
              </a:lnTo>
              <a:lnTo>
                <a:pt x="9117" y="15292"/>
              </a:lnTo>
              <a:lnTo>
                <a:pt x="9513" y="15838"/>
              </a:lnTo>
              <a:lnTo>
                <a:pt x="10042" y="15565"/>
              </a:lnTo>
              <a:lnTo>
                <a:pt x="10438" y="15565"/>
              </a:lnTo>
              <a:lnTo>
                <a:pt x="10702" y="16111"/>
              </a:lnTo>
              <a:lnTo>
                <a:pt x="12288" y="14473"/>
              </a:lnTo>
              <a:lnTo>
                <a:pt x="13609" y="16384"/>
              </a:lnTo>
              <a:lnTo>
                <a:pt x="13874" y="15838"/>
              </a:lnTo>
              <a:lnTo>
                <a:pt x="13213" y="14199"/>
              </a:lnTo>
              <a:lnTo>
                <a:pt x="13477" y="13380"/>
              </a:lnTo>
              <a:lnTo>
                <a:pt x="12288" y="11742"/>
              </a:lnTo>
              <a:lnTo>
                <a:pt x="12684" y="11196"/>
              </a:lnTo>
              <a:lnTo>
                <a:pt x="13609" y="11469"/>
              </a:lnTo>
              <a:lnTo>
                <a:pt x="14666" y="11196"/>
              </a:lnTo>
              <a:lnTo>
                <a:pt x="15327" y="11196"/>
              </a:lnTo>
              <a:lnTo>
                <a:pt x="15988" y="11196"/>
              </a:lnTo>
              <a:lnTo>
                <a:pt x="16384" y="10923"/>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447675</xdr:colOff>
      <xdr:row>19</xdr:row>
      <xdr:rowOff>66675</xdr:rowOff>
    </xdr:from>
    <xdr:to>
      <xdr:col>14</xdr:col>
      <xdr:colOff>219075</xdr:colOff>
      <xdr:row>22</xdr:row>
      <xdr:rowOff>95251</xdr:rowOff>
    </xdr:to>
    <xdr:sp macro="" textlink="">
      <xdr:nvSpPr>
        <xdr:cNvPr id="278" name="d14103">
          <a:extLst>
            <a:ext uri="{FF2B5EF4-FFF2-40B4-BE49-F238E27FC236}">
              <a16:creationId xmlns:a16="http://schemas.microsoft.com/office/drawing/2014/main" id="{00000000-0008-0000-0000-000016010000}"/>
            </a:ext>
          </a:extLst>
        </xdr:cNvPr>
        <xdr:cNvSpPr>
          <a:spLocks/>
        </xdr:cNvSpPr>
      </xdr:nvSpPr>
      <xdr:spPr bwMode="auto">
        <a:xfrm>
          <a:off x="8372475" y="2962275"/>
          <a:ext cx="381000" cy="485776"/>
        </a:xfrm>
        <a:custGeom>
          <a:avLst/>
          <a:gdLst/>
          <a:ahLst/>
          <a:cxnLst>
            <a:cxn ang="0">
              <a:pos x="15155" y="3213"/>
            </a:cxn>
            <a:cxn ang="0">
              <a:pos x="14336" y="2570"/>
            </a:cxn>
            <a:cxn ang="0">
              <a:pos x="13107" y="2570"/>
            </a:cxn>
            <a:cxn ang="0">
              <a:pos x="11469" y="2891"/>
            </a:cxn>
            <a:cxn ang="0">
              <a:pos x="10240" y="2249"/>
            </a:cxn>
            <a:cxn ang="0">
              <a:pos x="8602" y="1606"/>
            </a:cxn>
            <a:cxn ang="0">
              <a:pos x="7373" y="1606"/>
            </a:cxn>
            <a:cxn ang="0">
              <a:pos x="6554" y="643"/>
            </a:cxn>
            <a:cxn ang="0">
              <a:pos x="4915" y="0"/>
            </a:cxn>
            <a:cxn ang="0">
              <a:pos x="2458" y="643"/>
            </a:cxn>
            <a:cxn ang="0">
              <a:pos x="1229" y="1285"/>
            </a:cxn>
            <a:cxn ang="0">
              <a:pos x="1229" y="1928"/>
            </a:cxn>
            <a:cxn ang="0">
              <a:pos x="410" y="2570"/>
            </a:cxn>
            <a:cxn ang="0">
              <a:pos x="819" y="3855"/>
            </a:cxn>
            <a:cxn ang="0">
              <a:pos x="1229" y="5140"/>
            </a:cxn>
            <a:cxn ang="0">
              <a:pos x="1638" y="6104"/>
            </a:cxn>
            <a:cxn ang="0">
              <a:pos x="1229" y="7068"/>
            </a:cxn>
            <a:cxn ang="0">
              <a:pos x="1229" y="8353"/>
            </a:cxn>
            <a:cxn ang="0">
              <a:pos x="410" y="9638"/>
            </a:cxn>
            <a:cxn ang="0">
              <a:pos x="0" y="10601"/>
            </a:cxn>
            <a:cxn ang="0">
              <a:pos x="0" y="12208"/>
            </a:cxn>
            <a:cxn ang="0">
              <a:pos x="819" y="13171"/>
            </a:cxn>
            <a:cxn ang="0">
              <a:pos x="1638" y="13493"/>
            </a:cxn>
            <a:cxn ang="0">
              <a:pos x="3277" y="13493"/>
            </a:cxn>
            <a:cxn ang="0">
              <a:pos x="4506" y="13493"/>
            </a:cxn>
            <a:cxn ang="0">
              <a:pos x="5734" y="12850"/>
            </a:cxn>
            <a:cxn ang="0">
              <a:pos x="7373" y="13814"/>
            </a:cxn>
            <a:cxn ang="0">
              <a:pos x="9421" y="14456"/>
            </a:cxn>
            <a:cxn ang="0">
              <a:pos x="9011" y="16063"/>
            </a:cxn>
            <a:cxn ang="0">
              <a:pos x="9421" y="16384"/>
            </a:cxn>
            <a:cxn ang="0">
              <a:pos x="10650" y="16384"/>
            </a:cxn>
            <a:cxn ang="0">
              <a:pos x="12288" y="15420"/>
            </a:cxn>
            <a:cxn ang="0">
              <a:pos x="13926" y="15099"/>
            </a:cxn>
            <a:cxn ang="0">
              <a:pos x="15155" y="13814"/>
            </a:cxn>
            <a:cxn ang="0">
              <a:pos x="15565" y="12529"/>
            </a:cxn>
            <a:cxn ang="0">
              <a:pos x="15974" y="11565"/>
            </a:cxn>
            <a:cxn ang="0">
              <a:pos x="15565" y="10280"/>
            </a:cxn>
            <a:cxn ang="0">
              <a:pos x="15565" y="8995"/>
            </a:cxn>
            <a:cxn ang="0">
              <a:pos x="16384" y="8353"/>
            </a:cxn>
            <a:cxn ang="0">
              <a:pos x="15155" y="7710"/>
            </a:cxn>
            <a:cxn ang="0">
              <a:pos x="13107" y="5783"/>
            </a:cxn>
            <a:cxn ang="0">
              <a:pos x="15155" y="3213"/>
            </a:cxn>
          </a:cxnLst>
          <a:rect l="0" t="0" r="r" b="b"/>
          <a:pathLst>
            <a:path w="16384" h="16384">
              <a:moveTo>
                <a:pt x="15155" y="3213"/>
              </a:moveTo>
              <a:lnTo>
                <a:pt x="14336" y="2570"/>
              </a:lnTo>
              <a:lnTo>
                <a:pt x="13107" y="2570"/>
              </a:lnTo>
              <a:lnTo>
                <a:pt x="11469" y="2891"/>
              </a:lnTo>
              <a:lnTo>
                <a:pt x="10240" y="2249"/>
              </a:lnTo>
              <a:lnTo>
                <a:pt x="8602" y="1606"/>
              </a:lnTo>
              <a:lnTo>
                <a:pt x="7373" y="1606"/>
              </a:lnTo>
              <a:lnTo>
                <a:pt x="6554" y="643"/>
              </a:lnTo>
              <a:lnTo>
                <a:pt x="4915" y="0"/>
              </a:lnTo>
              <a:lnTo>
                <a:pt x="2458" y="643"/>
              </a:lnTo>
              <a:lnTo>
                <a:pt x="1229" y="1285"/>
              </a:lnTo>
              <a:lnTo>
                <a:pt x="1229" y="1928"/>
              </a:lnTo>
              <a:lnTo>
                <a:pt x="410" y="2570"/>
              </a:lnTo>
              <a:lnTo>
                <a:pt x="819" y="3855"/>
              </a:lnTo>
              <a:lnTo>
                <a:pt x="1229" y="5140"/>
              </a:lnTo>
              <a:lnTo>
                <a:pt x="1638" y="6104"/>
              </a:lnTo>
              <a:lnTo>
                <a:pt x="1229" y="7068"/>
              </a:lnTo>
              <a:lnTo>
                <a:pt x="1229" y="8353"/>
              </a:lnTo>
              <a:lnTo>
                <a:pt x="410" y="9638"/>
              </a:lnTo>
              <a:lnTo>
                <a:pt x="0" y="10601"/>
              </a:lnTo>
              <a:lnTo>
                <a:pt x="0" y="12208"/>
              </a:lnTo>
              <a:lnTo>
                <a:pt x="819" y="13171"/>
              </a:lnTo>
              <a:lnTo>
                <a:pt x="1638" y="13493"/>
              </a:lnTo>
              <a:lnTo>
                <a:pt x="3277" y="13493"/>
              </a:lnTo>
              <a:lnTo>
                <a:pt x="4506" y="13493"/>
              </a:lnTo>
              <a:lnTo>
                <a:pt x="5734" y="12850"/>
              </a:lnTo>
              <a:lnTo>
                <a:pt x="7373" y="13814"/>
              </a:lnTo>
              <a:lnTo>
                <a:pt x="9421" y="14456"/>
              </a:lnTo>
              <a:lnTo>
                <a:pt x="9011" y="16063"/>
              </a:lnTo>
              <a:lnTo>
                <a:pt x="9421" y="16384"/>
              </a:lnTo>
              <a:lnTo>
                <a:pt x="10650" y="16384"/>
              </a:lnTo>
              <a:lnTo>
                <a:pt x="12288" y="15420"/>
              </a:lnTo>
              <a:lnTo>
                <a:pt x="13926" y="15099"/>
              </a:lnTo>
              <a:lnTo>
                <a:pt x="15155" y="13814"/>
              </a:lnTo>
              <a:lnTo>
                <a:pt x="15565" y="12529"/>
              </a:lnTo>
              <a:lnTo>
                <a:pt x="15974" y="11565"/>
              </a:lnTo>
              <a:lnTo>
                <a:pt x="15565" y="10280"/>
              </a:lnTo>
              <a:lnTo>
                <a:pt x="15565" y="8995"/>
              </a:lnTo>
              <a:lnTo>
                <a:pt x="16384" y="8353"/>
              </a:lnTo>
              <a:lnTo>
                <a:pt x="15155" y="7710"/>
              </a:lnTo>
              <a:lnTo>
                <a:pt x="13107" y="5783"/>
              </a:lnTo>
              <a:lnTo>
                <a:pt x="15155" y="3213"/>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4</xdr:col>
      <xdr:colOff>85725</xdr:colOff>
      <xdr:row>20</xdr:row>
      <xdr:rowOff>114300</xdr:rowOff>
    </xdr:from>
    <xdr:to>
      <xdr:col>15</xdr:col>
      <xdr:colOff>161925</xdr:colOff>
      <xdr:row>25</xdr:row>
      <xdr:rowOff>95251</xdr:rowOff>
    </xdr:to>
    <xdr:sp macro="" textlink="">
      <xdr:nvSpPr>
        <xdr:cNvPr id="279" name="d14104">
          <a:extLst>
            <a:ext uri="{FF2B5EF4-FFF2-40B4-BE49-F238E27FC236}">
              <a16:creationId xmlns:a16="http://schemas.microsoft.com/office/drawing/2014/main" id="{00000000-0008-0000-0000-000017010000}"/>
            </a:ext>
          </a:extLst>
        </xdr:cNvPr>
        <xdr:cNvSpPr>
          <a:spLocks/>
        </xdr:cNvSpPr>
      </xdr:nvSpPr>
      <xdr:spPr bwMode="auto">
        <a:xfrm>
          <a:off x="8620125" y="3162300"/>
          <a:ext cx="685800" cy="742951"/>
        </a:xfrm>
        <a:custGeom>
          <a:avLst/>
          <a:gdLst/>
          <a:ahLst/>
          <a:cxnLst>
            <a:cxn ang="0">
              <a:pos x="3186" y="1050"/>
            </a:cxn>
            <a:cxn ang="0">
              <a:pos x="2731" y="1470"/>
            </a:cxn>
            <a:cxn ang="0">
              <a:pos x="2731" y="2311"/>
            </a:cxn>
            <a:cxn ang="0">
              <a:pos x="2958" y="3151"/>
            </a:cxn>
            <a:cxn ang="0">
              <a:pos x="2731" y="3781"/>
            </a:cxn>
            <a:cxn ang="0">
              <a:pos x="2503" y="4621"/>
            </a:cxn>
            <a:cxn ang="0">
              <a:pos x="1820" y="5461"/>
            </a:cxn>
            <a:cxn ang="0">
              <a:pos x="2048" y="6302"/>
            </a:cxn>
            <a:cxn ang="0">
              <a:pos x="3186" y="6512"/>
            </a:cxn>
            <a:cxn ang="0">
              <a:pos x="3186" y="7142"/>
            </a:cxn>
            <a:cxn ang="0">
              <a:pos x="3641" y="7562"/>
            </a:cxn>
            <a:cxn ang="0">
              <a:pos x="3413" y="8402"/>
            </a:cxn>
            <a:cxn ang="0">
              <a:pos x="2731" y="8822"/>
            </a:cxn>
            <a:cxn ang="0">
              <a:pos x="2048" y="9242"/>
            </a:cxn>
            <a:cxn ang="0">
              <a:pos x="1138" y="9242"/>
            </a:cxn>
            <a:cxn ang="0">
              <a:pos x="0" y="9242"/>
            </a:cxn>
            <a:cxn ang="0">
              <a:pos x="455" y="9872"/>
            </a:cxn>
            <a:cxn ang="0">
              <a:pos x="1365" y="10503"/>
            </a:cxn>
            <a:cxn ang="0">
              <a:pos x="1593" y="11553"/>
            </a:cxn>
            <a:cxn ang="0">
              <a:pos x="2276" y="11763"/>
            </a:cxn>
            <a:cxn ang="0">
              <a:pos x="3641" y="11763"/>
            </a:cxn>
            <a:cxn ang="0">
              <a:pos x="4096" y="12603"/>
            </a:cxn>
            <a:cxn ang="0">
              <a:pos x="5006" y="14073"/>
            </a:cxn>
            <a:cxn ang="0">
              <a:pos x="6372" y="13653"/>
            </a:cxn>
            <a:cxn ang="0">
              <a:pos x="7282" y="13443"/>
            </a:cxn>
            <a:cxn ang="0">
              <a:pos x="9330" y="14704"/>
            </a:cxn>
            <a:cxn ang="0">
              <a:pos x="11833" y="16384"/>
            </a:cxn>
            <a:cxn ang="0">
              <a:pos x="14791" y="14073"/>
            </a:cxn>
            <a:cxn ang="0">
              <a:pos x="15246" y="12183"/>
            </a:cxn>
            <a:cxn ang="0">
              <a:pos x="13426" y="10923"/>
            </a:cxn>
            <a:cxn ang="0">
              <a:pos x="14108" y="10082"/>
            </a:cxn>
            <a:cxn ang="0">
              <a:pos x="15246" y="10713"/>
            </a:cxn>
            <a:cxn ang="0">
              <a:pos x="16384" y="5671"/>
            </a:cxn>
            <a:cxn ang="0">
              <a:pos x="16156" y="5461"/>
            </a:cxn>
            <a:cxn ang="0">
              <a:pos x="14791" y="8192"/>
            </a:cxn>
            <a:cxn ang="0">
              <a:pos x="13653" y="7562"/>
            </a:cxn>
            <a:cxn ang="0">
              <a:pos x="15246" y="5041"/>
            </a:cxn>
            <a:cxn ang="0">
              <a:pos x="14336" y="4831"/>
            </a:cxn>
            <a:cxn ang="0">
              <a:pos x="13426" y="7142"/>
            </a:cxn>
            <a:cxn ang="0">
              <a:pos x="12743" y="6722"/>
            </a:cxn>
            <a:cxn ang="0">
              <a:pos x="13881" y="4621"/>
            </a:cxn>
            <a:cxn ang="0">
              <a:pos x="13198" y="4201"/>
            </a:cxn>
            <a:cxn ang="0">
              <a:pos x="12288" y="5461"/>
            </a:cxn>
            <a:cxn ang="0">
              <a:pos x="11833" y="5251"/>
            </a:cxn>
            <a:cxn ang="0">
              <a:pos x="12743" y="3361"/>
            </a:cxn>
            <a:cxn ang="0">
              <a:pos x="11833" y="3151"/>
            </a:cxn>
            <a:cxn ang="0">
              <a:pos x="9785" y="5041"/>
            </a:cxn>
            <a:cxn ang="0">
              <a:pos x="8420" y="4201"/>
            </a:cxn>
            <a:cxn ang="0">
              <a:pos x="10923" y="3151"/>
            </a:cxn>
            <a:cxn ang="0">
              <a:pos x="11150" y="2521"/>
            </a:cxn>
            <a:cxn ang="0">
              <a:pos x="10468" y="2311"/>
            </a:cxn>
            <a:cxn ang="0">
              <a:pos x="10240" y="2731"/>
            </a:cxn>
            <a:cxn ang="0">
              <a:pos x="8647" y="2101"/>
            </a:cxn>
            <a:cxn ang="0">
              <a:pos x="7509" y="3361"/>
            </a:cxn>
            <a:cxn ang="0">
              <a:pos x="5006" y="1890"/>
            </a:cxn>
            <a:cxn ang="0">
              <a:pos x="5461" y="420"/>
            </a:cxn>
            <a:cxn ang="0">
              <a:pos x="4551" y="0"/>
            </a:cxn>
            <a:cxn ang="0">
              <a:pos x="3186" y="1050"/>
            </a:cxn>
          </a:cxnLst>
          <a:rect l="0" t="0" r="r" b="b"/>
          <a:pathLst>
            <a:path w="16384" h="16384">
              <a:moveTo>
                <a:pt x="3186" y="1050"/>
              </a:moveTo>
              <a:lnTo>
                <a:pt x="2731" y="1470"/>
              </a:lnTo>
              <a:lnTo>
                <a:pt x="2731" y="2311"/>
              </a:lnTo>
              <a:lnTo>
                <a:pt x="2958" y="3151"/>
              </a:lnTo>
              <a:lnTo>
                <a:pt x="2731" y="3781"/>
              </a:lnTo>
              <a:lnTo>
                <a:pt x="2503" y="4621"/>
              </a:lnTo>
              <a:lnTo>
                <a:pt x="1820" y="5461"/>
              </a:lnTo>
              <a:lnTo>
                <a:pt x="2048" y="6302"/>
              </a:lnTo>
              <a:lnTo>
                <a:pt x="3186" y="6512"/>
              </a:lnTo>
              <a:lnTo>
                <a:pt x="3186" y="7142"/>
              </a:lnTo>
              <a:lnTo>
                <a:pt x="3641" y="7562"/>
              </a:lnTo>
              <a:lnTo>
                <a:pt x="3413" y="8402"/>
              </a:lnTo>
              <a:lnTo>
                <a:pt x="2731" y="8822"/>
              </a:lnTo>
              <a:lnTo>
                <a:pt x="2048" y="9242"/>
              </a:lnTo>
              <a:lnTo>
                <a:pt x="1138" y="9242"/>
              </a:lnTo>
              <a:lnTo>
                <a:pt x="0" y="9242"/>
              </a:lnTo>
              <a:lnTo>
                <a:pt x="455" y="9872"/>
              </a:lnTo>
              <a:lnTo>
                <a:pt x="1365" y="10503"/>
              </a:lnTo>
              <a:lnTo>
                <a:pt x="1593" y="11553"/>
              </a:lnTo>
              <a:lnTo>
                <a:pt x="2276" y="11763"/>
              </a:lnTo>
              <a:lnTo>
                <a:pt x="3641" y="11763"/>
              </a:lnTo>
              <a:lnTo>
                <a:pt x="4096" y="12603"/>
              </a:lnTo>
              <a:lnTo>
                <a:pt x="5006" y="14073"/>
              </a:lnTo>
              <a:lnTo>
                <a:pt x="6372" y="13653"/>
              </a:lnTo>
              <a:lnTo>
                <a:pt x="7282" y="13443"/>
              </a:lnTo>
              <a:lnTo>
                <a:pt x="9330" y="14704"/>
              </a:lnTo>
              <a:lnTo>
                <a:pt x="11833" y="16384"/>
              </a:lnTo>
              <a:lnTo>
                <a:pt x="14791" y="14073"/>
              </a:lnTo>
              <a:lnTo>
                <a:pt x="15246" y="12183"/>
              </a:lnTo>
              <a:lnTo>
                <a:pt x="13426" y="10923"/>
              </a:lnTo>
              <a:lnTo>
                <a:pt x="14108" y="10082"/>
              </a:lnTo>
              <a:lnTo>
                <a:pt x="15246" y="10713"/>
              </a:lnTo>
              <a:lnTo>
                <a:pt x="16384" y="5671"/>
              </a:lnTo>
              <a:lnTo>
                <a:pt x="16156" y="5461"/>
              </a:lnTo>
              <a:lnTo>
                <a:pt x="14791" y="8192"/>
              </a:lnTo>
              <a:lnTo>
                <a:pt x="13653" y="7562"/>
              </a:lnTo>
              <a:lnTo>
                <a:pt x="15246" y="5041"/>
              </a:lnTo>
              <a:lnTo>
                <a:pt x="14336" y="4831"/>
              </a:lnTo>
              <a:lnTo>
                <a:pt x="13426" y="7142"/>
              </a:lnTo>
              <a:lnTo>
                <a:pt x="12743" y="6722"/>
              </a:lnTo>
              <a:lnTo>
                <a:pt x="13881" y="4621"/>
              </a:lnTo>
              <a:lnTo>
                <a:pt x="13198" y="4201"/>
              </a:lnTo>
              <a:lnTo>
                <a:pt x="12288" y="5461"/>
              </a:lnTo>
              <a:lnTo>
                <a:pt x="11833" y="5251"/>
              </a:lnTo>
              <a:lnTo>
                <a:pt x="12743" y="3361"/>
              </a:lnTo>
              <a:lnTo>
                <a:pt x="11833" y="3151"/>
              </a:lnTo>
              <a:lnTo>
                <a:pt x="9785" y="5041"/>
              </a:lnTo>
              <a:lnTo>
                <a:pt x="8420" y="4201"/>
              </a:lnTo>
              <a:lnTo>
                <a:pt x="10923" y="3151"/>
              </a:lnTo>
              <a:lnTo>
                <a:pt x="11150" y="2521"/>
              </a:lnTo>
              <a:lnTo>
                <a:pt x="10468" y="2311"/>
              </a:lnTo>
              <a:lnTo>
                <a:pt x="10240" y="2731"/>
              </a:lnTo>
              <a:lnTo>
                <a:pt x="8647" y="2101"/>
              </a:lnTo>
              <a:lnTo>
                <a:pt x="7509" y="3361"/>
              </a:lnTo>
              <a:lnTo>
                <a:pt x="5006" y="1890"/>
              </a:lnTo>
              <a:lnTo>
                <a:pt x="5461" y="420"/>
              </a:lnTo>
              <a:lnTo>
                <a:pt x="4551" y="0"/>
              </a:lnTo>
              <a:lnTo>
                <a:pt x="3186" y="1050"/>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114300</xdr:colOff>
      <xdr:row>21</xdr:row>
      <xdr:rowOff>142875</xdr:rowOff>
    </xdr:from>
    <xdr:to>
      <xdr:col>14</xdr:col>
      <xdr:colOff>238125</xdr:colOff>
      <xdr:row>25</xdr:row>
      <xdr:rowOff>66677</xdr:rowOff>
    </xdr:to>
    <xdr:sp macro="" textlink="">
      <xdr:nvSpPr>
        <xdr:cNvPr id="280" name="d14105">
          <a:extLst>
            <a:ext uri="{FF2B5EF4-FFF2-40B4-BE49-F238E27FC236}">
              <a16:creationId xmlns:a16="http://schemas.microsoft.com/office/drawing/2014/main" id="{00000000-0008-0000-0000-000018010000}"/>
            </a:ext>
          </a:extLst>
        </xdr:cNvPr>
        <xdr:cNvSpPr>
          <a:spLocks/>
        </xdr:cNvSpPr>
      </xdr:nvSpPr>
      <xdr:spPr bwMode="auto">
        <a:xfrm>
          <a:off x="8039100" y="3343275"/>
          <a:ext cx="733425" cy="533402"/>
        </a:xfrm>
        <a:custGeom>
          <a:avLst/>
          <a:gdLst/>
          <a:ahLst/>
          <a:cxnLst>
            <a:cxn ang="0">
              <a:pos x="14682" y="2048"/>
            </a:cxn>
            <a:cxn ang="0">
              <a:pos x="13831" y="2341"/>
            </a:cxn>
            <a:cxn ang="0">
              <a:pos x="12980" y="3218"/>
            </a:cxn>
            <a:cxn ang="0">
              <a:pos x="12341" y="3218"/>
            </a:cxn>
            <a:cxn ang="0">
              <a:pos x="12128" y="2926"/>
            </a:cxn>
            <a:cxn ang="0">
              <a:pos x="12341" y="1463"/>
            </a:cxn>
            <a:cxn ang="0">
              <a:pos x="11277" y="878"/>
            </a:cxn>
            <a:cxn ang="0">
              <a:pos x="10426" y="0"/>
            </a:cxn>
            <a:cxn ang="0">
              <a:pos x="9788" y="585"/>
            </a:cxn>
            <a:cxn ang="0">
              <a:pos x="9150" y="585"/>
            </a:cxn>
            <a:cxn ang="0">
              <a:pos x="8298" y="585"/>
            </a:cxn>
            <a:cxn ang="0">
              <a:pos x="6809" y="2926"/>
            </a:cxn>
            <a:cxn ang="0">
              <a:pos x="5745" y="1755"/>
            </a:cxn>
            <a:cxn ang="0">
              <a:pos x="4681" y="1463"/>
            </a:cxn>
            <a:cxn ang="0">
              <a:pos x="4043" y="878"/>
            </a:cxn>
            <a:cxn ang="0">
              <a:pos x="2979" y="1755"/>
            </a:cxn>
            <a:cxn ang="0">
              <a:pos x="2341" y="2633"/>
            </a:cxn>
            <a:cxn ang="0">
              <a:pos x="2128" y="3803"/>
            </a:cxn>
            <a:cxn ang="0">
              <a:pos x="1915" y="4974"/>
            </a:cxn>
            <a:cxn ang="0">
              <a:pos x="0" y="5266"/>
            </a:cxn>
            <a:cxn ang="0">
              <a:pos x="0" y="7022"/>
            </a:cxn>
            <a:cxn ang="0">
              <a:pos x="426" y="9070"/>
            </a:cxn>
            <a:cxn ang="0">
              <a:pos x="1064" y="10533"/>
            </a:cxn>
            <a:cxn ang="0">
              <a:pos x="1489" y="11410"/>
            </a:cxn>
            <a:cxn ang="0">
              <a:pos x="1915" y="12873"/>
            </a:cxn>
            <a:cxn ang="0">
              <a:pos x="2979" y="12873"/>
            </a:cxn>
            <a:cxn ang="0">
              <a:pos x="4256" y="11995"/>
            </a:cxn>
            <a:cxn ang="0">
              <a:pos x="6171" y="11703"/>
            </a:cxn>
            <a:cxn ang="0">
              <a:pos x="5958" y="13458"/>
            </a:cxn>
            <a:cxn ang="0">
              <a:pos x="6809" y="14043"/>
            </a:cxn>
            <a:cxn ang="0">
              <a:pos x="7447" y="15506"/>
            </a:cxn>
            <a:cxn ang="0">
              <a:pos x="8511" y="16384"/>
            </a:cxn>
            <a:cxn ang="0">
              <a:pos x="8086" y="16091"/>
            </a:cxn>
            <a:cxn ang="0">
              <a:pos x="7873" y="14043"/>
            </a:cxn>
            <a:cxn ang="0">
              <a:pos x="8298" y="11995"/>
            </a:cxn>
            <a:cxn ang="0">
              <a:pos x="8298" y="10240"/>
            </a:cxn>
            <a:cxn ang="0">
              <a:pos x="9362" y="9362"/>
            </a:cxn>
            <a:cxn ang="0">
              <a:pos x="10639" y="7899"/>
            </a:cxn>
            <a:cxn ang="0">
              <a:pos x="12128" y="7314"/>
            </a:cxn>
            <a:cxn ang="0">
              <a:pos x="12980" y="7314"/>
            </a:cxn>
            <a:cxn ang="0">
              <a:pos x="14043" y="7314"/>
            </a:cxn>
            <a:cxn ang="0">
              <a:pos x="14895" y="7314"/>
            </a:cxn>
            <a:cxn ang="0">
              <a:pos x="15533" y="6729"/>
            </a:cxn>
            <a:cxn ang="0">
              <a:pos x="16171" y="6144"/>
            </a:cxn>
            <a:cxn ang="0">
              <a:pos x="16384" y="4974"/>
            </a:cxn>
            <a:cxn ang="0">
              <a:pos x="15958" y="4389"/>
            </a:cxn>
            <a:cxn ang="0">
              <a:pos x="15958" y="3511"/>
            </a:cxn>
            <a:cxn ang="0">
              <a:pos x="14895" y="3218"/>
            </a:cxn>
            <a:cxn ang="0">
              <a:pos x="14682" y="2048"/>
            </a:cxn>
          </a:cxnLst>
          <a:rect l="0" t="0" r="r" b="b"/>
          <a:pathLst>
            <a:path w="16384" h="16384">
              <a:moveTo>
                <a:pt x="14682" y="2048"/>
              </a:moveTo>
              <a:lnTo>
                <a:pt x="13831" y="2341"/>
              </a:lnTo>
              <a:lnTo>
                <a:pt x="12980" y="3218"/>
              </a:lnTo>
              <a:lnTo>
                <a:pt x="12341" y="3218"/>
              </a:lnTo>
              <a:lnTo>
                <a:pt x="12128" y="2926"/>
              </a:lnTo>
              <a:lnTo>
                <a:pt x="12341" y="1463"/>
              </a:lnTo>
              <a:lnTo>
                <a:pt x="11277" y="878"/>
              </a:lnTo>
              <a:lnTo>
                <a:pt x="10426" y="0"/>
              </a:lnTo>
              <a:lnTo>
                <a:pt x="9788" y="585"/>
              </a:lnTo>
              <a:lnTo>
                <a:pt x="9150" y="585"/>
              </a:lnTo>
              <a:lnTo>
                <a:pt x="8298" y="585"/>
              </a:lnTo>
              <a:lnTo>
                <a:pt x="6809" y="2926"/>
              </a:lnTo>
              <a:lnTo>
                <a:pt x="5745" y="1755"/>
              </a:lnTo>
              <a:lnTo>
                <a:pt x="4681" y="1463"/>
              </a:lnTo>
              <a:lnTo>
                <a:pt x="4043" y="878"/>
              </a:lnTo>
              <a:lnTo>
                <a:pt x="2979" y="1755"/>
              </a:lnTo>
              <a:lnTo>
                <a:pt x="2341" y="2633"/>
              </a:lnTo>
              <a:lnTo>
                <a:pt x="2128" y="3803"/>
              </a:lnTo>
              <a:lnTo>
                <a:pt x="1915" y="4974"/>
              </a:lnTo>
              <a:lnTo>
                <a:pt x="0" y="5266"/>
              </a:lnTo>
              <a:lnTo>
                <a:pt x="0" y="7022"/>
              </a:lnTo>
              <a:lnTo>
                <a:pt x="426" y="9070"/>
              </a:lnTo>
              <a:lnTo>
                <a:pt x="1064" y="10533"/>
              </a:lnTo>
              <a:lnTo>
                <a:pt x="1489" y="11410"/>
              </a:lnTo>
              <a:lnTo>
                <a:pt x="1915" y="12873"/>
              </a:lnTo>
              <a:lnTo>
                <a:pt x="2979" y="12873"/>
              </a:lnTo>
              <a:lnTo>
                <a:pt x="4256" y="11995"/>
              </a:lnTo>
              <a:lnTo>
                <a:pt x="6171" y="11703"/>
              </a:lnTo>
              <a:lnTo>
                <a:pt x="5958" y="13458"/>
              </a:lnTo>
              <a:lnTo>
                <a:pt x="6809" y="14043"/>
              </a:lnTo>
              <a:lnTo>
                <a:pt x="7447" y="15506"/>
              </a:lnTo>
              <a:lnTo>
                <a:pt x="8511" y="16384"/>
              </a:lnTo>
              <a:lnTo>
                <a:pt x="8086" y="16091"/>
              </a:lnTo>
              <a:lnTo>
                <a:pt x="7873" y="14043"/>
              </a:lnTo>
              <a:lnTo>
                <a:pt x="8298" y="11995"/>
              </a:lnTo>
              <a:lnTo>
                <a:pt x="8298" y="10240"/>
              </a:lnTo>
              <a:lnTo>
                <a:pt x="9362" y="9362"/>
              </a:lnTo>
              <a:lnTo>
                <a:pt x="10639" y="7899"/>
              </a:lnTo>
              <a:lnTo>
                <a:pt x="12128" y="7314"/>
              </a:lnTo>
              <a:lnTo>
                <a:pt x="12980" y="7314"/>
              </a:lnTo>
              <a:lnTo>
                <a:pt x="14043" y="7314"/>
              </a:lnTo>
              <a:lnTo>
                <a:pt x="14895" y="7314"/>
              </a:lnTo>
              <a:lnTo>
                <a:pt x="15533" y="6729"/>
              </a:lnTo>
              <a:lnTo>
                <a:pt x="16171" y="6144"/>
              </a:lnTo>
              <a:lnTo>
                <a:pt x="16384" y="4974"/>
              </a:lnTo>
              <a:lnTo>
                <a:pt x="15958" y="4389"/>
              </a:lnTo>
              <a:lnTo>
                <a:pt x="15958" y="3511"/>
              </a:lnTo>
              <a:lnTo>
                <a:pt x="14895" y="3218"/>
              </a:lnTo>
              <a:lnTo>
                <a:pt x="14682" y="2048"/>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400050</xdr:colOff>
      <xdr:row>17</xdr:row>
      <xdr:rowOff>19050</xdr:rowOff>
    </xdr:from>
    <xdr:to>
      <xdr:col>13</xdr:col>
      <xdr:colOff>485775</xdr:colOff>
      <xdr:row>23</xdr:row>
      <xdr:rowOff>9525</xdr:rowOff>
    </xdr:to>
    <xdr:sp macro="" textlink="">
      <xdr:nvSpPr>
        <xdr:cNvPr id="281" name="d14106">
          <a:extLst>
            <a:ext uri="{FF2B5EF4-FFF2-40B4-BE49-F238E27FC236}">
              <a16:creationId xmlns:a16="http://schemas.microsoft.com/office/drawing/2014/main" id="{00000000-0008-0000-0000-000019010000}"/>
            </a:ext>
          </a:extLst>
        </xdr:cNvPr>
        <xdr:cNvSpPr>
          <a:spLocks/>
        </xdr:cNvSpPr>
      </xdr:nvSpPr>
      <xdr:spPr bwMode="auto">
        <a:xfrm>
          <a:off x="7715250" y="2609850"/>
          <a:ext cx="695325" cy="904875"/>
        </a:xfrm>
        <a:custGeom>
          <a:avLst/>
          <a:gdLst/>
          <a:ahLst/>
          <a:cxnLst>
            <a:cxn ang="0">
              <a:pos x="15486" y="7071"/>
            </a:cxn>
            <a:cxn ang="0">
              <a:pos x="14588" y="6899"/>
            </a:cxn>
            <a:cxn ang="0">
              <a:pos x="14588" y="4657"/>
            </a:cxn>
            <a:cxn ang="0">
              <a:pos x="13242" y="4139"/>
            </a:cxn>
            <a:cxn ang="0">
              <a:pos x="10997" y="4829"/>
            </a:cxn>
            <a:cxn ang="0">
              <a:pos x="9875" y="6381"/>
            </a:cxn>
            <a:cxn ang="0">
              <a:pos x="8304" y="4829"/>
            </a:cxn>
            <a:cxn ang="0">
              <a:pos x="7631" y="2242"/>
            </a:cxn>
            <a:cxn ang="0">
              <a:pos x="5835" y="517"/>
            </a:cxn>
            <a:cxn ang="0">
              <a:pos x="5162" y="172"/>
            </a:cxn>
            <a:cxn ang="0">
              <a:pos x="4040" y="1552"/>
            </a:cxn>
            <a:cxn ang="0">
              <a:pos x="3142" y="1897"/>
            </a:cxn>
            <a:cxn ang="0">
              <a:pos x="2693" y="690"/>
            </a:cxn>
            <a:cxn ang="0">
              <a:pos x="1571" y="345"/>
            </a:cxn>
            <a:cxn ang="0">
              <a:pos x="898" y="1380"/>
            </a:cxn>
            <a:cxn ang="0">
              <a:pos x="2918" y="2932"/>
            </a:cxn>
            <a:cxn ang="0">
              <a:pos x="5162" y="3104"/>
            </a:cxn>
            <a:cxn ang="0">
              <a:pos x="4264" y="4312"/>
            </a:cxn>
            <a:cxn ang="0">
              <a:pos x="4264" y="5519"/>
            </a:cxn>
            <a:cxn ang="0">
              <a:pos x="2244" y="6554"/>
            </a:cxn>
            <a:cxn ang="0">
              <a:pos x="4264" y="7761"/>
            </a:cxn>
            <a:cxn ang="0">
              <a:pos x="6060" y="8968"/>
            </a:cxn>
            <a:cxn ang="0">
              <a:pos x="5611" y="10520"/>
            </a:cxn>
            <a:cxn ang="0">
              <a:pos x="4040" y="11038"/>
            </a:cxn>
            <a:cxn ang="0">
              <a:pos x="2244" y="10693"/>
            </a:cxn>
            <a:cxn ang="0">
              <a:pos x="0" y="11555"/>
            </a:cxn>
            <a:cxn ang="0">
              <a:pos x="1122" y="12762"/>
            </a:cxn>
            <a:cxn ang="0">
              <a:pos x="3591" y="13797"/>
            </a:cxn>
            <a:cxn ang="0">
              <a:pos x="3815" y="15522"/>
            </a:cxn>
            <a:cxn ang="0">
              <a:pos x="6284" y="15004"/>
            </a:cxn>
            <a:cxn ang="0">
              <a:pos x="7631" y="16384"/>
            </a:cxn>
            <a:cxn ang="0">
              <a:pos x="9875" y="15522"/>
            </a:cxn>
            <a:cxn ang="0">
              <a:pos x="10773" y="14314"/>
            </a:cxn>
            <a:cxn ang="0">
              <a:pos x="12569" y="14142"/>
            </a:cxn>
            <a:cxn ang="0">
              <a:pos x="14813" y="15004"/>
            </a:cxn>
            <a:cxn ang="0">
              <a:pos x="15935" y="13452"/>
            </a:cxn>
            <a:cxn ang="0">
              <a:pos x="15486" y="12072"/>
            </a:cxn>
            <a:cxn ang="0">
              <a:pos x="16160" y="10865"/>
            </a:cxn>
            <a:cxn ang="0">
              <a:pos x="16384" y="9658"/>
            </a:cxn>
            <a:cxn ang="0">
              <a:pos x="15935" y="8451"/>
            </a:cxn>
            <a:cxn ang="0">
              <a:pos x="16160" y="7416"/>
            </a:cxn>
          </a:cxnLst>
          <a:rect l="0" t="0" r="r" b="b"/>
          <a:pathLst>
            <a:path w="16384" h="16384">
              <a:moveTo>
                <a:pt x="16160" y="7071"/>
              </a:moveTo>
              <a:lnTo>
                <a:pt x="15486" y="7071"/>
              </a:lnTo>
              <a:lnTo>
                <a:pt x="15037" y="7243"/>
              </a:lnTo>
              <a:lnTo>
                <a:pt x="14588" y="6899"/>
              </a:lnTo>
              <a:lnTo>
                <a:pt x="15037" y="5691"/>
              </a:lnTo>
              <a:lnTo>
                <a:pt x="14588" y="4657"/>
              </a:lnTo>
              <a:lnTo>
                <a:pt x="14140" y="3622"/>
              </a:lnTo>
              <a:lnTo>
                <a:pt x="13242" y="4139"/>
              </a:lnTo>
              <a:lnTo>
                <a:pt x="12120" y="4139"/>
              </a:lnTo>
              <a:lnTo>
                <a:pt x="10997" y="4829"/>
              </a:lnTo>
              <a:lnTo>
                <a:pt x="10100" y="5519"/>
              </a:lnTo>
              <a:lnTo>
                <a:pt x="9875" y="6381"/>
              </a:lnTo>
              <a:lnTo>
                <a:pt x="9202" y="5519"/>
              </a:lnTo>
              <a:lnTo>
                <a:pt x="8304" y="4829"/>
              </a:lnTo>
              <a:lnTo>
                <a:pt x="8080" y="3277"/>
              </a:lnTo>
              <a:lnTo>
                <a:pt x="7631" y="2242"/>
              </a:lnTo>
              <a:lnTo>
                <a:pt x="6509" y="1207"/>
              </a:lnTo>
              <a:lnTo>
                <a:pt x="5835" y="517"/>
              </a:lnTo>
              <a:lnTo>
                <a:pt x="5611" y="0"/>
              </a:lnTo>
              <a:lnTo>
                <a:pt x="5162" y="172"/>
              </a:lnTo>
              <a:lnTo>
                <a:pt x="4713" y="862"/>
              </a:lnTo>
              <a:lnTo>
                <a:pt x="4040" y="1552"/>
              </a:lnTo>
              <a:lnTo>
                <a:pt x="3591" y="2070"/>
              </a:lnTo>
              <a:lnTo>
                <a:pt x="3142" y="1897"/>
              </a:lnTo>
              <a:lnTo>
                <a:pt x="3142" y="1035"/>
              </a:lnTo>
              <a:lnTo>
                <a:pt x="2693" y="690"/>
              </a:lnTo>
              <a:lnTo>
                <a:pt x="1796" y="517"/>
              </a:lnTo>
              <a:lnTo>
                <a:pt x="1571" y="345"/>
              </a:lnTo>
              <a:lnTo>
                <a:pt x="1122" y="1035"/>
              </a:lnTo>
              <a:lnTo>
                <a:pt x="898" y="1380"/>
              </a:lnTo>
              <a:lnTo>
                <a:pt x="2020" y="2587"/>
              </a:lnTo>
              <a:lnTo>
                <a:pt x="2918" y="2932"/>
              </a:lnTo>
              <a:lnTo>
                <a:pt x="4489" y="3104"/>
              </a:lnTo>
              <a:lnTo>
                <a:pt x="5162" y="3104"/>
              </a:lnTo>
              <a:lnTo>
                <a:pt x="5162" y="3794"/>
              </a:lnTo>
              <a:lnTo>
                <a:pt x="4264" y="4312"/>
              </a:lnTo>
              <a:lnTo>
                <a:pt x="4938" y="4829"/>
              </a:lnTo>
              <a:lnTo>
                <a:pt x="4264" y="5519"/>
              </a:lnTo>
              <a:lnTo>
                <a:pt x="3591" y="6036"/>
              </a:lnTo>
              <a:lnTo>
                <a:pt x="2244" y="6554"/>
              </a:lnTo>
              <a:lnTo>
                <a:pt x="3142" y="7588"/>
              </a:lnTo>
              <a:lnTo>
                <a:pt x="4264" y="7761"/>
              </a:lnTo>
              <a:lnTo>
                <a:pt x="5387" y="8278"/>
              </a:lnTo>
              <a:lnTo>
                <a:pt x="6060" y="8968"/>
              </a:lnTo>
              <a:lnTo>
                <a:pt x="5835" y="9830"/>
              </a:lnTo>
              <a:lnTo>
                <a:pt x="5611" y="10520"/>
              </a:lnTo>
              <a:lnTo>
                <a:pt x="5387" y="10693"/>
              </a:lnTo>
              <a:lnTo>
                <a:pt x="4040" y="11038"/>
              </a:lnTo>
              <a:lnTo>
                <a:pt x="2918" y="10865"/>
              </a:lnTo>
              <a:lnTo>
                <a:pt x="2244" y="10693"/>
              </a:lnTo>
              <a:lnTo>
                <a:pt x="673" y="11210"/>
              </a:lnTo>
              <a:lnTo>
                <a:pt x="0" y="11555"/>
              </a:lnTo>
              <a:lnTo>
                <a:pt x="224" y="12245"/>
              </a:lnTo>
              <a:lnTo>
                <a:pt x="1122" y="12762"/>
              </a:lnTo>
              <a:lnTo>
                <a:pt x="2244" y="13452"/>
              </a:lnTo>
              <a:lnTo>
                <a:pt x="3591" y="13797"/>
              </a:lnTo>
              <a:lnTo>
                <a:pt x="3367" y="14832"/>
              </a:lnTo>
              <a:lnTo>
                <a:pt x="3815" y="15522"/>
              </a:lnTo>
              <a:lnTo>
                <a:pt x="4938" y="15349"/>
              </a:lnTo>
              <a:lnTo>
                <a:pt x="6284" y="15004"/>
              </a:lnTo>
              <a:lnTo>
                <a:pt x="7182" y="15177"/>
              </a:lnTo>
              <a:lnTo>
                <a:pt x="7631" y="16384"/>
              </a:lnTo>
              <a:lnTo>
                <a:pt x="9651" y="16212"/>
              </a:lnTo>
              <a:lnTo>
                <a:pt x="9875" y="15522"/>
              </a:lnTo>
              <a:lnTo>
                <a:pt x="10100" y="14832"/>
              </a:lnTo>
              <a:lnTo>
                <a:pt x="10773" y="14314"/>
              </a:lnTo>
              <a:lnTo>
                <a:pt x="11895" y="13797"/>
              </a:lnTo>
              <a:lnTo>
                <a:pt x="12569" y="14142"/>
              </a:lnTo>
              <a:lnTo>
                <a:pt x="13691" y="14314"/>
              </a:lnTo>
              <a:lnTo>
                <a:pt x="14813" y="15004"/>
              </a:lnTo>
              <a:lnTo>
                <a:pt x="16384" y="13625"/>
              </a:lnTo>
              <a:lnTo>
                <a:pt x="15935" y="13452"/>
              </a:lnTo>
              <a:lnTo>
                <a:pt x="15486" y="12935"/>
              </a:lnTo>
              <a:lnTo>
                <a:pt x="15486" y="12072"/>
              </a:lnTo>
              <a:lnTo>
                <a:pt x="15711" y="11555"/>
              </a:lnTo>
              <a:lnTo>
                <a:pt x="16160" y="10865"/>
              </a:lnTo>
              <a:lnTo>
                <a:pt x="16160" y="10175"/>
              </a:lnTo>
              <a:lnTo>
                <a:pt x="16384" y="9658"/>
              </a:lnTo>
              <a:lnTo>
                <a:pt x="16160" y="9141"/>
              </a:lnTo>
              <a:lnTo>
                <a:pt x="15935" y="8451"/>
              </a:lnTo>
              <a:lnTo>
                <a:pt x="15711" y="7761"/>
              </a:lnTo>
              <a:lnTo>
                <a:pt x="16160" y="7416"/>
              </a:lnTo>
              <a:lnTo>
                <a:pt x="16160" y="7071"/>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3</xdr:col>
      <xdr:colOff>276225</xdr:colOff>
      <xdr:row>23</xdr:row>
      <xdr:rowOff>76200</xdr:rowOff>
    </xdr:from>
    <xdr:to>
      <xdr:col>14</xdr:col>
      <xdr:colOff>314325</xdr:colOff>
      <xdr:row>30</xdr:row>
      <xdr:rowOff>0</xdr:rowOff>
    </xdr:to>
    <xdr:sp macro="" textlink="">
      <xdr:nvSpPr>
        <xdr:cNvPr id="282" name="d14107">
          <a:extLst>
            <a:ext uri="{FF2B5EF4-FFF2-40B4-BE49-F238E27FC236}">
              <a16:creationId xmlns:a16="http://schemas.microsoft.com/office/drawing/2014/main" id="{00000000-0008-0000-0000-00001A010000}"/>
            </a:ext>
          </a:extLst>
        </xdr:cNvPr>
        <xdr:cNvSpPr>
          <a:spLocks/>
        </xdr:cNvSpPr>
      </xdr:nvSpPr>
      <xdr:spPr bwMode="auto">
        <a:xfrm>
          <a:off x="8201025" y="3581400"/>
          <a:ext cx="647700" cy="990600"/>
        </a:xfrm>
        <a:custGeom>
          <a:avLst/>
          <a:gdLst/>
          <a:ahLst/>
          <a:cxnLst>
            <a:cxn ang="0">
              <a:pos x="9638" y="0"/>
            </a:cxn>
            <a:cxn ang="0">
              <a:pos x="6505" y="1103"/>
            </a:cxn>
            <a:cxn ang="0">
              <a:pos x="5301" y="2521"/>
            </a:cxn>
            <a:cxn ang="0">
              <a:pos x="5060" y="4726"/>
            </a:cxn>
            <a:cxn ang="0">
              <a:pos x="4819" y="5199"/>
            </a:cxn>
            <a:cxn ang="0">
              <a:pos x="3132" y="5514"/>
            </a:cxn>
            <a:cxn ang="0">
              <a:pos x="3855" y="6617"/>
            </a:cxn>
            <a:cxn ang="0">
              <a:pos x="4337" y="8192"/>
            </a:cxn>
            <a:cxn ang="0">
              <a:pos x="4819" y="9295"/>
            </a:cxn>
            <a:cxn ang="0">
              <a:pos x="2650" y="9452"/>
            </a:cxn>
            <a:cxn ang="0">
              <a:pos x="723" y="10713"/>
            </a:cxn>
            <a:cxn ang="0">
              <a:pos x="1928" y="11973"/>
            </a:cxn>
            <a:cxn ang="0">
              <a:pos x="2891" y="13233"/>
            </a:cxn>
            <a:cxn ang="0">
              <a:pos x="1687" y="14178"/>
            </a:cxn>
            <a:cxn ang="0">
              <a:pos x="1205" y="14966"/>
            </a:cxn>
            <a:cxn ang="0">
              <a:pos x="723" y="15596"/>
            </a:cxn>
            <a:cxn ang="0">
              <a:pos x="723" y="16384"/>
            </a:cxn>
            <a:cxn ang="0">
              <a:pos x="2650" y="16069"/>
            </a:cxn>
            <a:cxn ang="0">
              <a:pos x="4337" y="15911"/>
            </a:cxn>
            <a:cxn ang="0">
              <a:pos x="5301" y="15281"/>
            </a:cxn>
            <a:cxn ang="0">
              <a:pos x="6264" y="14651"/>
            </a:cxn>
            <a:cxn ang="0">
              <a:pos x="7228" y="14178"/>
            </a:cxn>
            <a:cxn ang="0">
              <a:pos x="8433" y="13391"/>
            </a:cxn>
            <a:cxn ang="0">
              <a:pos x="8674" y="12603"/>
            </a:cxn>
            <a:cxn ang="0">
              <a:pos x="9879" y="11815"/>
            </a:cxn>
            <a:cxn ang="0">
              <a:pos x="10120" y="11028"/>
            </a:cxn>
            <a:cxn ang="0">
              <a:pos x="10601" y="10555"/>
            </a:cxn>
            <a:cxn ang="0">
              <a:pos x="12288" y="9925"/>
            </a:cxn>
            <a:cxn ang="0">
              <a:pos x="11806" y="9137"/>
            </a:cxn>
            <a:cxn ang="0">
              <a:pos x="12770" y="7404"/>
            </a:cxn>
            <a:cxn ang="0">
              <a:pos x="9638" y="6617"/>
            </a:cxn>
            <a:cxn ang="0">
              <a:pos x="12288" y="5986"/>
            </a:cxn>
            <a:cxn ang="0">
              <a:pos x="15420" y="5671"/>
            </a:cxn>
            <a:cxn ang="0">
              <a:pos x="16384" y="4884"/>
            </a:cxn>
            <a:cxn ang="0">
              <a:pos x="12047" y="4884"/>
            </a:cxn>
            <a:cxn ang="0">
              <a:pos x="12288" y="3623"/>
            </a:cxn>
            <a:cxn ang="0">
              <a:pos x="14456" y="3623"/>
            </a:cxn>
            <a:cxn ang="0">
              <a:pos x="14938" y="2521"/>
            </a:cxn>
            <a:cxn ang="0">
              <a:pos x="13011" y="1890"/>
            </a:cxn>
            <a:cxn ang="0">
              <a:pos x="12047" y="945"/>
            </a:cxn>
            <a:cxn ang="0">
              <a:pos x="10601" y="0"/>
            </a:cxn>
          </a:cxnLst>
          <a:rect l="0" t="0" r="r" b="b"/>
          <a:pathLst>
            <a:path w="16384" h="16384">
              <a:moveTo>
                <a:pt x="10601" y="0"/>
              </a:moveTo>
              <a:lnTo>
                <a:pt x="9638" y="0"/>
              </a:lnTo>
              <a:lnTo>
                <a:pt x="7951" y="315"/>
              </a:lnTo>
              <a:lnTo>
                <a:pt x="6505" y="1103"/>
              </a:lnTo>
              <a:lnTo>
                <a:pt x="5301" y="1575"/>
              </a:lnTo>
              <a:lnTo>
                <a:pt x="5301" y="2521"/>
              </a:lnTo>
              <a:lnTo>
                <a:pt x="4819" y="3623"/>
              </a:lnTo>
              <a:lnTo>
                <a:pt x="5060" y="4726"/>
              </a:lnTo>
              <a:lnTo>
                <a:pt x="5542" y="4884"/>
              </a:lnTo>
              <a:lnTo>
                <a:pt x="4819" y="5199"/>
              </a:lnTo>
              <a:lnTo>
                <a:pt x="3855" y="5199"/>
              </a:lnTo>
              <a:lnTo>
                <a:pt x="3132" y="5514"/>
              </a:lnTo>
              <a:lnTo>
                <a:pt x="2891" y="5986"/>
              </a:lnTo>
              <a:lnTo>
                <a:pt x="3855" y="6617"/>
              </a:lnTo>
              <a:lnTo>
                <a:pt x="4337" y="6932"/>
              </a:lnTo>
              <a:lnTo>
                <a:pt x="4337" y="8192"/>
              </a:lnTo>
              <a:lnTo>
                <a:pt x="5060" y="8980"/>
              </a:lnTo>
              <a:lnTo>
                <a:pt x="4819" y="9295"/>
              </a:lnTo>
              <a:lnTo>
                <a:pt x="3373" y="9767"/>
              </a:lnTo>
              <a:lnTo>
                <a:pt x="2650" y="9452"/>
              </a:lnTo>
              <a:lnTo>
                <a:pt x="1205" y="9925"/>
              </a:lnTo>
              <a:lnTo>
                <a:pt x="723" y="10713"/>
              </a:lnTo>
              <a:lnTo>
                <a:pt x="964" y="11185"/>
              </a:lnTo>
              <a:lnTo>
                <a:pt x="1928" y="11973"/>
              </a:lnTo>
              <a:lnTo>
                <a:pt x="2650" y="12446"/>
              </a:lnTo>
              <a:lnTo>
                <a:pt x="2891" y="13233"/>
              </a:lnTo>
              <a:lnTo>
                <a:pt x="2168" y="13706"/>
              </a:lnTo>
              <a:lnTo>
                <a:pt x="1687" y="14178"/>
              </a:lnTo>
              <a:lnTo>
                <a:pt x="964" y="14494"/>
              </a:lnTo>
              <a:lnTo>
                <a:pt x="1205" y="14966"/>
              </a:lnTo>
              <a:lnTo>
                <a:pt x="1205" y="15281"/>
              </a:lnTo>
              <a:lnTo>
                <a:pt x="723" y="15596"/>
              </a:lnTo>
              <a:lnTo>
                <a:pt x="0" y="15911"/>
              </a:lnTo>
              <a:lnTo>
                <a:pt x="723" y="16384"/>
              </a:lnTo>
              <a:lnTo>
                <a:pt x="1687" y="16069"/>
              </a:lnTo>
              <a:lnTo>
                <a:pt x="2650" y="16069"/>
              </a:lnTo>
              <a:lnTo>
                <a:pt x="3855" y="16069"/>
              </a:lnTo>
              <a:lnTo>
                <a:pt x="4337" y="15911"/>
              </a:lnTo>
              <a:lnTo>
                <a:pt x="4819" y="15596"/>
              </a:lnTo>
              <a:lnTo>
                <a:pt x="5301" y="15281"/>
              </a:lnTo>
              <a:lnTo>
                <a:pt x="5783" y="14809"/>
              </a:lnTo>
              <a:lnTo>
                <a:pt x="6264" y="14651"/>
              </a:lnTo>
              <a:lnTo>
                <a:pt x="6987" y="14494"/>
              </a:lnTo>
              <a:lnTo>
                <a:pt x="7228" y="14178"/>
              </a:lnTo>
              <a:lnTo>
                <a:pt x="7710" y="13706"/>
              </a:lnTo>
              <a:lnTo>
                <a:pt x="8433" y="13391"/>
              </a:lnTo>
              <a:lnTo>
                <a:pt x="8433" y="13076"/>
              </a:lnTo>
              <a:lnTo>
                <a:pt x="8674" y="12603"/>
              </a:lnTo>
              <a:lnTo>
                <a:pt x="9397" y="12130"/>
              </a:lnTo>
              <a:lnTo>
                <a:pt x="9879" y="11815"/>
              </a:lnTo>
              <a:lnTo>
                <a:pt x="10360" y="11343"/>
              </a:lnTo>
              <a:lnTo>
                <a:pt x="10120" y="11028"/>
              </a:lnTo>
              <a:lnTo>
                <a:pt x="10120" y="10555"/>
              </a:lnTo>
              <a:lnTo>
                <a:pt x="10601" y="10555"/>
              </a:lnTo>
              <a:lnTo>
                <a:pt x="11324" y="10398"/>
              </a:lnTo>
              <a:lnTo>
                <a:pt x="12288" y="9925"/>
              </a:lnTo>
              <a:lnTo>
                <a:pt x="11083" y="9452"/>
              </a:lnTo>
              <a:lnTo>
                <a:pt x="11806" y="9137"/>
              </a:lnTo>
              <a:lnTo>
                <a:pt x="13493" y="8507"/>
              </a:lnTo>
              <a:lnTo>
                <a:pt x="12770" y="7404"/>
              </a:lnTo>
              <a:lnTo>
                <a:pt x="10360" y="7877"/>
              </a:lnTo>
              <a:lnTo>
                <a:pt x="9638" y="6617"/>
              </a:lnTo>
              <a:lnTo>
                <a:pt x="11083" y="5671"/>
              </a:lnTo>
              <a:lnTo>
                <a:pt x="12288" y="5986"/>
              </a:lnTo>
              <a:lnTo>
                <a:pt x="14216" y="5671"/>
              </a:lnTo>
              <a:lnTo>
                <a:pt x="15420" y="5671"/>
              </a:lnTo>
              <a:lnTo>
                <a:pt x="16384" y="5671"/>
              </a:lnTo>
              <a:lnTo>
                <a:pt x="16384" y="4884"/>
              </a:lnTo>
              <a:lnTo>
                <a:pt x="15661" y="4411"/>
              </a:lnTo>
              <a:lnTo>
                <a:pt x="12047" y="4884"/>
              </a:lnTo>
              <a:lnTo>
                <a:pt x="11565" y="3938"/>
              </a:lnTo>
              <a:lnTo>
                <a:pt x="12288" y="3623"/>
              </a:lnTo>
              <a:lnTo>
                <a:pt x="13011" y="4254"/>
              </a:lnTo>
              <a:lnTo>
                <a:pt x="14456" y="3623"/>
              </a:lnTo>
              <a:lnTo>
                <a:pt x="15902" y="3623"/>
              </a:lnTo>
              <a:lnTo>
                <a:pt x="14938" y="2521"/>
              </a:lnTo>
              <a:lnTo>
                <a:pt x="14456" y="1890"/>
              </a:lnTo>
              <a:lnTo>
                <a:pt x="13011" y="1890"/>
              </a:lnTo>
              <a:lnTo>
                <a:pt x="12288" y="1733"/>
              </a:lnTo>
              <a:lnTo>
                <a:pt x="12047" y="945"/>
              </a:lnTo>
              <a:lnTo>
                <a:pt x="11083" y="473"/>
              </a:lnTo>
              <a:lnTo>
                <a:pt x="10601" y="0"/>
              </a:lnTo>
              <a:close/>
            </a:path>
          </a:pathLst>
        </a:custGeom>
        <a:solidFill>
          <a:srgbClr val="FF6600"/>
        </a:solidFill>
        <a:ln w="9525" cap="flat">
          <a:solidFill>
            <a:srgbClr val="000000"/>
          </a:solidFill>
          <a:prstDash val="solid"/>
          <a:round/>
          <a:headEnd/>
          <a:tailEnd/>
        </a:ln>
      </xdr:spPr>
    </xdr:sp>
    <xdr:clientData/>
  </xdr:twoCellAnchor>
  <xdr:twoCellAnchor editAs="oneCell">
    <xdr:from>
      <xdr:col>13</xdr:col>
      <xdr:colOff>257175</xdr:colOff>
      <xdr:row>26</xdr:row>
      <xdr:rowOff>114300</xdr:rowOff>
    </xdr:from>
    <xdr:to>
      <xdr:col>14</xdr:col>
      <xdr:colOff>409575</xdr:colOff>
      <xdr:row>33</xdr:row>
      <xdr:rowOff>123826</xdr:rowOff>
    </xdr:to>
    <xdr:sp macro="" textlink="">
      <xdr:nvSpPr>
        <xdr:cNvPr id="283" name="d14108">
          <a:extLst>
            <a:ext uri="{FF2B5EF4-FFF2-40B4-BE49-F238E27FC236}">
              <a16:creationId xmlns:a16="http://schemas.microsoft.com/office/drawing/2014/main" id="{00000000-0008-0000-0000-00001B010000}"/>
            </a:ext>
          </a:extLst>
        </xdr:cNvPr>
        <xdr:cNvSpPr>
          <a:spLocks/>
        </xdr:cNvSpPr>
      </xdr:nvSpPr>
      <xdr:spPr bwMode="auto">
        <a:xfrm>
          <a:off x="8181975" y="4076700"/>
          <a:ext cx="762000" cy="1076326"/>
        </a:xfrm>
        <a:custGeom>
          <a:avLst/>
          <a:gdLst/>
          <a:ahLst/>
          <a:cxnLst>
            <a:cxn ang="0">
              <a:pos x="10035" y="2030"/>
            </a:cxn>
            <a:cxn ang="0">
              <a:pos x="9011" y="2175"/>
            </a:cxn>
            <a:cxn ang="0">
              <a:pos x="9216" y="2900"/>
            </a:cxn>
            <a:cxn ang="0">
              <a:pos x="8397" y="3625"/>
            </a:cxn>
            <a:cxn ang="0">
              <a:pos x="7578" y="4495"/>
            </a:cxn>
            <a:cxn ang="0">
              <a:pos x="6963" y="5075"/>
            </a:cxn>
            <a:cxn ang="0">
              <a:pos x="6349" y="5800"/>
            </a:cxn>
            <a:cxn ang="0">
              <a:pos x="5325" y="6090"/>
            </a:cxn>
            <a:cxn ang="0">
              <a:pos x="4506" y="6815"/>
            </a:cxn>
            <a:cxn ang="0">
              <a:pos x="3686" y="7250"/>
            </a:cxn>
            <a:cxn ang="0">
              <a:pos x="1843" y="7250"/>
            </a:cxn>
            <a:cxn ang="0">
              <a:pos x="1229" y="7975"/>
            </a:cxn>
            <a:cxn ang="0">
              <a:pos x="205" y="8844"/>
            </a:cxn>
            <a:cxn ang="0">
              <a:pos x="614" y="9859"/>
            </a:cxn>
            <a:cxn ang="0">
              <a:pos x="0" y="11454"/>
            </a:cxn>
            <a:cxn ang="0">
              <a:pos x="410" y="12759"/>
            </a:cxn>
            <a:cxn ang="0">
              <a:pos x="1024" y="13629"/>
            </a:cxn>
            <a:cxn ang="0">
              <a:pos x="1434" y="14644"/>
            </a:cxn>
            <a:cxn ang="0">
              <a:pos x="3072" y="15804"/>
            </a:cxn>
            <a:cxn ang="0">
              <a:pos x="4506" y="16094"/>
            </a:cxn>
            <a:cxn ang="0">
              <a:pos x="6349" y="15949"/>
            </a:cxn>
            <a:cxn ang="0">
              <a:pos x="8192" y="15514"/>
            </a:cxn>
            <a:cxn ang="0">
              <a:pos x="9626" y="14789"/>
            </a:cxn>
            <a:cxn ang="0">
              <a:pos x="11059" y="13774"/>
            </a:cxn>
            <a:cxn ang="0">
              <a:pos x="12493" y="13194"/>
            </a:cxn>
            <a:cxn ang="0">
              <a:pos x="11264" y="12324"/>
            </a:cxn>
            <a:cxn ang="0">
              <a:pos x="10650" y="10729"/>
            </a:cxn>
            <a:cxn ang="0">
              <a:pos x="12083" y="10149"/>
            </a:cxn>
            <a:cxn ang="0">
              <a:pos x="14950" y="10149"/>
            </a:cxn>
            <a:cxn ang="0">
              <a:pos x="16179" y="7540"/>
            </a:cxn>
            <a:cxn ang="0">
              <a:pos x="14950" y="5220"/>
            </a:cxn>
            <a:cxn ang="0">
              <a:pos x="16384" y="4205"/>
            </a:cxn>
            <a:cxn ang="0">
              <a:pos x="14950" y="3045"/>
            </a:cxn>
            <a:cxn ang="0">
              <a:pos x="16384" y="725"/>
            </a:cxn>
            <a:cxn ang="0">
              <a:pos x="12083" y="1595"/>
            </a:cxn>
          </a:cxnLst>
          <a:rect l="0" t="0" r="r" b="b"/>
          <a:pathLst>
            <a:path w="16384" h="16384">
              <a:moveTo>
                <a:pt x="10854" y="1595"/>
              </a:moveTo>
              <a:lnTo>
                <a:pt x="10035" y="2030"/>
              </a:lnTo>
              <a:lnTo>
                <a:pt x="9421" y="2175"/>
              </a:lnTo>
              <a:lnTo>
                <a:pt x="9011" y="2175"/>
              </a:lnTo>
              <a:lnTo>
                <a:pt x="9011" y="2610"/>
              </a:lnTo>
              <a:lnTo>
                <a:pt x="9216" y="2900"/>
              </a:lnTo>
              <a:lnTo>
                <a:pt x="8806" y="3335"/>
              </a:lnTo>
              <a:lnTo>
                <a:pt x="8397" y="3625"/>
              </a:lnTo>
              <a:lnTo>
                <a:pt x="7782" y="4060"/>
              </a:lnTo>
              <a:lnTo>
                <a:pt x="7578" y="4495"/>
              </a:lnTo>
              <a:lnTo>
                <a:pt x="7578" y="4785"/>
              </a:lnTo>
              <a:lnTo>
                <a:pt x="6963" y="5075"/>
              </a:lnTo>
              <a:lnTo>
                <a:pt x="6554" y="5510"/>
              </a:lnTo>
              <a:lnTo>
                <a:pt x="6349" y="5800"/>
              </a:lnTo>
              <a:lnTo>
                <a:pt x="5734" y="5945"/>
              </a:lnTo>
              <a:lnTo>
                <a:pt x="5325" y="6090"/>
              </a:lnTo>
              <a:lnTo>
                <a:pt x="4915" y="6525"/>
              </a:lnTo>
              <a:lnTo>
                <a:pt x="4506" y="6815"/>
              </a:lnTo>
              <a:lnTo>
                <a:pt x="4096" y="7105"/>
              </a:lnTo>
              <a:lnTo>
                <a:pt x="3686" y="7250"/>
              </a:lnTo>
              <a:lnTo>
                <a:pt x="2662" y="7250"/>
              </a:lnTo>
              <a:lnTo>
                <a:pt x="1843" y="7250"/>
              </a:lnTo>
              <a:lnTo>
                <a:pt x="1024" y="7540"/>
              </a:lnTo>
              <a:lnTo>
                <a:pt x="1229" y="7975"/>
              </a:lnTo>
              <a:lnTo>
                <a:pt x="1024" y="8409"/>
              </a:lnTo>
              <a:lnTo>
                <a:pt x="205" y="8844"/>
              </a:lnTo>
              <a:lnTo>
                <a:pt x="205" y="9279"/>
              </a:lnTo>
              <a:lnTo>
                <a:pt x="614" y="9859"/>
              </a:lnTo>
              <a:lnTo>
                <a:pt x="410" y="10729"/>
              </a:lnTo>
              <a:lnTo>
                <a:pt x="0" y="11454"/>
              </a:lnTo>
              <a:lnTo>
                <a:pt x="614" y="12034"/>
              </a:lnTo>
              <a:lnTo>
                <a:pt x="410" y="12759"/>
              </a:lnTo>
              <a:lnTo>
                <a:pt x="410" y="13339"/>
              </a:lnTo>
              <a:lnTo>
                <a:pt x="1024" y="13629"/>
              </a:lnTo>
              <a:lnTo>
                <a:pt x="1638" y="14064"/>
              </a:lnTo>
              <a:lnTo>
                <a:pt x="1434" y="14644"/>
              </a:lnTo>
              <a:lnTo>
                <a:pt x="1843" y="15224"/>
              </a:lnTo>
              <a:lnTo>
                <a:pt x="3072" y="15804"/>
              </a:lnTo>
              <a:lnTo>
                <a:pt x="4096" y="15659"/>
              </a:lnTo>
              <a:lnTo>
                <a:pt x="4506" y="16094"/>
              </a:lnTo>
              <a:lnTo>
                <a:pt x="5325" y="16384"/>
              </a:lnTo>
              <a:lnTo>
                <a:pt x="6349" y="15949"/>
              </a:lnTo>
              <a:lnTo>
                <a:pt x="6554" y="15514"/>
              </a:lnTo>
              <a:lnTo>
                <a:pt x="8192" y="15514"/>
              </a:lnTo>
              <a:lnTo>
                <a:pt x="9216" y="15224"/>
              </a:lnTo>
              <a:lnTo>
                <a:pt x="9626" y="14789"/>
              </a:lnTo>
              <a:lnTo>
                <a:pt x="10240" y="14064"/>
              </a:lnTo>
              <a:lnTo>
                <a:pt x="11059" y="13774"/>
              </a:lnTo>
              <a:lnTo>
                <a:pt x="11469" y="14354"/>
              </a:lnTo>
              <a:lnTo>
                <a:pt x="12493" y="13194"/>
              </a:lnTo>
              <a:lnTo>
                <a:pt x="11674" y="12759"/>
              </a:lnTo>
              <a:lnTo>
                <a:pt x="11264" y="12324"/>
              </a:lnTo>
              <a:lnTo>
                <a:pt x="11059" y="11454"/>
              </a:lnTo>
              <a:lnTo>
                <a:pt x="10650" y="10729"/>
              </a:lnTo>
              <a:lnTo>
                <a:pt x="11469" y="10149"/>
              </a:lnTo>
              <a:lnTo>
                <a:pt x="12083" y="10149"/>
              </a:lnTo>
              <a:lnTo>
                <a:pt x="13312" y="9134"/>
              </a:lnTo>
              <a:lnTo>
                <a:pt x="14950" y="10149"/>
              </a:lnTo>
              <a:lnTo>
                <a:pt x="16179" y="9279"/>
              </a:lnTo>
              <a:lnTo>
                <a:pt x="16179" y="7540"/>
              </a:lnTo>
              <a:lnTo>
                <a:pt x="15360" y="6815"/>
              </a:lnTo>
              <a:lnTo>
                <a:pt x="14950" y="5220"/>
              </a:lnTo>
              <a:lnTo>
                <a:pt x="15360" y="4350"/>
              </a:lnTo>
              <a:lnTo>
                <a:pt x="16384" y="4205"/>
              </a:lnTo>
              <a:lnTo>
                <a:pt x="15770" y="2465"/>
              </a:lnTo>
              <a:lnTo>
                <a:pt x="14950" y="3045"/>
              </a:lnTo>
              <a:lnTo>
                <a:pt x="13926" y="2465"/>
              </a:lnTo>
              <a:lnTo>
                <a:pt x="16384" y="725"/>
              </a:lnTo>
              <a:lnTo>
                <a:pt x="14950" y="0"/>
              </a:lnTo>
              <a:lnTo>
                <a:pt x="12083" y="1595"/>
              </a:lnTo>
              <a:lnTo>
                <a:pt x="10854" y="1595"/>
              </a:lnTo>
              <a:close/>
            </a:path>
          </a:pathLst>
        </a:custGeom>
        <a:solidFill>
          <a:srgbClr val="FF6600"/>
        </a:solidFill>
        <a:ln w="9525" cap="flat">
          <a:solidFill>
            <a:srgbClr val="000000"/>
          </a:solidFill>
          <a:prstDash val="solid"/>
          <a:round/>
          <a:headEnd/>
          <a:tailEnd/>
        </a:ln>
      </xdr:spPr>
    </xdr:sp>
    <xdr:clientData/>
  </xdr:twoCellAnchor>
  <xdr:twoCellAnchor editAs="oneCell">
    <xdr:from>
      <xdr:col>13</xdr:col>
      <xdr:colOff>219075</xdr:colOff>
      <xdr:row>11</xdr:row>
      <xdr:rowOff>38100</xdr:rowOff>
    </xdr:from>
    <xdr:to>
      <xdr:col>14</xdr:col>
      <xdr:colOff>476250</xdr:colOff>
      <xdr:row>17</xdr:row>
      <xdr:rowOff>123824</xdr:rowOff>
    </xdr:to>
    <xdr:sp macro="" textlink="">
      <xdr:nvSpPr>
        <xdr:cNvPr id="284" name="d14109">
          <a:extLst>
            <a:ext uri="{FF2B5EF4-FFF2-40B4-BE49-F238E27FC236}">
              <a16:creationId xmlns:a16="http://schemas.microsoft.com/office/drawing/2014/main" id="{00000000-0008-0000-0000-00001C010000}"/>
            </a:ext>
          </a:extLst>
        </xdr:cNvPr>
        <xdr:cNvSpPr>
          <a:spLocks/>
        </xdr:cNvSpPr>
      </xdr:nvSpPr>
      <xdr:spPr bwMode="auto">
        <a:xfrm>
          <a:off x="8143875" y="1714500"/>
          <a:ext cx="866775" cy="1000124"/>
        </a:xfrm>
        <a:custGeom>
          <a:avLst/>
          <a:gdLst/>
          <a:ahLst/>
          <a:cxnLst>
            <a:cxn ang="0">
              <a:pos x="12063" y="12327"/>
            </a:cxn>
            <a:cxn ang="0">
              <a:pos x="11703" y="11079"/>
            </a:cxn>
            <a:cxn ang="0">
              <a:pos x="12783" y="9986"/>
            </a:cxn>
            <a:cxn ang="0">
              <a:pos x="12963" y="8894"/>
            </a:cxn>
            <a:cxn ang="0">
              <a:pos x="13863" y="8426"/>
            </a:cxn>
            <a:cxn ang="0">
              <a:pos x="13863" y="6866"/>
            </a:cxn>
            <a:cxn ang="0">
              <a:pos x="15124" y="5617"/>
            </a:cxn>
            <a:cxn ang="0">
              <a:pos x="15664" y="4681"/>
            </a:cxn>
            <a:cxn ang="0">
              <a:pos x="15664" y="1560"/>
            </a:cxn>
            <a:cxn ang="0">
              <a:pos x="14404" y="780"/>
            </a:cxn>
            <a:cxn ang="0">
              <a:pos x="12243" y="936"/>
            </a:cxn>
            <a:cxn ang="0">
              <a:pos x="9542" y="0"/>
            </a:cxn>
            <a:cxn ang="0">
              <a:pos x="8282" y="156"/>
            </a:cxn>
            <a:cxn ang="0">
              <a:pos x="7022" y="1560"/>
            </a:cxn>
            <a:cxn ang="0">
              <a:pos x="5221" y="2653"/>
            </a:cxn>
            <a:cxn ang="0">
              <a:pos x="4501" y="4993"/>
            </a:cxn>
            <a:cxn ang="0">
              <a:pos x="3421" y="5461"/>
            </a:cxn>
            <a:cxn ang="0">
              <a:pos x="3961" y="7022"/>
            </a:cxn>
            <a:cxn ang="0">
              <a:pos x="4861" y="8894"/>
            </a:cxn>
            <a:cxn ang="0">
              <a:pos x="3241" y="10455"/>
            </a:cxn>
            <a:cxn ang="0">
              <a:pos x="2701" y="11079"/>
            </a:cxn>
            <a:cxn ang="0">
              <a:pos x="900" y="11703"/>
            </a:cxn>
            <a:cxn ang="0">
              <a:pos x="540" y="12639"/>
            </a:cxn>
            <a:cxn ang="0">
              <a:pos x="360" y="13107"/>
            </a:cxn>
            <a:cxn ang="0">
              <a:pos x="1260" y="13575"/>
            </a:cxn>
            <a:cxn ang="0">
              <a:pos x="2701" y="14043"/>
            </a:cxn>
            <a:cxn ang="0">
              <a:pos x="4321" y="14356"/>
            </a:cxn>
            <a:cxn ang="0">
              <a:pos x="5041" y="13887"/>
            </a:cxn>
            <a:cxn ang="0">
              <a:pos x="5941" y="14512"/>
            </a:cxn>
            <a:cxn ang="0">
              <a:pos x="5761" y="15448"/>
            </a:cxn>
            <a:cxn ang="0">
              <a:pos x="7382" y="15448"/>
            </a:cxn>
            <a:cxn ang="0">
              <a:pos x="8282" y="16072"/>
            </a:cxn>
            <a:cxn ang="0">
              <a:pos x="9542" y="16228"/>
            </a:cxn>
            <a:cxn ang="0">
              <a:pos x="10443" y="15604"/>
            </a:cxn>
            <a:cxn ang="0">
              <a:pos x="11703" y="15604"/>
            </a:cxn>
            <a:cxn ang="0">
              <a:pos x="11883" y="13887"/>
            </a:cxn>
            <a:cxn ang="0">
              <a:pos x="12423" y="12795"/>
            </a:cxn>
          </a:cxnLst>
          <a:rect l="0" t="0" r="r" b="b"/>
          <a:pathLst>
            <a:path w="16384" h="16384">
              <a:moveTo>
                <a:pt x="12423" y="12795"/>
              </a:moveTo>
              <a:lnTo>
                <a:pt x="12063" y="12327"/>
              </a:lnTo>
              <a:lnTo>
                <a:pt x="11883" y="12015"/>
              </a:lnTo>
              <a:lnTo>
                <a:pt x="11703" y="11079"/>
              </a:lnTo>
              <a:lnTo>
                <a:pt x="11883" y="10455"/>
              </a:lnTo>
              <a:lnTo>
                <a:pt x="12783" y="9986"/>
              </a:lnTo>
              <a:lnTo>
                <a:pt x="12963" y="9674"/>
              </a:lnTo>
              <a:lnTo>
                <a:pt x="12963" y="8894"/>
              </a:lnTo>
              <a:lnTo>
                <a:pt x="13503" y="8894"/>
              </a:lnTo>
              <a:lnTo>
                <a:pt x="13863" y="8426"/>
              </a:lnTo>
              <a:lnTo>
                <a:pt x="14043" y="7490"/>
              </a:lnTo>
              <a:lnTo>
                <a:pt x="13863" y="6866"/>
              </a:lnTo>
              <a:lnTo>
                <a:pt x="14043" y="6242"/>
              </a:lnTo>
              <a:lnTo>
                <a:pt x="15124" y="5617"/>
              </a:lnTo>
              <a:lnTo>
                <a:pt x="15664" y="5305"/>
              </a:lnTo>
              <a:lnTo>
                <a:pt x="15664" y="4681"/>
              </a:lnTo>
              <a:lnTo>
                <a:pt x="16384" y="2028"/>
              </a:lnTo>
              <a:lnTo>
                <a:pt x="15664" y="1560"/>
              </a:lnTo>
              <a:lnTo>
                <a:pt x="14944" y="1248"/>
              </a:lnTo>
              <a:lnTo>
                <a:pt x="14404" y="780"/>
              </a:lnTo>
              <a:lnTo>
                <a:pt x="13503" y="936"/>
              </a:lnTo>
              <a:lnTo>
                <a:pt x="12243" y="936"/>
              </a:lnTo>
              <a:lnTo>
                <a:pt x="10983" y="312"/>
              </a:lnTo>
              <a:lnTo>
                <a:pt x="9542" y="0"/>
              </a:lnTo>
              <a:lnTo>
                <a:pt x="9002" y="312"/>
              </a:lnTo>
              <a:lnTo>
                <a:pt x="8282" y="156"/>
              </a:lnTo>
              <a:lnTo>
                <a:pt x="7022" y="624"/>
              </a:lnTo>
              <a:lnTo>
                <a:pt x="7022" y="1560"/>
              </a:lnTo>
              <a:lnTo>
                <a:pt x="6302" y="2497"/>
              </a:lnTo>
              <a:lnTo>
                <a:pt x="5221" y="2653"/>
              </a:lnTo>
              <a:lnTo>
                <a:pt x="4681" y="3901"/>
              </a:lnTo>
              <a:lnTo>
                <a:pt x="4501" y="4993"/>
              </a:lnTo>
              <a:lnTo>
                <a:pt x="3961" y="5305"/>
              </a:lnTo>
              <a:lnTo>
                <a:pt x="3421" y="5461"/>
              </a:lnTo>
              <a:lnTo>
                <a:pt x="3421" y="6866"/>
              </a:lnTo>
              <a:lnTo>
                <a:pt x="3961" y="7022"/>
              </a:lnTo>
              <a:lnTo>
                <a:pt x="4141" y="7958"/>
              </a:lnTo>
              <a:lnTo>
                <a:pt x="4861" y="8894"/>
              </a:lnTo>
              <a:lnTo>
                <a:pt x="4681" y="10455"/>
              </a:lnTo>
              <a:lnTo>
                <a:pt x="3241" y="10455"/>
              </a:lnTo>
              <a:lnTo>
                <a:pt x="3061" y="10923"/>
              </a:lnTo>
              <a:lnTo>
                <a:pt x="2701" y="11079"/>
              </a:lnTo>
              <a:lnTo>
                <a:pt x="900" y="11079"/>
              </a:lnTo>
              <a:lnTo>
                <a:pt x="900" y="11703"/>
              </a:lnTo>
              <a:lnTo>
                <a:pt x="720" y="12171"/>
              </a:lnTo>
              <a:lnTo>
                <a:pt x="540" y="12639"/>
              </a:lnTo>
              <a:lnTo>
                <a:pt x="0" y="13263"/>
              </a:lnTo>
              <a:lnTo>
                <a:pt x="360" y="13107"/>
              </a:lnTo>
              <a:lnTo>
                <a:pt x="1440" y="13107"/>
              </a:lnTo>
              <a:lnTo>
                <a:pt x="1260" y="13575"/>
              </a:lnTo>
              <a:lnTo>
                <a:pt x="1980" y="13887"/>
              </a:lnTo>
              <a:lnTo>
                <a:pt x="2701" y="14043"/>
              </a:lnTo>
              <a:lnTo>
                <a:pt x="3421" y="14199"/>
              </a:lnTo>
              <a:lnTo>
                <a:pt x="4321" y="14356"/>
              </a:lnTo>
              <a:lnTo>
                <a:pt x="4681" y="14199"/>
              </a:lnTo>
              <a:lnTo>
                <a:pt x="5041" y="13887"/>
              </a:lnTo>
              <a:lnTo>
                <a:pt x="5581" y="13887"/>
              </a:lnTo>
              <a:lnTo>
                <a:pt x="5941" y="14512"/>
              </a:lnTo>
              <a:lnTo>
                <a:pt x="5581" y="15136"/>
              </a:lnTo>
              <a:lnTo>
                <a:pt x="5761" y="15448"/>
              </a:lnTo>
              <a:lnTo>
                <a:pt x="6482" y="15448"/>
              </a:lnTo>
              <a:lnTo>
                <a:pt x="7382" y="15448"/>
              </a:lnTo>
              <a:lnTo>
                <a:pt x="7742" y="15916"/>
              </a:lnTo>
              <a:lnTo>
                <a:pt x="8282" y="16072"/>
              </a:lnTo>
              <a:lnTo>
                <a:pt x="9182" y="16384"/>
              </a:lnTo>
              <a:lnTo>
                <a:pt x="9542" y="16228"/>
              </a:lnTo>
              <a:lnTo>
                <a:pt x="10082" y="15916"/>
              </a:lnTo>
              <a:lnTo>
                <a:pt x="10443" y="15604"/>
              </a:lnTo>
              <a:lnTo>
                <a:pt x="11163" y="15760"/>
              </a:lnTo>
              <a:lnTo>
                <a:pt x="11703" y="15604"/>
              </a:lnTo>
              <a:lnTo>
                <a:pt x="11883" y="14824"/>
              </a:lnTo>
              <a:lnTo>
                <a:pt x="11883" y="13887"/>
              </a:lnTo>
              <a:lnTo>
                <a:pt x="12063" y="13107"/>
              </a:lnTo>
              <a:lnTo>
                <a:pt x="12423" y="12795"/>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314325</xdr:colOff>
      <xdr:row>21</xdr:row>
      <xdr:rowOff>76200</xdr:rowOff>
    </xdr:from>
    <xdr:to>
      <xdr:col>13</xdr:col>
      <xdr:colOff>133350</xdr:colOff>
      <xdr:row>29</xdr:row>
      <xdr:rowOff>104776</xdr:rowOff>
    </xdr:to>
    <xdr:sp macro="" textlink="">
      <xdr:nvSpPr>
        <xdr:cNvPr id="285" name="d14110">
          <a:extLst>
            <a:ext uri="{FF2B5EF4-FFF2-40B4-BE49-F238E27FC236}">
              <a16:creationId xmlns:a16="http://schemas.microsoft.com/office/drawing/2014/main" id="{00000000-0008-0000-0000-00001D010000}"/>
            </a:ext>
          </a:extLst>
        </xdr:cNvPr>
        <xdr:cNvSpPr>
          <a:spLocks/>
        </xdr:cNvSpPr>
      </xdr:nvSpPr>
      <xdr:spPr bwMode="auto">
        <a:xfrm>
          <a:off x="7019925" y="3276600"/>
          <a:ext cx="1038225" cy="1247776"/>
        </a:xfrm>
        <a:custGeom>
          <a:avLst/>
          <a:gdLst/>
          <a:ahLst/>
          <a:cxnLst>
            <a:cxn ang="0">
              <a:pos x="15783" y="2251"/>
            </a:cxn>
            <a:cxn ang="0">
              <a:pos x="14280" y="2376"/>
            </a:cxn>
            <a:cxn ang="0">
              <a:pos x="13227" y="2001"/>
            </a:cxn>
            <a:cxn ang="0">
              <a:pos x="12476" y="1001"/>
            </a:cxn>
            <a:cxn ang="0">
              <a:pos x="11123" y="125"/>
            </a:cxn>
            <a:cxn ang="0">
              <a:pos x="10221" y="625"/>
            </a:cxn>
            <a:cxn ang="0">
              <a:pos x="9319" y="1001"/>
            </a:cxn>
            <a:cxn ang="0">
              <a:pos x="8417" y="0"/>
            </a:cxn>
            <a:cxn ang="0">
              <a:pos x="8267" y="1251"/>
            </a:cxn>
            <a:cxn ang="0">
              <a:pos x="7365" y="2501"/>
            </a:cxn>
            <a:cxn ang="0">
              <a:pos x="7666" y="4377"/>
            </a:cxn>
            <a:cxn ang="0">
              <a:pos x="7215" y="5753"/>
            </a:cxn>
            <a:cxn ang="0">
              <a:pos x="6313" y="6754"/>
            </a:cxn>
            <a:cxn ang="0">
              <a:pos x="4810" y="8380"/>
            </a:cxn>
            <a:cxn ang="0">
              <a:pos x="4058" y="9255"/>
            </a:cxn>
            <a:cxn ang="0">
              <a:pos x="2706" y="10381"/>
            </a:cxn>
            <a:cxn ang="0">
              <a:pos x="1804" y="10631"/>
            </a:cxn>
            <a:cxn ang="0">
              <a:pos x="1202" y="10881"/>
            </a:cxn>
            <a:cxn ang="0">
              <a:pos x="0" y="11131"/>
            </a:cxn>
            <a:cxn ang="0">
              <a:pos x="902" y="12132"/>
            </a:cxn>
            <a:cxn ang="0">
              <a:pos x="1653" y="13132"/>
            </a:cxn>
            <a:cxn ang="0">
              <a:pos x="902" y="13883"/>
            </a:cxn>
            <a:cxn ang="0">
              <a:pos x="301" y="15258"/>
            </a:cxn>
            <a:cxn ang="0">
              <a:pos x="1052" y="16384"/>
            </a:cxn>
            <a:cxn ang="0">
              <a:pos x="1954" y="15884"/>
            </a:cxn>
            <a:cxn ang="0">
              <a:pos x="3157" y="14508"/>
            </a:cxn>
            <a:cxn ang="0">
              <a:pos x="5261" y="15634"/>
            </a:cxn>
            <a:cxn ang="0">
              <a:pos x="6313" y="14758"/>
            </a:cxn>
            <a:cxn ang="0">
              <a:pos x="6463" y="13883"/>
            </a:cxn>
            <a:cxn ang="0">
              <a:pos x="6614" y="13382"/>
            </a:cxn>
            <a:cxn ang="0">
              <a:pos x="6012" y="12882"/>
            </a:cxn>
            <a:cxn ang="0">
              <a:pos x="6914" y="12757"/>
            </a:cxn>
            <a:cxn ang="0">
              <a:pos x="7816" y="13007"/>
            </a:cxn>
            <a:cxn ang="0">
              <a:pos x="8718" y="12257"/>
            </a:cxn>
            <a:cxn ang="0">
              <a:pos x="9770" y="12757"/>
            </a:cxn>
            <a:cxn ang="0">
              <a:pos x="11273" y="12757"/>
            </a:cxn>
            <a:cxn ang="0">
              <a:pos x="11875" y="11882"/>
            </a:cxn>
            <a:cxn ang="0">
              <a:pos x="12777" y="11131"/>
            </a:cxn>
            <a:cxn ang="0">
              <a:pos x="13678" y="9880"/>
            </a:cxn>
            <a:cxn ang="0">
              <a:pos x="12777" y="8630"/>
            </a:cxn>
            <a:cxn ang="0">
              <a:pos x="12476" y="7254"/>
            </a:cxn>
            <a:cxn ang="0">
              <a:pos x="12777" y="6128"/>
            </a:cxn>
            <a:cxn ang="0">
              <a:pos x="13378" y="5253"/>
            </a:cxn>
            <a:cxn ang="0">
              <a:pos x="14430" y="5503"/>
            </a:cxn>
            <a:cxn ang="0">
              <a:pos x="15182" y="5753"/>
            </a:cxn>
            <a:cxn ang="0">
              <a:pos x="15482" y="5128"/>
            </a:cxn>
            <a:cxn ang="0">
              <a:pos x="16384" y="4753"/>
            </a:cxn>
            <a:cxn ang="0">
              <a:pos x="16083" y="3127"/>
            </a:cxn>
          </a:cxnLst>
          <a:rect l="0" t="0" r="r" b="b"/>
          <a:pathLst>
            <a:path w="16384" h="16384">
              <a:moveTo>
                <a:pt x="16083" y="3127"/>
              </a:moveTo>
              <a:lnTo>
                <a:pt x="15783" y="2251"/>
              </a:lnTo>
              <a:lnTo>
                <a:pt x="15182" y="2126"/>
              </a:lnTo>
              <a:lnTo>
                <a:pt x="14280" y="2376"/>
              </a:lnTo>
              <a:lnTo>
                <a:pt x="13528" y="2501"/>
              </a:lnTo>
              <a:lnTo>
                <a:pt x="13227" y="2001"/>
              </a:lnTo>
              <a:lnTo>
                <a:pt x="13378" y="1251"/>
              </a:lnTo>
              <a:lnTo>
                <a:pt x="12476" y="1001"/>
              </a:lnTo>
              <a:lnTo>
                <a:pt x="11724" y="500"/>
              </a:lnTo>
              <a:lnTo>
                <a:pt x="11123" y="125"/>
              </a:lnTo>
              <a:lnTo>
                <a:pt x="10822" y="625"/>
              </a:lnTo>
              <a:lnTo>
                <a:pt x="10221" y="625"/>
              </a:lnTo>
              <a:lnTo>
                <a:pt x="9620" y="1001"/>
              </a:lnTo>
              <a:lnTo>
                <a:pt x="9319" y="1001"/>
              </a:lnTo>
              <a:lnTo>
                <a:pt x="9019" y="375"/>
              </a:lnTo>
              <a:lnTo>
                <a:pt x="8417" y="0"/>
              </a:lnTo>
              <a:lnTo>
                <a:pt x="7516" y="875"/>
              </a:lnTo>
              <a:lnTo>
                <a:pt x="8267" y="1251"/>
              </a:lnTo>
              <a:lnTo>
                <a:pt x="8117" y="2251"/>
              </a:lnTo>
              <a:lnTo>
                <a:pt x="7365" y="2501"/>
              </a:lnTo>
              <a:lnTo>
                <a:pt x="7967" y="3252"/>
              </a:lnTo>
              <a:lnTo>
                <a:pt x="7666" y="4377"/>
              </a:lnTo>
              <a:lnTo>
                <a:pt x="7816" y="5253"/>
              </a:lnTo>
              <a:lnTo>
                <a:pt x="7215" y="5753"/>
              </a:lnTo>
              <a:lnTo>
                <a:pt x="6914" y="6379"/>
              </a:lnTo>
              <a:lnTo>
                <a:pt x="6313" y="6754"/>
              </a:lnTo>
              <a:lnTo>
                <a:pt x="6313" y="8380"/>
              </a:lnTo>
              <a:lnTo>
                <a:pt x="4810" y="8380"/>
              </a:lnTo>
              <a:lnTo>
                <a:pt x="4359" y="9005"/>
              </a:lnTo>
              <a:lnTo>
                <a:pt x="4058" y="9255"/>
              </a:lnTo>
              <a:lnTo>
                <a:pt x="3908" y="10381"/>
              </a:lnTo>
              <a:lnTo>
                <a:pt x="2706" y="10381"/>
              </a:lnTo>
              <a:lnTo>
                <a:pt x="2255" y="10131"/>
              </a:lnTo>
              <a:lnTo>
                <a:pt x="1804" y="10631"/>
              </a:lnTo>
              <a:lnTo>
                <a:pt x="1954" y="11131"/>
              </a:lnTo>
              <a:lnTo>
                <a:pt x="1202" y="10881"/>
              </a:lnTo>
              <a:lnTo>
                <a:pt x="752" y="11256"/>
              </a:lnTo>
              <a:lnTo>
                <a:pt x="0" y="11131"/>
              </a:lnTo>
              <a:lnTo>
                <a:pt x="301" y="11882"/>
              </a:lnTo>
              <a:lnTo>
                <a:pt x="902" y="12132"/>
              </a:lnTo>
              <a:lnTo>
                <a:pt x="1353" y="12507"/>
              </a:lnTo>
              <a:lnTo>
                <a:pt x="1653" y="13132"/>
              </a:lnTo>
              <a:lnTo>
                <a:pt x="1503" y="13507"/>
              </a:lnTo>
              <a:lnTo>
                <a:pt x="902" y="13883"/>
              </a:lnTo>
              <a:lnTo>
                <a:pt x="601" y="14508"/>
              </a:lnTo>
              <a:lnTo>
                <a:pt x="301" y="15258"/>
              </a:lnTo>
              <a:lnTo>
                <a:pt x="150" y="16134"/>
              </a:lnTo>
              <a:lnTo>
                <a:pt x="1052" y="16384"/>
              </a:lnTo>
              <a:lnTo>
                <a:pt x="1804" y="16259"/>
              </a:lnTo>
              <a:lnTo>
                <a:pt x="1954" y="15884"/>
              </a:lnTo>
              <a:lnTo>
                <a:pt x="2706" y="15509"/>
              </a:lnTo>
              <a:lnTo>
                <a:pt x="3157" y="14508"/>
              </a:lnTo>
              <a:lnTo>
                <a:pt x="4209" y="15258"/>
              </a:lnTo>
              <a:lnTo>
                <a:pt x="5261" y="15634"/>
              </a:lnTo>
              <a:lnTo>
                <a:pt x="6463" y="16009"/>
              </a:lnTo>
              <a:lnTo>
                <a:pt x="6313" y="14758"/>
              </a:lnTo>
              <a:lnTo>
                <a:pt x="5862" y="14008"/>
              </a:lnTo>
              <a:lnTo>
                <a:pt x="6463" y="13883"/>
              </a:lnTo>
              <a:lnTo>
                <a:pt x="6914" y="13883"/>
              </a:lnTo>
              <a:lnTo>
                <a:pt x="6614" y="13382"/>
              </a:lnTo>
              <a:lnTo>
                <a:pt x="6463" y="13132"/>
              </a:lnTo>
              <a:lnTo>
                <a:pt x="6012" y="12882"/>
              </a:lnTo>
              <a:lnTo>
                <a:pt x="6313" y="12382"/>
              </a:lnTo>
              <a:lnTo>
                <a:pt x="6914" y="12757"/>
              </a:lnTo>
              <a:lnTo>
                <a:pt x="7666" y="12757"/>
              </a:lnTo>
              <a:lnTo>
                <a:pt x="7816" y="13007"/>
              </a:lnTo>
              <a:lnTo>
                <a:pt x="8417" y="13132"/>
              </a:lnTo>
              <a:lnTo>
                <a:pt x="8718" y="12257"/>
              </a:lnTo>
              <a:lnTo>
                <a:pt x="9019" y="12382"/>
              </a:lnTo>
              <a:lnTo>
                <a:pt x="9770" y="12757"/>
              </a:lnTo>
              <a:lnTo>
                <a:pt x="11123" y="12882"/>
              </a:lnTo>
              <a:lnTo>
                <a:pt x="11273" y="12757"/>
              </a:lnTo>
              <a:lnTo>
                <a:pt x="11574" y="12132"/>
              </a:lnTo>
              <a:lnTo>
                <a:pt x="11875" y="11882"/>
              </a:lnTo>
              <a:lnTo>
                <a:pt x="12326" y="11631"/>
              </a:lnTo>
              <a:lnTo>
                <a:pt x="12777" y="11131"/>
              </a:lnTo>
              <a:lnTo>
                <a:pt x="13378" y="10506"/>
              </a:lnTo>
              <a:lnTo>
                <a:pt x="13678" y="9880"/>
              </a:lnTo>
              <a:lnTo>
                <a:pt x="13227" y="9005"/>
              </a:lnTo>
              <a:lnTo>
                <a:pt x="12777" y="8630"/>
              </a:lnTo>
              <a:lnTo>
                <a:pt x="12927" y="7629"/>
              </a:lnTo>
              <a:lnTo>
                <a:pt x="12476" y="7254"/>
              </a:lnTo>
              <a:lnTo>
                <a:pt x="12476" y="6253"/>
              </a:lnTo>
              <a:lnTo>
                <a:pt x="12777" y="6128"/>
              </a:lnTo>
              <a:lnTo>
                <a:pt x="13378" y="5628"/>
              </a:lnTo>
              <a:lnTo>
                <a:pt x="13378" y="5253"/>
              </a:lnTo>
              <a:lnTo>
                <a:pt x="14129" y="5128"/>
              </a:lnTo>
              <a:lnTo>
                <a:pt x="14430" y="5503"/>
              </a:lnTo>
              <a:lnTo>
                <a:pt x="15182" y="5878"/>
              </a:lnTo>
              <a:lnTo>
                <a:pt x="15182" y="5753"/>
              </a:lnTo>
              <a:lnTo>
                <a:pt x="15332" y="5128"/>
              </a:lnTo>
              <a:lnTo>
                <a:pt x="15482" y="5128"/>
              </a:lnTo>
              <a:lnTo>
                <a:pt x="15783" y="5003"/>
              </a:lnTo>
              <a:lnTo>
                <a:pt x="16384" y="4753"/>
              </a:lnTo>
              <a:lnTo>
                <a:pt x="16083" y="3877"/>
              </a:lnTo>
              <a:lnTo>
                <a:pt x="16083" y="312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485775</xdr:colOff>
      <xdr:row>23</xdr:row>
      <xdr:rowOff>133350</xdr:rowOff>
    </xdr:from>
    <xdr:to>
      <xdr:col>13</xdr:col>
      <xdr:colOff>495300</xdr:colOff>
      <xdr:row>29</xdr:row>
      <xdr:rowOff>38100</xdr:rowOff>
    </xdr:to>
    <xdr:sp macro="" textlink="">
      <xdr:nvSpPr>
        <xdr:cNvPr id="286" name="d14111">
          <a:extLst>
            <a:ext uri="{FF2B5EF4-FFF2-40B4-BE49-F238E27FC236}">
              <a16:creationId xmlns:a16="http://schemas.microsoft.com/office/drawing/2014/main" id="{00000000-0008-0000-0000-00001E010000}"/>
            </a:ext>
          </a:extLst>
        </xdr:cNvPr>
        <xdr:cNvSpPr>
          <a:spLocks/>
        </xdr:cNvSpPr>
      </xdr:nvSpPr>
      <xdr:spPr bwMode="auto">
        <a:xfrm>
          <a:off x="7800975" y="3638550"/>
          <a:ext cx="619125" cy="819150"/>
        </a:xfrm>
        <a:custGeom>
          <a:avLst/>
          <a:gdLst/>
          <a:ahLst/>
          <a:cxnLst>
            <a:cxn ang="0">
              <a:pos x="6806" y="0"/>
            </a:cxn>
            <a:cxn ang="0">
              <a:pos x="5797" y="381"/>
            </a:cxn>
            <a:cxn ang="0">
              <a:pos x="5293" y="572"/>
            </a:cxn>
            <a:cxn ang="0">
              <a:pos x="5041" y="572"/>
            </a:cxn>
            <a:cxn ang="0">
              <a:pos x="4789" y="1524"/>
            </a:cxn>
            <a:cxn ang="0">
              <a:pos x="4789" y="1715"/>
            </a:cxn>
            <a:cxn ang="0">
              <a:pos x="3529" y="1143"/>
            </a:cxn>
            <a:cxn ang="0">
              <a:pos x="3025" y="572"/>
            </a:cxn>
            <a:cxn ang="0">
              <a:pos x="1764" y="762"/>
            </a:cxn>
            <a:cxn ang="0">
              <a:pos x="1764" y="1334"/>
            </a:cxn>
            <a:cxn ang="0">
              <a:pos x="756" y="2096"/>
            </a:cxn>
            <a:cxn ang="0">
              <a:pos x="252" y="2286"/>
            </a:cxn>
            <a:cxn ang="0">
              <a:pos x="252" y="3810"/>
            </a:cxn>
            <a:cxn ang="0">
              <a:pos x="1008" y="4382"/>
            </a:cxn>
            <a:cxn ang="0">
              <a:pos x="756" y="5906"/>
            </a:cxn>
            <a:cxn ang="0">
              <a:pos x="1512" y="6477"/>
            </a:cxn>
            <a:cxn ang="0">
              <a:pos x="2269" y="7811"/>
            </a:cxn>
            <a:cxn ang="0">
              <a:pos x="1764" y="8764"/>
            </a:cxn>
            <a:cxn ang="0">
              <a:pos x="756" y="9716"/>
            </a:cxn>
            <a:cxn ang="0">
              <a:pos x="0" y="10478"/>
            </a:cxn>
            <a:cxn ang="0">
              <a:pos x="1512" y="11240"/>
            </a:cxn>
            <a:cxn ang="0">
              <a:pos x="1512" y="12193"/>
            </a:cxn>
            <a:cxn ang="0">
              <a:pos x="3025" y="12383"/>
            </a:cxn>
            <a:cxn ang="0">
              <a:pos x="3277" y="12764"/>
            </a:cxn>
            <a:cxn ang="0">
              <a:pos x="2521" y="13336"/>
            </a:cxn>
            <a:cxn ang="0">
              <a:pos x="3025" y="13717"/>
            </a:cxn>
            <a:cxn ang="0">
              <a:pos x="5293" y="14098"/>
            </a:cxn>
            <a:cxn ang="0">
              <a:pos x="6302" y="14860"/>
            </a:cxn>
            <a:cxn ang="0">
              <a:pos x="7814" y="14860"/>
            </a:cxn>
            <a:cxn ang="0">
              <a:pos x="8570" y="15812"/>
            </a:cxn>
            <a:cxn ang="0">
              <a:pos x="10587" y="16193"/>
            </a:cxn>
            <a:cxn ang="0">
              <a:pos x="11595" y="16384"/>
            </a:cxn>
            <a:cxn ang="0">
              <a:pos x="12351" y="16003"/>
            </a:cxn>
            <a:cxn ang="0">
              <a:pos x="12855" y="15431"/>
            </a:cxn>
            <a:cxn ang="0">
              <a:pos x="13611" y="14860"/>
            </a:cxn>
            <a:cxn ang="0">
              <a:pos x="13359" y="13907"/>
            </a:cxn>
            <a:cxn ang="0">
              <a:pos x="12603" y="13336"/>
            </a:cxn>
            <a:cxn ang="0">
              <a:pos x="11595" y="12383"/>
            </a:cxn>
            <a:cxn ang="0">
              <a:pos x="11343" y="11812"/>
            </a:cxn>
            <a:cxn ang="0">
              <a:pos x="11847" y="10859"/>
            </a:cxn>
            <a:cxn ang="0">
              <a:pos x="13359" y="10288"/>
            </a:cxn>
            <a:cxn ang="0">
              <a:pos x="14115" y="10669"/>
            </a:cxn>
            <a:cxn ang="0">
              <a:pos x="15628" y="10097"/>
            </a:cxn>
            <a:cxn ang="0">
              <a:pos x="15880" y="9716"/>
            </a:cxn>
            <a:cxn ang="0">
              <a:pos x="15124" y="8764"/>
            </a:cxn>
            <a:cxn ang="0">
              <a:pos x="15124" y="7239"/>
            </a:cxn>
            <a:cxn ang="0">
              <a:pos x="14620" y="6858"/>
            </a:cxn>
            <a:cxn ang="0">
              <a:pos x="13611" y="6096"/>
            </a:cxn>
            <a:cxn ang="0">
              <a:pos x="13863" y="5525"/>
            </a:cxn>
            <a:cxn ang="0">
              <a:pos x="14620" y="5144"/>
            </a:cxn>
            <a:cxn ang="0">
              <a:pos x="15628" y="5144"/>
            </a:cxn>
            <a:cxn ang="0">
              <a:pos x="16384" y="4763"/>
            </a:cxn>
            <a:cxn ang="0">
              <a:pos x="15124" y="4191"/>
            </a:cxn>
            <a:cxn ang="0">
              <a:pos x="14368" y="3239"/>
            </a:cxn>
            <a:cxn ang="0">
              <a:pos x="13359" y="2858"/>
            </a:cxn>
            <a:cxn ang="0">
              <a:pos x="13611" y="1715"/>
            </a:cxn>
            <a:cxn ang="0">
              <a:pos x="11343" y="1905"/>
            </a:cxn>
            <a:cxn ang="0">
              <a:pos x="9830" y="2477"/>
            </a:cxn>
            <a:cxn ang="0">
              <a:pos x="8570" y="2477"/>
            </a:cxn>
            <a:cxn ang="0">
              <a:pos x="8066" y="1524"/>
            </a:cxn>
            <a:cxn ang="0">
              <a:pos x="7562" y="953"/>
            </a:cxn>
            <a:cxn ang="0">
              <a:pos x="6806" y="0"/>
            </a:cxn>
          </a:cxnLst>
          <a:rect l="0" t="0" r="r" b="b"/>
          <a:pathLst>
            <a:path w="16384" h="16384">
              <a:moveTo>
                <a:pt x="6806" y="0"/>
              </a:moveTo>
              <a:lnTo>
                <a:pt x="5797" y="381"/>
              </a:lnTo>
              <a:lnTo>
                <a:pt x="5293" y="572"/>
              </a:lnTo>
              <a:lnTo>
                <a:pt x="5041" y="572"/>
              </a:lnTo>
              <a:lnTo>
                <a:pt x="4789" y="1524"/>
              </a:lnTo>
              <a:lnTo>
                <a:pt x="4789" y="1715"/>
              </a:lnTo>
              <a:lnTo>
                <a:pt x="3529" y="1143"/>
              </a:lnTo>
              <a:lnTo>
                <a:pt x="3025" y="572"/>
              </a:lnTo>
              <a:lnTo>
                <a:pt x="1764" y="762"/>
              </a:lnTo>
              <a:lnTo>
                <a:pt x="1764" y="1334"/>
              </a:lnTo>
              <a:lnTo>
                <a:pt x="756" y="2096"/>
              </a:lnTo>
              <a:lnTo>
                <a:pt x="252" y="2286"/>
              </a:lnTo>
              <a:lnTo>
                <a:pt x="252" y="3810"/>
              </a:lnTo>
              <a:lnTo>
                <a:pt x="1008" y="4382"/>
              </a:lnTo>
              <a:lnTo>
                <a:pt x="756" y="5906"/>
              </a:lnTo>
              <a:lnTo>
                <a:pt x="1512" y="6477"/>
              </a:lnTo>
              <a:lnTo>
                <a:pt x="2269" y="7811"/>
              </a:lnTo>
              <a:lnTo>
                <a:pt x="1764" y="8764"/>
              </a:lnTo>
              <a:lnTo>
                <a:pt x="756" y="9716"/>
              </a:lnTo>
              <a:lnTo>
                <a:pt x="0" y="10478"/>
              </a:lnTo>
              <a:lnTo>
                <a:pt x="1512" y="11240"/>
              </a:lnTo>
              <a:lnTo>
                <a:pt x="1512" y="12193"/>
              </a:lnTo>
              <a:lnTo>
                <a:pt x="3025" y="12383"/>
              </a:lnTo>
              <a:lnTo>
                <a:pt x="3277" y="12764"/>
              </a:lnTo>
              <a:lnTo>
                <a:pt x="2521" y="13336"/>
              </a:lnTo>
              <a:lnTo>
                <a:pt x="3025" y="13717"/>
              </a:lnTo>
              <a:lnTo>
                <a:pt x="5293" y="14098"/>
              </a:lnTo>
              <a:lnTo>
                <a:pt x="6302" y="14860"/>
              </a:lnTo>
              <a:lnTo>
                <a:pt x="7814" y="14860"/>
              </a:lnTo>
              <a:lnTo>
                <a:pt x="8570" y="15812"/>
              </a:lnTo>
              <a:lnTo>
                <a:pt x="10587" y="16193"/>
              </a:lnTo>
              <a:lnTo>
                <a:pt x="11595" y="16384"/>
              </a:lnTo>
              <a:lnTo>
                <a:pt x="12351" y="16003"/>
              </a:lnTo>
              <a:lnTo>
                <a:pt x="12855" y="15431"/>
              </a:lnTo>
              <a:lnTo>
                <a:pt x="13611" y="14860"/>
              </a:lnTo>
              <a:lnTo>
                <a:pt x="13359" y="13907"/>
              </a:lnTo>
              <a:lnTo>
                <a:pt x="12603" y="13336"/>
              </a:lnTo>
              <a:lnTo>
                <a:pt x="11595" y="12383"/>
              </a:lnTo>
              <a:lnTo>
                <a:pt x="11343" y="11812"/>
              </a:lnTo>
              <a:lnTo>
                <a:pt x="11847" y="10859"/>
              </a:lnTo>
              <a:lnTo>
                <a:pt x="13359" y="10288"/>
              </a:lnTo>
              <a:lnTo>
                <a:pt x="14115" y="10669"/>
              </a:lnTo>
              <a:lnTo>
                <a:pt x="15628" y="10097"/>
              </a:lnTo>
              <a:lnTo>
                <a:pt x="15880" y="9716"/>
              </a:lnTo>
              <a:lnTo>
                <a:pt x="15124" y="8764"/>
              </a:lnTo>
              <a:lnTo>
                <a:pt x="15124" y="7239"/>
              </a:lnTo>
              <a:lnTo>
                <a:pt x="14620" y="6858"/>
              </a:lnTo>
              <a:lnTo>
                <a:pt x="13611" y="6096"/>
              </a:lnTo>
              <a:lnTo>
                <a:pt x="13863" y="5525"/>
              </a:lnTo>
              <a:lnTo>
                <a:pt x="14620" y="5144"/>
              </a:lnTo>
              <a:lnTo>
                <a:pt x="15628" y="5144"/>
              </a:lnTo>
              <a:lnTo>
                <a:pt x="16384" y="4763"/>
              </a:lnTo>
              <a:lnTo>
                <a:pt x="15124" y="4191"/>
              </a:lnTo>
              <a:lnTo>
                <a:pt x="14368" y="3239"/>
              </a:lnTo>
              <a:lnTo>
                <a:pt x="13359" y="2858"/>
              </a:lnTo>
              <a:lnTo>
                <a:pt x="13611" y="1715"/>
              </a:lnTo>
              <a:lnTo>
                <a:pt x="11343" y="1905"/>
              </a:lnTo>
              <a:lnTo>
                <a:pt x="9830" y="2477"/>
              </a:lnTo>
              <a:lnTo>
                <a:pt x="8570" y="2477"/>
              </a:lnTo>
              <a:lnTo>
                <a:pt x="8066" y="1524"/>
              </a:lnTo>
              <a:lnTo>
                <a:pt x="7562" y="953"/>
              </a:lnTo>
              <a:lnTo>
                <a:pt x="6806" y="0"/>
              </a:lnTo>
              <a:close/>
            </a:path>
          </a:pathLst>
        </a:custGeom>
        <a:solidFill>
          <a:srgbClr val="FF6600"/>
        </a:solidFill>
        <a:ln w="9525" cap="flat">
          <a:solidFill>
            <a:srgbClr val="000000"/>
          </a:solidFill>
          <a:prstDash val="solid"/>
          <a:round/>
          <a:headEnd/>
          <a:tailEnd/>
        </a:ln>
      </xdr:spPr>
    </xdr:sp>
    <xdr:clientData/>
  </xdr:twoCellAnchor>
  <xdr:twoCellAnchor editAs="oneCell">
    <xdr:from>
      <xdr:col>11</xdr:col>
      <xdr:colOff>342900</xdr:colOff>
      <xdr:row>16</xdr:row>
      <xdr:rowOff>9525</xdr:rowOff>
    </xdr:from>
    <xdr:to>
      <xdr:col>13</xdr:col>
      <xdr:colOff>47625</xdr:colOff>
      <xdr:row>22</xdr:row>
      <xdr:rowOff>1</xdr:rowOff>
    </xdr:to>
    <xdr:sp macro="" textlink="">
      <xdr:nvSpPr>
        <xdr:cNvPr id="287" name="d14112">
          <a:extLst>
            <a:ext uri="{FF2B5EF4-FFF2-40B4-BE49-F238E27FC236}">
              <a16:creationId xmlns:a16="http://schemas.microsoft.com/office/drawing/2014/main" id="{00000000-0008-0000-0000-00001F010000}"/>
            </a:ext>
          </a:extLst>
        </xdr:cNvPr>
        <xdr:cNvSpPr>
          <a:spLocks/>
        </xdr:cNvSpPr>
      </xdr:nvSpPr>
      <xdr:spPr bwMode="auto">
        <a:xfrm>
          <a:off x="7048500" y="2447925"/>
          <a:ext cx="923925" cy="904876"/>
        </a:xfrm>
        <a:custGeom>
          <a:avLst/>
          <a:gdLst/>
          <a:ahLst/>
          <a:cxnLst>
            <a:cxn ang="0">
              <a:pos x="11824" y="14487"/>
            </a:cxn>
            <a:cxn ang="0">
              <a:pos x="13513" y="13625"/>
            </a:cxn>
            <a:cxn ang="0">
              <a:pos x="14864" y="13970"/>
            </a:cxn>
            <a:cxn ang="0">
              <a:pos x="16046" y="13452"/>
            </a:cxn>
            <a:cxn ang="0">
              <a:pos x="16384" y="11900"/>
            </a:cxn>
            <a:cxn ang="0">
              <a:pos x="15033" y="10693"/>
            </a:cxn>
            <a:cxn ang="0">
              <a:pos x="13513" y="9485"/>
            </a:cxn>
            <a:cxn ang="0">
              <a:pos x="15033" y="8451"/>
            </a:cxn>
            <a:cxn ang="0">
              <a:pos x="15033" y="7243"/>
            </a:cxn>
            <a:cxn ang="0">
              <a:pos x="15708" y="6036"/>
            </a:cxn>
            <a:cxn ang="0">
              <a:pos x="14019" y="5864"/>
            </a:cxn>
            <a:cxn ang="0">
              <a:pos x="12499" y="4312"/>
            </a:cxn>
            <a:cxn ang="0">
              <a:pos x="13006" y="3277"/>
            </a:cxn>
            <a:cxn ang="0">
              <a:pos x="12330" y="2759"/>
            </a:cxn>
            <a:cxn ang="0">
              <a:pos x="11148" y="2759"/>
            </a:cxn>
            <a:cxn ang="0">
              <a:pos x="9966" y="2242"/>
            </a:cxn>
            <a:cxn ang="0">
              <a:pos x="8783" y="1725"/>
            </a:cxn>
            <a:cxn ang="0">
              <a:pos x="7770" y="1207"/>
            </a:cxn>
            <a:cxn ang="0">
              <a:pos x="6756" y="1897"/>
            </a:cxn>
            <a:cxn ang="0">
              <a:pos x="5912" y="2070"/>
            </a:cxn>
            <a:cxn ang="0">
              <a:pos x="5236" y="2414"/>
            </a:cxn>
            <a:cxn ang="0">
              <a:pos x="4223" y="1725"/>
            </a:cxn>
            <a:cxn ang="0">
              <a:pos x="3716" y="862"/>
            </a:cxn>
            <a:cxn ang="0">
              <a:pos x="2871" y="0"/>
            </a:cxn>
            <a:cxn ang="0">
              <a:pos x="1520" y="345"/>
            </a:cxn>
            <a:cxn ang="0">
              <a:pos x="338" y="1207"/>
            </a:cxn>
            <a:cxn ang="0">
              <a:pos x="0" y="1897"/>
            </a:cxn>
            <a:cxn ang="0">
              <a:pos x="169" y="4139"/>
            </a:cxn>
            <a:cxn ang="0">
              <a:pos x="845" y="6036"/>
            </a:cxn>
            <a:cxn ang="0">
              <a:pos x="1858" y="6554"/>
            </a:cxn>
            <a:cxn ang="0">
              <a:pos x="3209" y="7588"/>
            </a:cxn>
            <a:cxn ang="0">
              <a:pos x="2703" y="9141"/>
            </a:cxn>
            <a:cxn ang="0">
              <a:pos x="3547" y="10175"/>
            </a:cxn>
            <a:cxn ang="0">
              <a:pos x="3716" y="11900"/>
            </a:cxn>
            <a:cxn ang="0">
              <a:pos x="4392" y="12935"/>
            </a:cxn>
            <a:cxn ang="0">
              <a:pos x="4054" y="14487"/>
            </a:cxn>
            <a:cxn ang="0">
              <a:pos x="4392" y="15522"/>
            </a:cxn>
            <a:cxn ang="0">
              <a:pos x="5236" y="15694"/>
            </a:cxn>
            <a:cxn ang="0">
              <a:pos x="6418" y="14659"/>
            </a:cxn>
            <a:cxn ang="0">
              <a:pos x="8108" y="14832"/>
            </a:cxn>
            <a:cxn ang="0">
              <a:pos x="9628" y="15522"/>
            </a:cxn>
            <a:cxn ang="0">
              <a:pos x="10303" y="16384"/>
            </a:cxn>
            <a:cxn ang="0">
              <a:pos x="11655" y="15867"/>
            </a:cxn>
          </a:cxnLst>
          <a:rect l="0" t="0" r="r" b="b"/>
          <a:pathLst>
            <a:path w="16384" h="16384">
              <a:moveTo>
                <a:pt x="11992" y="15177"/>
              </a:moveTo>
              <a:lnTo>
                <a:pt x="11824" y="14487"/>
              </a:lnTo>
              <a:lnTo>
                <a:pt x="12330" y="14142"/>
              </a:lnTo>
              <a:lnTo>
                <a:pt x="13513" y="13625"/>
              </a:lnTo>
              <a:lnTo>
                <a:pt x="14019" y="13797"/>
              </a:lnTo>
              <a:lnTo>
                <a:pt x="14864" y="13970"/>
              </a:lnTo>
              <a:lnTo>
                <a:pt x="15877" y="13625"/>
              </a:lnTo>
              <a:lnTo>
                <a:pt x="16046" y="13452"/>
              </a:lnTo>
              <a:lnTo>
                <a:pt x="16215" y="12762"/>
              </a:lnTo>
              <a:lnTo>
                <a:pt x="16384" y="11900"/>
              </a:lnTo>
              <a:lnTo>
                <a:pt x="15877" y="11210"/>
              </a:lnTo>
              <a:lnTo>
                <a:pt x="15033" y="10693"/>
              </a:lnTo>
              <a:lnTo>
                <a:pt x="14188" y="10520"/>
              </a:lnTo>
              <a:lnTo>
                <a:pt x="13513" y="9485"/>
              </a:lnTo>
              <a:lnTo>
                <a:pt x="14526" y="8968"/>
              </a:lnTo>
              <a:lnTo>
                <a:pt x="15033" y="8451"/>
              </a:lnTo>
              <a:lnTo>
                <a:pt x="15539" y="7761"/>
              </a:lnTo>
              <a:lnTo>
                <a:pt x="15033" y="7243"/>
              </a:lnTo>
              <a:lnTo>
                <a:pt x="15708" y="6726"/>
              </a:lnTo>
              <a:lnTo>
                <a:pt x="15708" y="6036"/>
              </a:lnTo>
              <a:lnTo>
                <a:pt x="15202" y="6036"/>
              </a:lnTo>
              <a:lnTo>
                <a:pt x="14019" y="5864"/>
              </a:lnTo>
              <a:lnTo>
                <a:pt x="13344" y="5519"/>
              </a:lnTo>
              <a:lnTo>
                <a:pt x="12499" y="4312"/>
              </a:lnTo>
              <a:lnTo>
                <a:pt x="12668" y="3967"/>
              </a:lnTo>
              <a:lnTo>
                <a:pt x="13006" y="3277"/>
              </a:lnTo>
              <a:lnTo>
                <a:pt x="12668" y="3277"/>
              </a:lnTo>
              <a:lnTo>
                <a:pt x="12330" y="2759"/>
              </a:lnTo>
              <a:lnTo>
                <a:pt x="11655" y="2759"/>
              </a:lnTo>
              <a:lnTo>
                <a:pt x="11148" y="2759"/>
              </a:lnTo>
              <a:lnTo>
                <a:pt x="10641" y="2242"/>
              </a:lnTo>
              <a:lnTo>
                <a:pt x="9966" y="2242"/>
              </a:lnTo>
              <a:lnTo>
                <a:pt x="9121" y="2414"/>
              </a:lnTo>
              <a:lnTo>
                <a:pt x="8783" y="1725"/>
              </a:lnTo>
              <a:lnTo>
                <a:pt x="8108" y="1380"/>
              </a:lnTo>
              <a:lnTo>
                <a:pt x="7770" y="1207"/>
              </a:lnTo>
              <a:lnTo>
                <a:pt x="7432" y="1552"/>
              </a:lnTo>
              <a:lnTo>
                <a:pt x="6756" y="1897"/>
              </a:lnTo>
              <a:lnTo>
                <a:pt x="6250" y="1897"/>
              </a:lnTo>
              <a:lnTo>
                <a:pt x="5912" y="2070"/>
              </a:lnTo>
              <a:lnTo>
                <a:pt x="5743" y="2414"/>
              </a:lnTo>
              <a:lnTo>
                <a:pt x="5236" y="2414"/>
              </a:lnTo>
              <a:lnTo>
                <a:pt x="4729" y="2070"/>
              </a:lnTo>
              <a:lnTo>
                <a:pt x="4223" y="1725"/>
              </a:lnTo>
              <a:lnTo>
                <a:pt x="3716" y="1380"/>
              </a:lnTo>
              <a:lnTo>
                <a:pt x="3716" y="862"/>
              </a:lnTo>
              <a:lnTo>
                <a:pt x="3547" y="345"/>
              </a:lnTo>
              <a:lnTo>
                <a:pt x="2871" y="0"/>
              </a:lnTo>
              <a:lnTo>
                <a:pt x="2027" y="0"/>
              </a:lnTo>
              <a:lnTo>
                <a:pt x="1520" y="345"/>
              </a:lnTo>
              <a:lnTo>
                <a:pt x="845" y="690"/>
              </a:lnTo>
              <a:lnTo>
                <a:pt x="338" y="1207"/>
              </a:lnTo>
              <a:lnTo>
                <a:pt x="169" y="1725"/>
              </a:lnTo>
              <a:lnTo>
                <a:pt x="0" y="1897"/>
              </a:lnTo>
              <a:lnTo>
                <a:pt x="0" y="3104"/>
              </a:lnTo>
              <a:lnTo>
                <a:pt x="169" y="4139"/>
              </a:lnTo>
              <a:lnTo>
                <a:pt x="169" y="5174"/>
              </a:lnTo>
              <a:lnTo>
                <a:pt x="845" y="6036"/>
              </a:lnTo>
              <a:lnTo>
                <a:pt x="1351" y="6381"/>
              </a:lnTo>
              <a:lnTo>
                <a:pt x="1858" y="6554"/>
              </a:lnTo>
              <a:lnTo>
                <a:pt x="2365" y="7416"/>
              </a:lnTo>
              <a:lnTo>
                <a:pt x="3209" y="7588"/>
              </a:lnTo>
              <a:lnTo>
                <a:pt x="2871" y="8451"/>
              </a:lnTo>
              <a:lnTo>
                <a:pt x="2703" y="9141"/>
              </a:lnTo>
              <a:lnTo>
                <a:pt x="3040" y="9830"/>
              </a:lnTo>
              <a:lnTo>
                <a:pt x="3547" y="10175"/>
              </a:lnTo>
              <a:lnTo>
                <a:pt x="3716" y="11210"/>
              </a:lnTo>
              <a:lnTo>
                <a:pt x="3716" y="11900"/>
              </a:lnTo>
              <a:lnTo>
                <a:pt x="4054" y="12590"/>
              </a:lnTo>
              <a:lnTo>
                <a:pt x="4392" y="12935"/>
              </a:lnTo>
              <a:lnTo>
                <a:pt x="4054" y="13797"/>
              </a:lnTo>
              <a:lnTo>
                <a:pt x="4054" y="14487"/>
              </a:lnTo>
              <a:lnTo>
                <a:pt x="4392" y="14832"/>
              </a:lnTo>
              <a:lnTo>
                <a:pt x="4392" y="15522"/>
              </a:lnTo>
              <a:lnTo>
                <a:pt x="4729" y="15694"/>
              </a:lnTo>
              <a:lnTo>
                <a:pt x="5236" y="15694"/>
              </a:lnTo>
              <a:lnTo>
                <a:pt x="5574" y="14832"/>
              </a:lnTo>
              <a:lnTo>
                <a:pt x="6418" y="14659"/>
              </a:lnTo>
              <a:lnTo>
                <a:pt x="7263" y="15177"/>
              </a:lnTo>
              <a:lnTo>
                <a:pt x="8108" y="14832"/>
              </a:lnTo>
              <a:lnTo>
                <a:pt x="8952" y="15004"/>
              </a:lnTo>
              <a:lnTo>
                <a:pt x="9628" y="15522"/>
              </a:lnTo>
              <a:lnTo>
                <a:pt x="9966" y="16384"/>
              </a:lnTo>
              <a:lnTo>
                <a:pt x="10303" y="16384"/>
              </a:lnTo>
              <a:lnTo>
                <a:pt x="10979" y="15867"/>
              </a:lnTo>
              <a:lnTo>
                <a:pt x="11655" y="15867"/>
              </a:lnTo>
              <a:lnTo>
                <a:pt x="11992" y="1517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257175</xdr:colOff>
      <xdr:row>13</xdr:row>
      <xdr:rowOff>76200</xdr:rowOff>
    </xdr:from>
    <xdr:to>
      <xdr:col>13</xdr:col>
      <xdr:colOff>266700</xdr:colOff>
      <xdr:row>17</xdr:row>
      <xdr:rowOff>133350</xdr:rowOff>
    </xdr:to>
    <xdr:sp macro="" textlink="">
      <xdr:nvSpPr>
        <xdr:cNvPr id="288" name="d14113">
          <a:extLst>
            <a:ext uri="{FF2B5EF4-FFF2-40B4-BE49-F238E27FC236}">
              <a16:creationId xmlns:a16="http://schemas.microsoft.com/office/drawing/2014/main" id="{00000000-0008-0000-0000-000020010000}"/>
            </a:ext>
          </a:extLst>
        </xdr:cNvPr>
        <xdr:cNvSpPr>
          <a:spLocks/>
        </xdr:cNvSpPr>
      </xdr:nvSpPr>
      <xdr:spPr bwMode="auto">
        <a:xfrm>
          <a:off x="6962775" y="2057400"/>
          <a:ext cx="1228725" cy="666750"/>
        </a:xfrm>
        <a:custGeom>
          <a:avLst/>
          <a:gdLst/>
          <a:ahLst/>
          <a:cxnLst>
            <a:cxn ang="0">
              <a:pos x="762" y="1170"/>
            </a:cxn>
            <a:cxn ang="0">
              <a:pos x="889" y="4681"/>
            </a:cxn>
            <a:cxn ang="0">
              <a:pos x="508" y="6788"/>
            </a:cxn>
            <a:cxn ang="0">
              <a:pos x="0" y="9128"/>
            </a:cxn>
            <a:cxn ang="0">
              <a:pos x="635" y="11235"/>
            </a:cxn>
            <a:cxn ang="0">
              <a:pos x="1270" y="11937"/>
            </a:cxn>
            <a:cxn ang="0">
              <a:pos x="1778" y="10533"/>
            </a:cxn>
            <a:cxn ang="0">
              <a:pos x="2667" y="9596"/>
            </a:cxn>
            <a:cxn ang="0">
              <a:pos x="3810" y="10064"/>
            </a:cxn>
            <a:cxn ang="0">
              <a:pos x="3937" y="11469"/>
            </a:cxn>
            <a:cxn ang="0">
              <a:pos x="4699" y="12405"/>
            </a:cxn>
            <a:cxn ang="0">
              <a:pos x="5461" y="12873"/>
            </a:cxn>
            <a:cxn ang="0">
              <a:pos x="5842" y="12171"/>
            </a:cxn>
            <a:cxn ang="0">
              <a:pos x="6731" y="11703"/>
            </a:cxn>
            <a:cxn ang="0">
              <a:pos x="7239" y="11469"/>
            </a:cxn>
            <a:cxn ang="0">
              <a:pos x="8001" y="12873"/>
            </a:cxn>
            <a:cxn ang="0">
              <a:pos x="9145" y="12639"/>
            </a:cxn>
            <a:cxn ang="0">
              <a:pos x="9907" y="13341"/>
            </a:cxn>
            <a:cxn ang="0">
              <a:pos x="10669" y="14043"/>
            </a:cxn>
            <a:cxn ang="0">
              <a:pos x="11050" y="14277"/>
            </a:cxn>
            <a:cxn ang="0">
              <a:pos x="11812" y="14980"/>
            </a:cxn>
            <a:cxn ang="0">
              <a:pos x="12066" y="16384"/>
            </a:cxn>
            <a:cxn ang="0">
              <a:pos x="12701" y="14746"/>
            </a:cxn>
            <a:cxn ang="0">
              <a:pos x="13209" y="13575"/>
            </a:cxn>
            <a:cxn ang="0">
              <a:pos x="13590" y="12873"/>
            </a:cxn>
            <a:cxn ang="0">
              <a:pos x="14098" y="11703"/>
            </a:cxn>
            <a:cxn ang="0">
              <a:pos x="14860" y="11235"/>
            </a:cxn>
            <a:cxn ang="0">
              <a:pos x="15749" y="11469"/>
            </a:cxn>
            <a:cxn ang="0">
              <a:pos x="16257" y="9830"/>
            </a:cxn>
            <a:cxn ang="0">
              <a:pos x="16384" y="8192"/>
            </a:cxn>
            <a:cxn ang="0">
              <a:pos x="15114" y="8192"/>
            </a:cxn>
            <a:cxn ang="0">
              <a:pos x="14225" y="9362"/>
            </a:cxn>
            <a:cxn ang="0">
              <a:pos x="11939" y="10064"/>
            </a:cxn>
            <a:cxn ang="0">
              <a:pos x="10542" y="5851"/>
            </a:cxn>
            <a:cxn ang="0">
              <a:pos x="9145" y="1638"/>
            </a:cxn>
            <a:cxn ang="0">
              <a:pos x="7112" y="2809"/>
            </a:cxn>
            <a:cxn ang="0">
              <a:pos x="6096" y="3511"/>
            </a:cxn>
            <a:cxn ang="0">
              <a:pos x="4572" y="1872"/>
            </a:cxn>
            <a:cxn ang="0">
              <a:pos x="2540" y="702"/>
            </a:cxn>
          </a:cxnLst>
          <a:rect l="0" t="0" r="r" b="b"/>
          <a:pathLst>
            <a:path w="16384" h="16384">
              <a:moveTo>
                <a:pt x="889" y="0"/>
              </a:moveTo>
              <a:lnTo>
                <a:pt x="762" y="1170"/>
              </a:lnTo>
              <a:lnTo>
                <a:pt x="1270" y="2575"/>
              </a:lnTo>
              <a:lnTo>
                <a:pt x="889" y="4681"/>
              </a:lnTo>
              <a:lnTo>
                <a:pt x="889" y="5851"/>
              </a:lnTo>
              <a:lnTo>
                <a:pt x="508" y="6788"/>
              </a:lnTo>
              <a:lnTo>
                <a:pt x="381" y="7724"/>
              </a:lnTo>
              <a:lnTo>
                <a:pt x="0" y="9128"/>
              </a:lnTo>
              <a:lnTo>
                <a:pt x="635" y="10533"/>
              </a:lnTo>
              <a:lnTo>
                <a:pt x="635" y="11235"/>
              </a:lnTo>
              <a:lnTo>
                <a:pt x="1143" y="12171"/>
              </a:lnTo>
              <a:lnTo>
                <a:pt x="1270" y="11937"/>
              </a:lnTo>
              <a:lnTo>
                <a:pt x="1397" y="11235"/>
              </a:lnTo>
              <a:lnTo>
                <a:pt x="1778" y="10533"/>
              </a:lnTo>
              <a:lnTo>
                <a:pt x="2286" y="10064"/>
              </a:lnTo>
              <a:lnTo>
                <a:pt x="2667" y="9596"/>
              </a:lnTo>
              <a:lnTo>
                <a:pt x="3302" y="9596"/>
              </a:lnTo>
              <a:lnTo>
                <a:pt x="3810" y="10064"/>
              </a:lnTo>
              <a:lnTo>
                <a:pt x="3937" y="10767"/>
              </a:lnTo>
              <a:lnTo>
                <a:pt x="3937" y="11469"/>
              </a:lnTo>
              <a:lnTo>
                <a:pt x="4318" y="11937"/>
              </a:lnTo>
              <a:lnTo>
                <a:pt x="4699" y="12405"/>
              </a:lnTo>
              <a:lnTo>
                <a:pt x="5080" y="12873"/>
              </a:lnTo>
              <a:lnTo>
                <a:pt x="5461" y="12873"/>
              </a:lnTo>
              <a:lnTo>
                <a:pt x="5588" y="12405"/>
              </a:lnTo>
              <a:lnTo>
                <a:pt x="5842" y="12171"/>
              </a:lnTo>
              <a:lnTo>
                <a:pt x="6223" y="12171"/>
              </a:lnTo>
              <a:lnTo>
                <a:pt x="6731" y="11703"/>
              </a:lnTo>
              <a:lnTo>
                <a:pt x="6985" y="11235"/>
              </a:lnTo>
              <a:lnTo>
                <a:pt x="7239" y="11469"/>
              </a:lnTo>
              <a:lnTo>
                <a:pt x="7747" y="11937"/>
              </a:lnTo>
              <a:lnTo>
                <a:pt x="8001" y="12873"/>
              </a:lnTo>
              <a:lnTo>
                <a:pt x="8637" y="12639"/>
              </a:lnTo>
              <a:lnTo>
                <a:pt x="9145" y="12639"/>
              </a:lnTo>
              <a:lnTo>
                <a:pt x="9526" y="13341"/>
              </a:lnTo>
              <a:lnTo>
                <a:pt x="9907" y="13341"/>
              </a:lnTo>
              <a:lnTo>
                <a:pt x="10415" y="13341"/>
              </a:lnTo>
              <a:lnTo>
                <a:pt x="10669" y="14043"/>
              </a:lnTo>
              <a:lnTo>
                <a:pt x="10923" y="14043"/>
              </a:lnTo>
              <a:lnTo>
                <a:pt x="11050" y="14277"/>
              </a:lnTo>
              <a:lnTo>
                <a:pt x="11558" y="14512"/>
              </a:lnTo>
              <a:lnTo>
                <a:pt x="11812" y="14980"/>
              </a:lnTo>
              <a:lnTo>
                <a:pt x="11812" y="16150"/>
              </a:lnTo>
              <a:lnTo>
                <a:pt x="12066" y="16384"/>
              </a:lnTo>
              <a:lnTo>
                <a:pt x="12320" y="15682"/>
              </a:lnTo>
              <a:lnTo>
                <a:pt x="12701" y="14746"/>
              </a:lnTo>
              <a:lnTo>
                <a:pt x="12955" y="13809"/>
              </a:lnTo>
              <a:lnTo>
                <a:pt x="13209" y="13575"/>
              </a:lnTo>
              <a:lnTo>
                <a:pt x="13336" y="13341"/>
              </a:lnTo>
              <a:lnTo>
                <a:pt x="13590" y="12873"/>
              </a:lnTo>
              <a:lnTo>
                <a:pt x="13844" y="12171"/>
              </a:lnTo>
              <a:lnTo>
                <a:pt x="14098" y="11703"/>
              </a:lnTo>
              <a:lnTo>
                <a:pt x="14352" y="11001"/>
              </a:lnTo>
              <a:lnTo>
                <a:pt x="14860" y="11235"/>
              </a:lnTo>
              <a:lnTo>
                <a:pt x="15368" y="11469"/>
              </a:lnTo>
              <a:lnTo>
                <a:pt x="15749" y="11469"/>
              </a:lnTo>
              <a:lnTo>
                <a:pt x="16130" y="10533"/>
              </a:lnTo>
              <a:lnTo>
                <a:pt x="16257" y="9830"/>
              </a:lnTo>
              <a:lnTo>
                <a:pt x="16384" y="9128"/>
              </a:lnTo>
              <a:lnTo>
                <a:pt x="16384" y="8192"/>
              </a:lnTo>
              <a:lnTo>
                <a:pt x="15622" y="8894"/>
              </a:lnTo>
              <a:lnTo>
                <a:pt x="15114" y="8192"/>
              </a:lnTo>
              <a:lnTo>
                <a:pt x="14479" y="8426"/>
              </a:lnTo>
              <a:lnTo>
                <a:pt x="14225" y="9362"/>
              </a:lnTo>
              <a:lnTo>
                <a:pt x="12701" y="10064"/>
              </a:lnTo>
              <a:lnTo>
                <a:pt x="11939" y="10064"/>
              </a:lnTo>
              <a:lnTo>
                <a:pt x="11431" y="8894"/>
              </a:lnTo>
              <a:lnTo>
                <a:pt x="10542" y="5851"/>
              </a:lnTo>
              <a:lnTo>
                <a:pt x="9780" y="1404"/>
              </a:lnTo>
              <a:lnTo>
                <a:pt x="9145" y="1638"/>
              </a:lnTo>
              <a:lnTo>
                <a:pt x="8510" y="1170"/>
              </a:lnTo>
              <a:lnTo>
                <a:pt x="7112" y="2809"/>
              </a:lnTo>
              <a:lnTo>
                <a:pt x="6731" y="4213"/>
              </a:lnTo>
              <a:lnTo>
                <a:pt x="6096" y="3511"/>
              </a:lnTo>
              <a:lnTo>
                <a:pt x="5334" y="3745"/>
              </a:lnTo>
              <a:lnTo>
                <a:pt x="4572" y="1872"/>
              </a:lnTo>
              <a:lnTo>
                <a:pt x="3556" y="1872"/>
              </a:lnTo>
              <a:lnTo>
                <a:pt x="2540" y="702"/>
              </a:lnTo>
              <a:lnTo>
                <a:pt x="889" y="0"/>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76200</xdr:colOff>
      <xdr:row>16</xdr:row>
      <xdr:rowOff>76200</xdr:rowOff>
    </xdr:from>
    <xdr:to>
      <xdr:col>12</xdr:col>
      <xdr:colOff>0</xdr:colOff>
      <xdr:row>22</xdr:row>
      <xdr:rowOff>104776</xdr:rowOff>
    </xdr:to>
    <xdr:sp macro="" textlink="">
      <xdr:nvSpPr>
        <xdr:cNvPr id="289" name="d14114">
          <a:extLst>
            <a:ext uri="{FF2B5EF4-FFF2-40B4-BE49-F238E27FC236}">
              <a16:creationId xmlns:a16="http://schemas.microsoft.com/office/drawing/2014/main" id="{00000000-0008-0000-0000-000021010000}"/>
            </a:ext>
          </a:extLst>
        </xdr:cNvPr>
        <xdr:cNvSpPr>
          <a:spLocks/>
        </xdr:cNvSpPr>
      </xdr:nvSpPr>
      <xdr:spPr bwMode="auto">
        <a:xfrm>
          <a:off x="6781800" y="2514600"/>
          <a:ext cx="533400" cy="942976"/>
        </a:xfrm>
        <a:custGeom>
          <a:avLst/>
          <a:gdLst/>
          <a:ahLst/>
          <a:cxnLst>
            <a:cxn ang="0">
              <a:pos x="7022" y="0"/>
            </a:cxn>
            <a:cxn ang="0">
              <a:pos x="5266" y="331"/>
            </a:cxn>
            <a:cxn ang="0">
              <a:pos x="3218" y="496"/>
            </a:cxn>
            <a:cxn ang="0">
              <a:pos x="1463" y="496"/>
            </a:cxn>
            <a:cxn ang="0">
              <a:pos x="585" y="1158"/>
            </a:cxn>
            <a:cxn ang="0">
              <a:pos x="0" y="1489"/>
            </a:cxn>
            <a:cxn ang="0">
              <a:pos x="585" y="1986"/>
            </a:cxn>
            <a:cxn ang="0">
              <a:pos x="1463" y="2151"/>
            </a:cxn>
            <a:cxn ang="0">
              <a:pos x="2633" y="3641"/>
            </a:cxn>
            <a:cxn ang="0">
              <a:pos x="2048" y="4468"/>
            </a:cxn>
            <a:cxn ang="0">
              <a:pos x="2341" y="5296"/>
            </a:cxn>
            <a:cxn ang="0">
              <a:pos x="2341" y="6123"/>
            </a:cxn>
            <a:cxn ang="0">
              <a:pos x="2341" y="6785"/>
            </a:cxn>
            <a:cxn ang="0">
              <a:pos x="3511" y="8109"/>
            </a:cxn>
            <a:cxn ang="0">
              <a:pos x="3511" y="8937"/>
            </a:cxn>
            <a:cxn ang="0">
              <a:pos x="2926" y="9599"/>
            </a:cxn>
            <a:cxn ang="0">
              <a:pos x="3511" y="10757"/>
            </a:cxn>
            <a:cxn ang="0">
              <a:pos x="4681" y="12081"/>
            </a:cxn>
            <a:cxn ang="0">
              <a:pos x="5559" y="13571"/>
            </a:cxn>
            <a:cxn ang="0">
              <a:pos x="6729" y="13571"/>
            </a:cxn>
            <a:cxn ang="0">
              <a:pos x="6729" y="14564"/>
            </a:cxn>
            <a:cxn ang="0">
              <a:pos x="7314" y="14564"/>
            </a:cxn>
            <a:cxn ang="0">
              <a:pos x="9070" y="14398"/>
            </a:cxn>
            <a:cxn ang="0">
              <a:pos x="10533" y="14398"/>
            </a:cxn>
            <a:cxn ang="0">
              <a:pos x="10825" y="14729"/>
            </a:cxn>
            <a:cxn ang="0">
              <a:pos x="10825" y="15557"/>
            </a:cxn>
            <a:cxn ang="0">
              <a:pos x="11995" y="16053"/>
            </a:cxn>
            <a:cxn ang="0">
              <a:pos x="13458" y="16384"/>
            </a:cxn>
            <a:cxn ang="0">
              <a:pos x="14921" y="16053"/>
            </a:cxn>
            <a:cxn ang="0">
              <a:pos x="16384" y="15888"/>
            </a:cxn>
            <a:cxn ang="0">
              <a:pos x="16384" y="15557"/>
            </a:cxn>
            <a:cxn ang="0">
              <a:pos x="15799" y="15226"/>
            </a:cxn>
            <a:cxn ang="0">
              <a:pos x="16091" y="14895"/>
            </a:cxn>
            <a:cxn ang="0">
              <a:pos x="16384" y="14729"/>
            </a:cxn>
            <a:cxn ang="0">
              <a:pos x="16384" y="13902"/>
            </a:cxn>
            <a:cxn ang="0">
              <a:pos x="15799" y="13736"/>
            </a:cxn>
            <a:cxn ang="0">
              <a:pos x="15799" y="13074"/>
            </a:cxn>
            <a:cxn ang="0">
              <a:pos x="15214" y="12743"/>
            </a:cxn>
            <a:cxn ang="0">
              <a:pos x="15214" y="12081"/>
            </a:cxn>
            <a:cxn ang="0">
              <a:pos x="15799" y="11254"/>
            </a:cxn>
            <a:cxn ang="0">
              <a:pos x="15214" y="10923"/>
            </a:cxn>
            <a:cxn ang="0">
              <a:pos x="14629" y="10261"/>
            </a:cxn>
            <a:cxn ang="0">
              <a:pos x="14629" y="9599"/>
            </a:cxn>
            <a:cxn ang="0">
              <a:pos x="14336" y="8606"/>
            </a:cxn>
            <a:cxn ang="0">
              <a:pos x="13458" y="8275"/>
            </a:cxn>
            <a:cxn ang="0">
              <a:pos x="12873" y="7613"/>
            </a:cxn>
            <a:cxn ang="0">
              <a:pos x="13166" y="6951"/>
            </a:cxn>
            <a:cxn ang="0">
              <a:pos x="13751" y="6123"/>
            </a:cxn>
            <a:cxn ang="0">
              <a:pos x="12288" y="5958"/>
            </a:cxn>
            <a:cxn ang="0">
              <a:pos x="11410" y="5130"/>
            </a:cxn>
            <a:cxn ang="0">
              <a:pos x="10533" y="4965"/>
            </a:cxn>
            <a:cxn ang="0">
              <a:pos x="9655" y="4634"/>
            </a:cxn>
            <a:cxn ang="0">
              <a:pos x="8485" y="3806"/>
            </a:cxn>
            <a:cxn ang="0">
              <a:pos x="8485" y="2813"/>
            </a:cxn>
            <a:cxn ang="0">
              <a:pos x="8192" y="1820"/>
            </a:cxn>
            <a:cxn ang="0">
              <a:pos x="8192" y="662"/>
            </a:cxn>
            <a:cxn ang="0">
              <a:pos x="7022" y="0"/>
            </a:cxn>
          </a:cxnLst>
          <a:rect l="0" t="0" r="r" b="b"/>
          <a:pathLst>
            <a:path w="16384" h="16384">
              <a:moveTo>
                <a:pt x="7022" y="0"/>
              </a:moveTo>
              <a:lnTo>
                <a:pt x="5266" y="331"/>
              </a:lnTo>
              <a:lnTo>
                <a:pt x="3218" y="496"/>
              </a:lnTo>
              <a:lnTo>
                <a:pt x="1463" y="496"/>
              </a:lnTo>
              <a:lnTo>
                <a:pt x="585" y="1158"/>
              </a:lnTo>
              <a:lnTo>
                <a:pt x="0" y="1489"/>
              </a:lnTo>
              <a:lnTo>
                <a:pt x="585" y="1986"/>
              </a:lnTo>
              <a:lnTo>
                <a:pt x="1463" y="2151"/>
              </a:lnTo>
              <a:lnTo>
                <a:pt x="2633" y="3641"/>
              </a:lnTo>
              <a:lnTo>
                <a:pt x="2048" y="4468"/>
              </a:lnTo>
              <a:lnTo>
                <a:pt x="2341" y="5296"/>
              </a:lnTo>
              <a:lnTo>
                <a:pt x="2341" y="6123"/>
              </a:lnTo>
              <a:lnTo>
                <a:pt x="2341" y="6785"/>
              </a:lnTo>
              <a:lnTo>
                <a:pt x="3511" y="8109"/>
              </a:lnTo>
              <a:lnTo>
                <a:pt x="3511" y="8937"/>
              </a:lnTo>
              <a:lnTo>
                <a:pt x="2926" y="9599"/>
              </a:lnTo>
              <a:lnTo>
                <a:pt x="3511" y="10757"/>
              </a:lnTo>
              <a:lnTo>
                <a:pt x="4681" y="12081"/>
              </a:lnTo>
              <a:lnTo>
                <a:pt x="5559" y="13571"/>
              </a:lnTo>
              <a:lnTo>
                <a:pt x="6729" y="13571"/>
              </a:lnTo>
              <a:lnTo>
                <a:pt x="6729" y="14564"/>
              </a:lnTo>
              <a:lnTo>
                <a:pt x="7314" y="14564"/>
              </a:lnTo>
              <a:lnTo>
                <a:pt x="9070" y="14398"/>
              </a:lnTo>
              <a:lnTo>
                <a:pt x="10533" y="14398"/>
              </a:lnTo>
              <a:lnTo>
                <a:pt x="10825" y="14729"/>
              </a:lnTo>
              <a:lnTo>
                <a:pt x="10825" y="15557"/>
              </a:lnTo>
              <a:lnTo>
                <a:pt x="11995" y="16053"/>
              </a:lnTo>
              <a:lnTo>
                <a:pt x="13458" y="16384"/>
              </a:lnTo>
              <a:lnTo>
                <a:pt x="14921" y="16053"/>
              </a:lnTo>
              <a:lnTo>
                <a:pt x="16384" y="15888"/>
              </a:lnTo>
              <a:lnTo>
                <a:pt x="16384" y="15557"/>
              </a:lnTo>
              <a:lnTo>
                <a:pt x="15799" y="15226"/>
              </a:lnTo>
              <a:lnTo>
                <a:pt x="16091" y="14895"/>
              </a:lnTo>
              <a:lnTo>
                <a:pt x="16384" y="14729"/>
              </a:lnTo>
              <a:lnTo>
                <a:pt x="16384" y="13902"/>
              </a:lnTo>
              <a:lnTo>
                <a:pt x="15799" y="13736"/>
              </a:lnTo>
              <a:lnTo>
                <a:pt x="15799" y="13074"/>
              </a:lnTo>
              <a:lnTo>
                <a:pt x="15214" y="12743"/>
              </a:lnTo>
              <a:lnTo>
                <a:pt x="15214" y="12081"/>
              </a:lnTo>
              <a:lnTo>
                <a:pt x="15799" y="11254"/>
              </a:lnTo>
              <a:lnTo>
                <a:pt x="15214" y="10923"/>
              </a:lnTo>
              <a:lnTo>
                <a:pt x="14629" y="10261"/>
              </a:lnTo>
              <a:lnTo>
                <a:pt x="14629" y="9599"/>
              </a:lnTo>
              <a:lnTo>
                <a:pt x="14336" y="8606"/>
              </a:lnTo>
              <a:lnTo>
                <a:pt x="13458" y="8275"/>
              </a:lnTo>
              <a:lnTo>
                <a:pt x="12873" y="7613"/>
              </a:lnTo>
              <a:lnTo>
                <a:pt x="13166" y="6951"/>
              </a:lnTo>
              <a:lnTo>
                <a:pt x="13751" y="6123"/>
              </a:lnTo>
              <a:lnTo>
                <a:pt x="12288" y="5958"/>
              </a:lnTo>
              <a:lnTo>
                <a:pt x="11410" y="5130"/>
              </a:lnTo>
              <a:lnTo>
                <a:pt x="10533" y="4965"/>
              </a:lnTo>
              <a:lnTo>
                <a:pt x="9655" y="4634"/>
              </a:lnTo>
              <a:lnTo>
                <a:pt x="8485" y="3806"/>
              </a:lnTo>
              <a:lnTo>
                <a:pt x="8485" y="2813"/>
              </a:lnTo>
              <a:lnTo>
                <a:pt x="8192" y="1820"/>
              </a:lnTo>
              <a:lnTo>
                <a:pt x="8192" y="662"/>
              </a:lnTo>
              <a:lnTo>
                <a:pt x="7022" y="0"/>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76200</xdr:colOff>
      <xdr:row>27</xdr:row>
      <xdr:rowOff>47625</xdr:rowOff>
    </xdr:from>
    <xdr:to>
      <xdr:col>13</xdr:col>
      <xdr:colOff>323850</xdr:colOff>
      <xdr:row>31</xdr:row>
      <xdr:rowOff>114300</xdr:rowOff>
    </xdr:to>
    <xdr:sp macro="" textlink="">
      <xdr:nvSpPr>
        <xdr:cNvPr id="290" name="d14115">
          <a:extLst>
            <a:ext uri="{FF2B5EF4-FFF2-40B4-BE49-F238E27FC236}">
              <a16:creationId xmlns:a16="http://schemas.microsoft.com/office/drawing/2014/main" id="{00000000-0008-0000-0000-000022010000}"/>
            </a:ext>
          </a:extLst>
        </xdr:cNvPr>
        <xdr:cNvSpPr>
          <a:spLocks/>
        </xdr:cNvSpPr>
      </xdr:nvSpPr>
      <xdr:spPr bwMode="auto">
        <a:xfrm>
          <a:off x="7391400" y="4162425"/>
          <a:ext cx="857250" cy="676275"/>
        </a:xfrm>
        <a:custGeom>
          <a:avLst/>
          <a:gdLst/>
          <a:ahLst/>
          <a:cxnLst>
            <a:cxn ang="0">
              <a:pos x="16020" y="9923"/>
            </a:cxn>
            <a:cxn ang="0">
              <a:pos x="15474" y="9230"/>
            </a:cxn>
            <a:cxn ang="0">
              <a:pos x="16020" y="8769"/>
            </a:cxn>
            <a:cxn ang="0">
              <a:pos x="16384" y="8307"/>
            </a:cxn>
            <a:cxn ang="0">
              <a:pos x="16384" y="7846"/>
            </a:cxn>
            <a:cxn ang="0">
              <a:pos x="16202" y="7154"/>
            </a:cxn>
            <a:cxn ang="0">
              <a:pos x="15474" y="6923"/>
            </a:cxn>
            <a:cxn ang="0">
              <a:pos x="14017" y="6461"/>
            </a:cxn>
            <a:cxn ang="0">
              <a:pos x="13471" y="5307"/>
            </a:cxn>
            <a:cxn ang="0">
              <a:pos x="12379" y="5307"/>
            </a:cxn>
            <a:cxn ang="0">
              <a:pos x="11651" y="4384"/>
            </a:cxn>
            <a:cxn ang="0">
              <a:pos x="10012" y="3923"/>
            </a:cxn>
            <a:cxn ang="0">
              <a:pos x="9648" y="3461"/>
            </a:cxn>
            <a:cxn ang="0">
              <a:pos x="10194" y="2769"/>
            </a:cxn>
            <a:cxn ang="0">
              <a:pos x="10012" y="2308"/>
            </a:cxn>
            <a:cxn ang="0">
              <a:pos x="8920" y="2077"/>
            </a:cxn>
            <a:cxn ang="0">
              <a:pos x="8920" y="923"/>
            </a:cxn>
            <a:cxn ang="0">
              <a:pos x="7828" y="0"/>
            </a:cxn>
            <a:cxn ang="0">
              <a:pos x="7282" y="462"/>
            </a:cxn>
            <a:cxn ang="0">
              <a:pos x="6918" y="923"/>
            </a:cxn>
            <a:cxn ang="0">
              <a:pos x="6554" y="2077"/>
            </a:cxn>
            <a:cxn ang="0">
              <a:pos x="6372" y="2308"/>
            </a:cxn>
            <a:cxn ang="0">
              <a:pos x="4733" y="2077"/>
            </a:cxn>
            <a:cxn ang="0">
              <a:pos x="3823" y="1385"/>
            </a:cxn>
            <a:cxn ang="0">
              <a:pos x="3459" y="1154"/>
            </a:cxn>
            <a:cxn ang="0">
              <a:pos x="3095" y="2769"/>
            </a:cxn>
            <a:cxn ang="0">
              <a:pos x="2367" y="2538"/>
            </a:cxn>
            <a:cxn ang="0">
              <a:pos x="2185" y="2077"/>
            </a:cxn>
            <a:cxn ang="0">
              <a:pos x="1274" y="2077"/>
            </a:cxn>
            <a:cxn ang="0">
              <a:pos x="546" y="1385"/>
            </a:cxn>
            <a:cxn ang="0">
              <a:pos x="182" y="2308"/>
            </a:cxn>
            <a:cxn ang="0">
              <a:pos x="728" y="2769"/>
            </a:cxn>
            <a:cxn ang="0">
              <a:pos x="910" y="3231"/>
            </a:cxn>
            <a:cxn ang="0">
              <a:pos x="1274" y="4154"/>
            </a:cxn>
            <a:cxn ang="0">
              <a:pos x="728" y="4154"/>
            </a:cxn>
            <a:cxn ang="0">
              <a:pos x="0" y="4384"/>
            </a:cxn>
            <a:cxn ang="0">
              <a:pos x="546" y="5769"/>
            </a:cxn>
            <a:cxn ang="0">
              <a:pos x="728" y="8077"/>
            </a:cxn>
            <a:cxn ang="0">
              <a:pos x="1092" y="7846"/>
            </a:cxn>
            <a:cxn ang="0">
              <a:pos x="2185" y="9000"/>
            </a:cxn>
            <a:cxn ang="0">
              <a:pos x="3823" y="9692"/>
            </a:cxn>
            <a:cxn ang="0">
              <a:pos x="5279" y="8538"/>
            </a:cxn>
            <a:cxn ang="0">
              <a:pos x="5825" y="7154"/>
            </a:cxn>
            <a:cxn ang="0">
              <a:pos x="6554" y="7615"/>
            </a:cxn>
            <a:cxn ang="0">
              <a:pos x="6918" y="9230"/>
            </a:cxn>
            <a:cxn ang="0">
              <a:pos x="7100" y="10153"/>
            </a:cxn>
            <a:cxn ang="0">
              <a:pos x="8010" y="11307"/>
            </a:cxn>
            <a:cxn ang="0">
              <a:pos x="9102" y="12461"/>
            </a:cxn>
            <a:cxn ang="0">
              <a:pos x="9830" y="12692"/>
            </a:cxn>
            <a:cxn ang="0">
              <a:pos x="11105" y="12692"/>
            </a:cxn>
            <a:cxn ang="0">
              <a:pos x="11469" y="12692"/>
            </a:cxn>
            <a:cxn ang="0">
              <a:pos x="11833" y="14538"/>
            </a:cxn>
            <a:cxn ang="0">
              <a:pos x="11833" y="15692"/>
            </a:cxn>
            <a:cxn ang="0">
              <a:pos x="12743" y="16153"/>
            </a:cxn>
            <a:cxn ang="0">
              <a:pos x="13471" y="16384"/>
            </a:cxn>
            <a:cxn ang="0">
              <a:pos x="15110" y="16153"/>
            </a:cxn>
            <a:cxn ang="0">
              <a:pos x="15474" y="14999"/>
            </a:cxn>
            <a:cxn ang="0">
              <a:pos x="15656" y="13615"/>
            </a:cxn>
            <a:cxn ang="0">
              <a:pos x="15292" y="12692"/>
            </a:cxn>
            <a:cxn ang="0">
              <a:pos x="15292" y="12000"/>
            </a:cxn>
            <a:cxn ang="0">
              <a:pos x="16020" y="11307"/>
            </a:cxn>
            <a:cxn ang="0">
              <a:pos x="16202" y="10615"/>
            </a:cxn>
            <a:cxn ang="0">
              <a:pos x="16020" y="9923"/>
            </a:cxn>
          </a:cxnLst>
          <a:rect l="0" t="0" r="r" b="b"/>
          <a:pathLst>
            <a:path w="16384" h="16384">
              <a:moveTo>
                <a:pt x="16020" y="9923"/>
              </a:moveTo>
              <a:lnTo>
                <a:pt x="15474" y="9230"/>
              </a:lnTo>
              <a:lnTo>
                <a:pt x="16020" y="8769"/>
              </a:lnTo>
              <a:lnTo>
                <a:pt x="16384" y="8307"/>
              </a:lnTo>
              <a:lnTo>
                <a:pt x="16384" y="7846"/>
              </a:lnTo>
              <a:lnTo>
                <a:pt x="16202" y="7154"/>
              </a:lnTo>
              <a:lnTo>
                <a:pt x="15474" y="6923"/>
              </a:lnTo>
              <a:lnTo>
                <a:pt x="14017" y="6461"/>
              </a:lnTo>
              <a:lnTo>
                <a:pt x="13471" y="5307"/>
              </a:lnTo>
              <a:lnTo>
                <a:pt x="12379" y="5307"/>
              </a:lnTo>
              <a:lnTo>
                <a:pt x="11651" y="4384"/>
              </a:lnTo>
              <a:lnTo>
                <a:pt x="10012" y="3923"/>
              </a:lnTo>
              <a:lnTo>
                <a:pt x="9648" y="3461"/>
              </a:lnTo>
              <a:lnTo>
                <a:pt x="10194" y="2769"/>
              </a:lnTo>
              <a:lnTo>
                <a:pt x="10012" y="2308"/>
              </a:lnTo>
              <a:lnTo>
                <a:pt x="8920" y="2077"/>
              </a:lnTo>
              <a:lnTo>
                <a:pt x="8920" y="923"/>
              </a:lnTo>
              <a:lnTo>
                <a:pt x="7828" y="0"/>
              </a:lnTo>
              <a:lnTo>
                <a:pt x="7282" y="462"/>
              </a:lnTo>
              <a:lnTo>
                <a:pt x="6918" y="923"/>
              </a:lnTo>
              <a:lnTo>
                <a:pt x="6554" y="2077"/>
              </a:lnTo>
              <a:lnTo>
                <a:pt x="6372" y="2308"/>
              </a:lnTo>
              <a:lnTo>
                <a:pt x="4733" y="2077"/>
              </a:lnTo>
              <a:lnTo>
                <a:pt x="3823" y="1385"/>
              </a:lnTo>
              <a:lnTo>
                <a:pt x="3459" y="1154"/>
              </a:lnTo>
              <a:lnTo>
                <a:pt x="3095" y="2769"/>
              </a:lnTo>
              <a:lnTo>
                <a:pt x="2367" y="2538"/>
              </a:lnTo>
              <a:lnTo>
                <a:pt x="2185" y="2077"/>
              </a:lnTo>
              <a:lnTo>
                <a:pt x="1274" y="2077"/>
              </a:lnTo>
              <a:lnTo>
                <a:pt x="546" y="1385"/>
              </a:lnTo>
              <a:lnTo>
                <a:pt x="182" y="2308"/>
              </a:lnTo>
              <a:lnTo>
                <a:pt x="728" y="2769"/>
              </a:lnTo>
              <a:lnTo>
                <a:pt x="910" y="3231"/>
              </a:lnTo>
              <a:lnTo>
                <a:pt x="1274" y="4154"/>
              </a:lnTo>
              <a:lnTo>
                <a:pt x="728" y="4154"/>
              </a:lnTo>
              <a:lnTo>
                <a:pt x="0" y="4384"/>
              </a:lnTo>
              <a:lnTo>
                <a:pt x="546" y="5769"/>
              </a:lnTo>
              <a:lnTo>
                <a:pt x="728" y="8077"/>
              </a:lnTo>
              <a:lnTo>
                <a:pt x="1092" y="7846"/>
              </a:lnTo>
              <a:lnTo>
                <a:pt x="2185" y="9000"/>
              </a:lnTo>
              <a:lnTo>
                <a:pt x="3823" y="9692"/>
              </a:lnTo>
              <a:lnTo>
                <a:pt x="5279" y="8538"/>
              </a:lnTo>
              <a:lnTo>
                <a:pt x="5825" y="7154"/>
              </a:lnTo>
              <a:lnTo>
                <a:pt x="6554" y="7615"/>
              </a:lnTo>
              <a:lnTo>
                <a:pt x="6918" y="9230"/>
              </a:lnTo>
              <a:lnTo>
                <a:pt x="7100" y="10153"/>
              </a:lnTo>
              <a:lnTo>
                <a:pt x="8010" y="11307"/>
              </a:lnTo>
              <a:lnTo>
                <a:pt x="9102" y="12461"/>
              </a:lnTo>
              <a:lnTo>
                <a:pt x="9830" y="12692"/>
              </a:lnTo>
              <a:lnTo>
                <a:pt x="11105" y="12692"/>
              </a:lnTo>
              <a:lnTo>
                <a:pt x="11469" y="12692"/>
              </a:lnTo>
              <a:lnTo>
                <a:pt x="11833" y="14538"/>
              </a:lnTo>
              <a:lnTo>
                <a:pt x="11833" y="15692"/>
              </a:lnTo>
              <a:lnTo>
                <a:pt x="12743" y="16153"/>
              </a:lnTo>
              <a:lnTo>
                <a:pt x="13471" y="16384"/>
              </a:lnTo>
              <a:lnTo>
                <a:pt x="15110" y="16153"/>
              </a:lnTo>
              <a:lnTo>
                <a:pt x="15474" y="14999"/>
              </a:lnTo>
              <a:lnTo>
                <a:pt x="15656" y="13615"/>
              </a:lnTo>
              <a:lnTo>
                <a:pt x="15292" y="12692"/>
              </a:lnTo>
              <a:lnTo>
                <a:pt x="15292" y="12000"/>
              </a:lnTo>
              <a:lnTo>
                <a:pt x="16020" y="11307"/>
              </a:lnTo>
              <a:lnTo>
                <a:pt x="16202" y="10615"/>
              </a:lnTo>
              <a:lnTo>
                <a:pt x="16020" y="9923"/>
              </a:lnTo>
              <a:close/>
            </a:path>
          </a:pathLst>
        </a:custGeom>
        <a:solidFill>
          <a:srgbClr val="FF6600"/>
        </a:solidFill>
        <a:ln w="9525" cap="flat">
          <a:solidFill>
            <a:srgbClr val="000000"/>
          </a:solidFill>
          <a:prstDash val="solid"/>
          <a:round/>
          <a:headEnd/>
          <a:tailEnd/>
        </a:ln>
      </xdr:spPr>
    </xdr:sp>
    <xdr:clientData/>
  </xdr:twoCellAnchor>
  <xdr:twoCellAnchor editAs="oneCell">
    <xdr:from>
      <xdr:col>11</xdr:col>
      <xdr:colOff>161925</xdr:colOff>
      <xdr:row>21</xdr:row>
      <xdr:rowOff>57150</xdr:rowOff>
    </xdr:from>
    <xdr:to>
      <xdr:col>12</xdr:col>
      <xdr:colOff>238125</xdr:colOff>
      <xdr:row>27</xdr:row>
      <xdr:rowOff>19051</xdr:rowOff>
    </xdr:to>
    <xdr:sp macro="" textlink="">
      <xdr:nvSpPr>
        <xdr:cNvPr id="291" name="d14116">
          <a:extLst>
            <a:ext uri="{FF2B5EF4-FFF2-40B4-BE49-F238E27FC236}">
              <a16:creationId xmlns:a16="http://schemas.microsoft.com/office/drawing/2014/main" id="{00000000-0008-0000-0000-000023010000}"/>
            </a:ext>
          </a:extLst>
        </xdr:cNvPr>
        <xdr:cNvSpPr>
          <a:spLocks/>
        </xdr:cNvSpPr>
      </xdr:nvSpPr>
      <xdr:spPr bwMode="auto">
        <a:xfrm>
          <a:off x="6867525" y="3257550"/>
          <a:ext cx="685800" cy="876301"/>
        </a:xfrm>
        <a:custGeom>
          <a:avLst/>
          <a:gdLst/>
          <a:ahLst/>
          <a:cxnLst>
            <a:cxn ang="0">
              <a:pos x="10695" y="1069"/>
            </a:cxn>
            <a:cxn ang="0">
              <a:pos x="10695" y="1959"/>
            </a:cxn>
            <a:cxn ang="0">
              <a:pos x="10468" y="2137"/>
            </a:cxn>
            <a:cxn ang="0">
              <a:pos x="10240" y="2493"/>
            </a:cxn>
            <a:cxn ang="0">
              <a:pos x="10695" y="2849"/>
            </a:cxn>
            <a:cxn ang="0">
              <a:pos x="10695" y="3206"/>
            </a:cxn>
            <a:cxn ang="0">
              <a:pos x="9557" y="3384"/>
            </a:cxn>
            <a:cxn ang="0">
              <a:pos x="8420" y="3740"/>
            </a:cxn>
            <a:cxn ang="0">
              <a:pos x="7282" y="3384"/>
            </a:cxn>
            <a:cxn ang="0">
              <a:pos x="6372" y="2849"/>
            </a:cxn>
            <a:cxn ang="0">
              <a:pos x="6372" y="1959"/>
            </a:cxn>
            <a:cxn ang="0">
              <a:pos x="6144" y="1603"/>
            </a:cxn>
            <a:cxn ang="0">
              <a:pos x="5006" y="1603"/>
            </a:cxn>
            <a:cxn ang="0">
              <a:pos x="3641" y="1781"/>
            </a:cxn>
            <a:cxn ang="0">
              <a:pos x="3186" y="1781"/>
            </a:cxn>
            <a:cxn ang="0">
              <a:pos x="3186" y="712"/>
            </a:cxn>
            <a:cxn ang="0">
              <a:pos x="2276" y="712"/>
            </a:cxn>
            <a:cxn ang="0">
              <a:pos x="1365" y="2315"/>
            </a:cxn>
            <a:cxn ang="0">
              <a:pos x="228" y="4274"/>
            </a:cxn>
            <a:cxn ang="0">
              <a:pos x="455" y="5165"/>
            </a:cxn>
            <a:cxn ang="0">
              <a:pos x="0" y="6945"/>
            </a:cxn>
            <a:cxn ang="0">
              <a:pos x="910" y="7480"/>
            </a:cxn>
            <a:cxn ang="0">
              <a:pos x="1593" y="8014"/>
            </a:cxn>
            <a:cxn ang="0">
              <a:pos x="1593" y="8726"/>
            </a:cxn>
            <a:cxn ang="0">
              <a:pos x="1365" y="9795"/>
            </a:cxn>
            <a:cxn ang="0">
              <a:pos x="1138" y="10863"/>
            </a:cxn>
            <a:cxn ang="0">
              <a:pos x="1365" y="11576"/>
            </a:cxn>
            <a:cxn ang="0">
              <a:pos x="1138" y="12466"/>
            </a:cxn>
            <a:cxn ang="0">
              <a:pos x="1593" y="13178"/>
            </a:cxn>
            <a:cxn ang="0">
              <a:pos x="1820" y="14069"/>
            </a:cxn>
            <a:cxn ang="0">
              <a:pos x="1820" y="14959"/>
            </a:cxn>
            <a:cxn ang="0">
              <a:pos x="2731" y="15494"/>
            </a:cxn>
            <a:cxn ang="0">
              <a:pos x="3186" y="16028"/>
            </a:cxn>
            <a:cxn ang="0">
              <a:pos x="3641" y="16206"/>
            </a:cxn>
            <a:cxn ang="0">
              <a:pos x="4779" y="16384"/>
            </a:cxn>
            <a:cxn ang="0">
              <a:pos x="5461" y="15850"/>
            </a:cxn>
            <a:cxn ang="0">
              <a:pos x="6599" y="16206"/>
            </a:cxn>
            <a:cxn ang="0">
              <a:pos x="6372" y="15494"/>
            </a:cxn>
            <a:cxn ang="0">
              <a:pos x="7054" y="14781"/>
            </a:cxn>
            <a:cxn ang="0">
              <a:pos x="7737" y="15137"/>
            </a:cxn>
            <a:cxn ang="0">
              <a:pos x="9557" y="15137"/>
            </a:cxn>
            <a:cxn ang="0">
              <a:pos x="9785" y="13535"/>
            </a:cxn>
            <a:cxn ang="0">
              <a:pos x="10240" y="13178"/>
            </a:cxn>
            <a:cxn ang="0">
              <a:pos x="10923" y="12288"/>
            </a:cxn>
            <a:cxn ang="0">
              <a:pos x="13198" y="12288"/>
            </a:cxn>
            <a:cxn ang="0">
              <a:pos x="13198" y="9973"/>
            </a:cxn>
            <a:cxn ang="0">
              <a:pos x="14108" y="9439"/>
            </a:cxn>
            <a:cxn ang="0">
              <a:pos x="14564" y="8548"/>
            </a:cxn>
            <a:cxn ang="0">
              <a:pos x="15474" y="7836"/>
            </a:cxn>
            <a:cxn ang="0">
              <a:pos x="15246" y="6589"/>
            </a:cxn>
            <a:cxn ang="0">
              <a:pos x="15701" y="4986"/>
            </a:cxn>
            <a:cxn ang="0">
              <a:pos x="14791" y="3918"/>
            </a:cxn>
            <a:cxn ang="0">
              <a:pos x="15929" y="3562"/>
            </a:cxn>
            <a:cxn ang="0">
              <a:pos x="16156" y="2137"/>
            </a:cxn>
            <a:cxn ang="0">
              <a:pos x="15019" y="1603"/>
            </a:cxn>
            <a:cxn ang="0">
              <a:pos x="16384" y="356"/>
            </a:cxn>
            <a:cxn ang="0">
              <a:pos x="15246" y="178"/>
            </a:cxn>
            <a:cxn ang="0">
              <a:pos x="14108" y="534"/>
            </a:cxn>
            <a:cxn ang="0">
              <a:pos x="12971" y="0"/>
            </a:cxn>
            <a:cxn ang="0">
              <a:pos x="11833" y="178"/>
            </a:cxn>
            <a:cxn ang="0">
              <a:pos x="11378" y="1069"/>
            </a:cxn>
            <a:cxn ang="0">
              <a:pos x="10695" y="1069"/>
            </a:cxn>
          </a:cxnLst>
          <a:rect l="0" t="0" r="r" b="b"/>
          <a:pathLst>
            <a:path w="16384" h="16384">
              <a:moveTo>
                <a:pt x="10695" y="1069"/>
              </a:moveTo>
              <a:lnTo>
                <a:pt x="10695" y="1959"/>
              </a:lnTo>
              <a:lnTo>
                <a:pt x="10468" y="2137"/>
              </a:lnTo>
              <a:lnTo>
                <a:pt x="10240" y="2493"/>
              </a:lnTo>
              <a:lnTo>
                <a:pt x="10695" y="2849"/>
              </a:lnTo>
              <a:lnTo>
                <a:pt x="10695" y="3206"/>
              </a:lnTo>
              <a:lnTo>
                <a:pt x="9557" y="3384"/>
              </a:lnTo>
              <a:lnTo>
                <a:pt x="8420" y="3740"/>
              </a:lnTo>
              <a:lnTo>
                <a:pt x="7282" y="3384"/>
              </a:lnTo>
              <a:lnTo>
                <a:pt x="6372" y="2849"/>
              </a:lnTo>
              <a:lnTo>
                <a:pt x="6372" y="1959"/>
              </a:lnTo>
              <a:lnTo>
                <a:pt x="6144" y="1603"/>
              </a:lnTo>
              <a:lnTo>
                <a:pt x="5006" y="1603"/>
              </a:lnTo>
              <a:lnTo>
                <a:pt x="3641" y="1781"/>
              </a:lnTo>
              <a:lnTo>
                <a:pt x="3186" y="1781"/>
              </a:lnTo>
              <a:lnTo>
                <a:pt x="3186" y="712"/>
              </a:lnTo>
              <a:lnTo>
                <a:pt x="2276" y="712"/>
              </a:lnTo>
              <a:lnTo>
                <a:pt x="1365" y="2315"/>
              </a:lnTo>
              <a:lnTo>
                <a:pt x="228" y="4274"/>
              </a:lnTo>
              <a:lnTo>
                <a:pt x="455" y="5165"/>
              </a:lnTo>
              <a:lnTo>
                <a:pt x="0" y="6945"/>
              </a:lnTo>
              <a:lnTo>
                <a:pt x="910" y="7480"/>
              </a:lnTo>
              <a:lnTo>
                <a:pt x="1593" y="8014"/>
              </a:lnTo>
              <a:lnTo>
                <a:pt x="1593" y="8726"/>
              </a:lnTo>
              <a:lnTo>
                <a:pt x="1365" y="9795"/>
              </a:lnTo>
              <a:lnTo>
                <a:pt x="1138" y="10863"/>
              </a:lnTo>
              <a:lnTo>
                <a:pt x="1365" y="11576"/>
              </a:lnTo>
              <a:lnTo>
                <a:pt x="1138" y="12466"/>
              </a:lnTo>
              <a:lnTo>
                <a:pt x="1593" y="13178"/>
              </a:lnTo>
              <a:lnTo>
                <a:pt x="1820" y="14069"/>
              </a:lnTo>
              <a:lnTo>
                <a:pt x="1820" y="14959"/>
              </a:lnTo>
              <a:lnTo>
                <a:pt x="2731" y="15494"/>
              </a:lnTo>
              <a:lnTo>
                <a:pt x="3186" y="16028"/>
              </a:lnTo>
              <a:lnTo>
                <a:pt x="3641" y="16206"/>
              </a:lnTo>
              <a:lnTo>
                <a:pt x="4779" y="16384"/>
              </a:lnTo>
              <a:lnTo>
                <a:pt x="5461" y="15850"/>
              </a:lnTo>
              <a:lnTo>
                <a:pt x="6599" y="16206"/>
              </a:lnTo>
              <a:lnTo>
                <a:pt x="6372" y="15494"/>
              </a:lnTo>
              <a:lnTo>
                <a:pt x="7054" y="14781"/>
              </a:lnTo>
              <a:lnTo>
                <a:pt x="7737" y="15137"/>
              </a:lnTo>
              <a:lnTo>
                <a:pt x="9557" y="15137"/>
              </a:lnTo>
              <a:lnTo>
                <a:pt x="9785" y="13535"/>
              </a:lnTo>
              <a:lnTo>
                <a:pt x="10240" y="13178"/>
              </a:lnTo>
              <a:lnTo>
                <a:pt x="10923" y="12288"/>
              </a:lnTo>
              <a:lnTo>
                <a:pt x="13198" y="12288"/>
              </a:lnTo>
              <a:lnTo>
                <a:pt x="13198" y="9973"/>
              </a:lnTo>
              <a:lnTo>
                <a:pt x="14108" y="9439"/>
              </a:lnTo>
              <a:lnTo>
                <a:pt x="14564" y="8548"/>
              </a:lnTo>
              <a:lnTo>
                <a:pt x="15474" y="7836"/>
              </a:lnTo>
              <a:lnTo>
                <a:pt x="15246" y="6589"/>
              </a:lnTo>
              <a:lnTo>
                <a:pt x="15701" y="4986"/>
              </a:lnTo>
              <a:lnTo>
                <a:pt x="14791" y="3918"/>
              </a:lnTo>
              <a:lnTo>
                <a:pt x="15929" y="3562"/>
              </a:lnTo>
              <a:lnTo>
                <a:pt x="16156" y="2137"/>
              </a:lnTo>
              <a:lnTo>
                <a:pt x="15019" y="1603"/>
              </a:lnTo>
              <a:lnTo>
                <a:pt x="16384" y="356"/>
              </a:lnTo>
              <a:lnTo>
                <a:pt x="15246" y="178"/>
              </a:lnTo>
              <a:lnTo>
                <a:pt x="14108" y="534"/>
              </a:lnTo>
              <a:lnTo>
                <a:pt x="12971" y="0"/>
              </a:lnTo>
              <a:lnTo>
                <a:pt x="11833" y="178"/>
              </a:lnTo>
              <a:lnTo>
                <a:pt x="11378" y="1069"/>
              </a:lnTo>
              <a:lnTo>
                <a:pt x="10695" y="1069"/>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142875</xdr:colOff>
      <xdr:row>8</xdr:row>
      <xdr:rowOff>66675</xdr:rowOff>
    </xdr:from>
    <xdr:to>
      <xdr:col>13</xdr:col>
      <xdr:colOff>47625</xdr:colOff>
      <xdr:row>14</xdr:row>
      <xdr:rowOff>95250</xdr:rowOff>
    </xdr:to>
    <xdr:sp macro="" textlink="">
      <xdr:nvSpPr>
        <xdr:cNvPr id="292" name="d14117">
          <a:extLst>
            <a:ext uri="{FF2B5EF4-FFF2-40B4-BE49-F238E27FC236}">
              <a16:creationId xmlns:a16="http://schemas.microsoft.com/office/drawing/2014/main" id="{00000000-0008-0000-0000-000024010000}"/>
            </a:ext>
          </a:extLst>
        </xdr:cNvPr>
        <xdr:cNvSpPr>
          <a:spLocks/>
        </xdr:cNvSpPr>
      </xdr:nvSpPr>
      <xdr:spPr bwMode="auto">
        <a:xfrm>
          <a:off x="6848475" y="1285875"/>
          <a:ext cx="1123950" cy="942975"/>
        </a:xfrm>
        <a:custGeom>
          <a:avLst/>
          <a:gdLst/>
          <a:ahLst/>
          <a:cxnLst>
            <a:cxn ang="0">
              <a:pos x="0" y="6123"/>
            </a:cxn>
            <a:cxn ang="0">
              <a:pos x="1111" y="7282"/>
            </a:cxn>
            <a:cxn ang="0">
              <a:pos x="1388" y="7944"/>
            </a:cxn>
            <a:cxn ang="0">
              <a:pos x="2360" y="10592"/>
            </a:cxn>
            <a:cxn ang="0">
              <a:pos x="1805" y="12578"/>
            </a:cxn>
            <a:cxn ang="0">
              <a:pos x="2638" y="13405"/>
            </a:cxn>
            <a:cxn ang="0">
              <a:pos x="5554" y="14729"/>
            </a:cxn>
            <a:cxn ang="0">
              <a:pos x="7498" y="16053"/>
            </a:cxn>
            <a:cxn ang="0">
              <a:pos x="9025" y="16384"/>
            </a:cxn>
            <a:cxn ang="0">
              <a:pos x="10969" y="14233"/>
            </a:cxn>
            <a:cxn ang="0">
              <a:pos x="12357" y="14398"/>
            </a:cxn>
            <a:cxn ang="0">
              <a:pos x="13607" y="13736"/>
            </a:cxn>
            <a:cxn ang="0">
              <a:pos x="13607" y="12578"/>
            </a:cxn>
            <a:cxn ang="0">
              <a:pos x="14024" y="11254"/>
            </a:cxn>
            <a:cxn ang="0">
              <a:pos x="15551" y="10261"/>
            </a:cxn>
            <a:cxn ang="0">
              <a:pos x="15551" y="7944"/>
            </a:cxn>
            <a:cxn ang="0">
              <a:pos x="15829" y="6454"/>
            </a:cxn>
            <a:cxn ang="0">
              <a:pos x="15967" y="3972"/>
            </a:cxn>
            <a:cxn ang="0">
              <a:pos x="14579" y="2151"/>
            </a:cxn>
            <a:cxn ang="0">
              <a:pos x="13468" y="1324"/>
            </a:cxn>
            <a:cxn ang="0">
              <a:pos x="11385" y="331"/>
            </a:cxn>
            <a:cxn ang="0">
              <a:pos x="9580" y="0"/>
            </a:cxn>
            <a:cxn ang="0">
              <a:pos x="9580" y="1324"/>
            </a:cxn>
            <a:cxn ang="0">
              <a:pos x="9858" y="2648"/>
            </a:cxn>
            <a:cxn ang="0">
              <a:pos x="8886" y="2979"/>
            </a:cxn>
            <a:cxn ang="0">
              <a:pos x="9580" y="3972"/>
            </a:cxn>
            <a:cxn ang="0">
              <a:pos x="9580" y="4303"/>
            </a:cxn>
            <a:cxn ang="0">
              <a:pos x="8053" y="5627"/>
            </a:cxn>
            <a:cxn ang="0">
              <a:pos x="7081" y="6289"/>
            </a:cxn>
            <a:cxn ang="0">
              <a:pos x="6804" y="5461"/>
            </a:cxn>
            <a:cxn ang="0">
              <a:pos x="6526" y="4799"/>
            </a:cxn>
            <a:cxn ang="0">
              <a:pos x="6109" y="5130"/>
            </a:cxn>
            <a:cxn ang="0">
              <a:pos x="4860" y="6620"/>
            </a:cxn>
            <a:cxn ang="0">
              <a:pos x="4027" y="7282"/>
            </a:cxn>
            <a:cxn ang="0">
              <a:pos x="2916" y="6620"/>
            </a:cxn>
            <a:cxn ang="0">
              <a:pos x="2499" y="5296"/>
            </a:cxn>
          </a:cxnLst>
          <a:rect l="0" t="0" r="r" b="b"/>
          <a:pathLst>
            <a:path w="16384" h="16384">
              <a:moveTo>
                <a:pt x="555" y="4965"/>
              </a:moveTo>
              <a:lnTo>
                <a:pt x="0" y="6123"/>
              </a:lnTo>
              <a:lnTo>
                <a:pt x="278" y="7944"/>
              </a:lnTo>
              <a:lnTo>
                <a:pt x="1111" y="7282"/>
              </a:lnTo>
              <a:lnTo>
                <a:pt x="1388" y="7282"/>
              </a:lnTo>
              <a:lnTo>
                <a:pt x="1388" y="7944"/>
              </a:lnTo>
              <a:lnTo>
                <a:pt x="1944" y="8606"/>
              </a:lnTo>
              <a:lnTo>
                <a:pt x="2360" y="10592"/>
              </a:lnTo>
              <a:lnTo>
                <a:pt x="1805" y="11916"/>
              </a:lnTo>
              <a:lnTo>
                <a:pt x="1805" y="12578"/>
              </a:lnTo>
              <a:lnTo>
                <a:pt x="2360" y="12909"/>
              </a:lnTo>
              <a:lnTo>
                <a:pt x="2638" y="13405"/>
              </a:lnTo>
              <a:lnTo>
                <a:pt x="4443" y="13902"/>
              </a:lnTo>
              <a:lnTo>
                <a:pt x="5554" y="14729"/>
              </a:lnTo>
              <a:lnTo>
                <a:pt x="6665" y="14729"/>
              </a:lnTo>
              <a:lnTo>
                <a:pt x="7498" y="16053"/>
              </a:lnTo>
              <a:lnTo>
                <a:pt x="8331" y="15888"/>
              </a:lnTo>
              <a:lnTo>
                <a:pt x="9025" y="16384"/>
              </a:lnTo>
              <a:lnTo>
                <a:pt x="9442" y="15391"/>
              </a:lnTo>
              <a:lnTo>
                <a:pt x="10969" y="14233"/>
              </a:lnTo>
              <a:lnTo>
                <a:pt x="11663" y="14564"/>
              </a:lnTo>
              <a:lnTo>
                <a:pt x="12357" y="14398"/>
              </a:lnTo>
              <a:lnTo>
                <a:pt x="13329" y="13571"/>
              </a:lnTo>
              <a:lnTo>
                <a:pt x="13607" y="13736"/>
              </a:lnTo>
              <a:lnTo>
                <a:pt x="14024" y="13074"/>
              </a:lnTo>
              <a:lnTo>
                <a:pt x="13607" y="12578"/>
              </a:lnTo>
              <a:lnTo>
                <a:pt x="14024" y="12081"/>
              </a:lnTo>
              <a:lnTo>
                <a:pt x="14024" y="11254"/>
              </a:lnTo>
              <a:lnTo>
                <a:pt x="14996" y="10095"/>
              </a:lnTo>
              <a:lnTo>
                <a:pt x="15551" y="10261"/>
              </a:lnTo>
              <a:lnTo>
                <a:pt x="15829" y="8606"/>
              </a:lnTo>
              <a:lnTo>
                <a:pt x="15551" y="7944"/>
              </a:lnTo>
              <a:lnTo>
                <a:pt x="16245" y="6785"/>
              </a:lnTo>
              <a:lnTo>
                <a:pt x="15829" y="6454"/>
              </a:lnTo>
              <a:lnTo>
                <a:pt x="16384" y="5296"/>
              </a:lnTo>
              <a:lnTo>
                <a:pt x="15967" y="3972"/>
              </a:lnTo>
              <a:lnTo>
                <a:pt x="15412" y="2648"/>
              </a:lnTo>
              <a:lnTo>
                <a:pt x="14579" y="2151"/>
              </a:lnTo>
              <a:lnTo>
                <a:pt x="14440" y="1489"/>
              </a:lnTo>
              <a:lnTo>
                <a:pt x="13468" y="1324"/>
              </a:lnTo>
              <a:lnTo>
                <a:pt x="12357" y="827"/>
              </a:lnTo>
              <a:lnTo>
                <a:pt x="11385" y="331"/>
              </a:lnTo>
              <a:lnTo>
                <a:pt x="10552" y="331"/>
              </a:lnTo>
              <a:lnTo>
                <a:pt x="9580" y="0"/>
              </a:lnTo>
              <a:lnTo>
                <a:pt x="9719" y="993"/>
              </a:lnTo>
              <a:lnTo>
                <a:pt x="9580" y="1324"/>
              </a:lnTo>
              <a:lnTo>
                <a:pt x="9858" y="2151"/>
              </a:lnTo>
              <a:lnTo>
                <a:pt x="9858" y="2648"/>
              </a:lnTo>
              <a:lnTo>
                <a:pt x="9719" y="2979"/>
              </a:lnTo>
              <a:lnTo>
                <a:pt x="8886" y="2979"/>
              </a:lnTo>
              <a:lnTo>
                <a:pt x="9164" y="3310"/>
              </a:lnTo>
              <a:lnTo>
                <a:pt x="9580" y="3972"/>
              </a:lnTo>
              <a:lnTo>
                <a:pt x="9303" y="4137"/>
              </a:lnTo>
              <a:lnTo>
                <a:pt x="9580" y="4303"/>
              </a:lnTo>
              <a:lnTo>
                <a:pt x="8609" y="5627"/>
              </a:lnTo>
              <a:lnTo>
                <a:pt x="8053" y="5627"/>
              </a:lnTo>
              <a:lnTo>
                <a:pt x="7220" y="6289"/>
              </a:lnTo>
              <a:lnTo>
                <a:pt x="7081" y="6289"/>
              </a:lnTo>
              <a:lnTo>
                <a:pt x="7081" y="5792"/>
              </a:lnTo>
              <a:lnTo>
                <a:pt x="6804" y="5461"/>
              </a:lnTo>
              <a:lnTo>
                <a:pt x="6665" y="5296"/>
              </a:lnTo>
              <a:lnTo>
                <a:pt x="6526" y="4799"/>
              </a:lnTo>
              <a:lnTo>
                <a:pt x="6248" y="4634"/>
              </a:lnTo>
              <a:lnTo>
                <a:pt x="6109" y="5130"/>
              </a:lnTo>
              <a:lnTo>
                <a:pt x="5137" y="5461"/>
              </a:lnTo>
              <a:lnTo>
                <a:pt x="4860" y="6620"/>
              </a:lnTo>
              <a:lnTo>
                <a:pt x="4165" y="6620"/>
              </a:lnTo>
              <a:lnTo>
                <a:pt x="4027" y="7282"/>
              </a:lnTo>
              <a:lnTo>
                <a:pt x="3193" y="7282"/>
              </a:lnTo>
              <a:lnTo>
                <a:pt x="2916" y="6620"/>
              </a:lnTo>
              <a:lnTo>
                <a:pt x="3055" y="5792"/>
              </a:lnTo>
              <a:lnTo>
                <a:pt x="2499" y="5296"/>
              </a:lnTo>
              <a:lnTo>
                <a:pt x="555" y="4965"/>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2</xdr:col>
      <xdr:colOff>381000</xdr:colOff>
      <xdr:row>10</xdr:row>
      <xdr:rowOff>66675</xdr:rowOff>
    </xdr:from>
    <xdr:to>
      <xdr:col>13</xdr:col>
      <xdr:colOff>590550</xdr:colOff>
      <xdr:row>16</xdr:row>
      <xdr:rowOff>28575</xdr:rowOff>
    </xdr:to>
    <xdr:sp macro="" textlink="">
      <xdr:nvSpPr>
        <xdr:cNvPr id="293" name="d14118">
          <a:extLst>
            <a:ext uri="{FF2B5EF4-FFF2-40B4-BE49-F238E27FC236}">
              <a16:creationId xmlns:a16="http://schemas.microsoft.com/office/drawing/2014/main" id="{00000000-0008-0000-0000-000025010000}"/>
            </a:ext>
          </a:extLst>
        </xdr:cNvPr>
        <xdr:cNvSpPr>
          <a:spLocks/>
        </xdr:cNvSpPr>
      </xdr:nvSpPr>
      <xdr:spPr bwMode="auto">
        <a:xfrm>
          <a:off x="7696200" y="1590675"/>
          <a:ext cx="819150" cy="876300"/>
        </a:xfrm>
        <a:custGeom>
          <a:avLst/>
          <a:gdLst/>
          <a:ahLst/>
          <a:cxnLst>
            <a:cxn ang="0">
              <a:pos x="16384" y="3027"/>
            </a:cxn>
            <a:cxn ang="0">
              <a:pos x="14669" y="1603"/>
            </a:cxn>
            <a:cxn ang="0">
              <a:pos x="15241" y="1959"/>
            </a:cxn>
            <a:cxn ang="0">
              <a:pos x="13717" y="1959"/>
            </a:cxn>
            <a:cxn ang="0">
              <a:pos x="12574" y="1069"/>
            </a:cxn>
            <a:cxn ang="0">
              <a:pos x="12002" y="1247"/>
            </a:cxn>
            <a:cxn ang="0">
              <a:pos x="11050" y="1247"/>
            </a:cxn>
            <a:cxn ang="0">
              <a:pos x="9716" y="890"/>
            </a:cxn>
            <a:cxn ang="0">
              <a:pos x="9145" y="712"/>
            </a:cxn>
            <a:cxn ang="0">
              <a:pos x="7430" y="712"/>
            </a:cxn>
            <a:cxn ang="0">
              <a:pos x="6668" y="178"/>
            </a:cxn>
            <a:cxn ang="0">
              <a:pos x="5525" y="0"/>
            </a:cxn>
            <a:cxn ang="0">
              <a:pos x="4763" y="1247"/>
            </a:cxn>
            <a:cxn ang="0">
              <a:pos x="5334" y="1603"/>
            </a:cxn>
            <a:cxn ang="0">
              <a:pos x="4382" y="2849"/>
            </a:cxn>
            <a:cxn ang="0">
              <a:pos x="4763" y="3562"/>
            </a:cxn>
            <a:cxn ang="0">
              <a:pos x="4382" y="5343"/>
            </a:cxn>
            <a:cxn ang="0">
              <a:pos x="3620" y="5165"/>
            </a:cxn>
            <a:cxn ang="0">
              <a:pos x="2286" y="6411"/>
            </a:cxn>
            <a:cxn ang="0">
              <a:pos x="2286" y="7302"/>
            </a:cxn>
            <a:cxn ang="0">
              <a:pos x="1715" y="7836"/>
            </a:cxn>
            <a:cxn ang="0">
              <a:pos x="2286" y="8370"/>
            </a:cxn>
            <a:cxn ang="0">
              <a:pos x="1715" y="9082"/>
            </a:cxn>
            <a:cxn ang="0">
              <a:pos x="1334" y="8904"/>
            </a:cxn>
            <a:cxn ang="0">
              <a:pos x="0" y="9795"/>
            </a:cxn>
            <a:cxn ang="0">
              <a:pos x="1143" y="13178"/>
            </a:cxn>
            <a:cxn ang="0">
              <a:pos x="2477" y="15494"/>
            </a:cxn>
            <a:cxn ang="0">
              <a:pos x="3239" y="16384"/>
            </a:cxn>
            <a:cxn ang="0">
              <a:pos x="4382" y="16384"/>
            </a:cxn>
            <a:cxn ang="0">
              <a:pos x="6668" y="15850"/>
            </a:cxn>
            <a:cxn ang="0">
              <a:pos x="7049" y="15137"/>
            </a:cxn>
            <a:cxn ang="0">
              <a:pos x="8001" y="14959"/>
            </a:cxn>
            <a:cxn ang="0">
              <a:pos x="8764" y="15494"/>
            </a:cxn>
            <a:cxn ang="0">
              <a:pos x="9907" y="14959"/>
            </a:cxn>
            <a:cxn ang="0">
              <a:pos x="11812" y="14959"/>
            </a:cxn>
            <a:cxn ang="0">
              <a:pos x="12193" y="14781"/>
            </a:cxn>
            <a:cxn ang="0">
              <a:pos x="12383" y="14247"/>
            </a:cxn>
            <a:cxn ang="0">
              <a:pos x="13907" y="14247"/>
            </a:cxn>
            <a:cxn ang="0">
              <a:pos x="14098" y="12466"/>
            </a:cxn>
            <a:cxn ang="0">
              <a:pos x="13336" y="11398"/>
            </a:cxn>
            <a:cxn ang="0">
              <a:pos x="13145" y="10329"/>
            </a:cxn>
            <a:cxn ang="0">
              <a:pos x="12574" y="10151"/>
            </a:cxn>
            <a:cxn ang="0">
              <a:pos x="12574" y="8548"/>
            </a:cxn>
            <a:cxn ang="0">
              <a:pos x="13145" y="8370"/>
            </a:cxn>
            <a:cxn ang="0">
              <a:pos x="13717" y="8014"/>
            </a:cxn>
            <a:cxn ang="0">
              <a:pos x="13907" y="6767"/>
            </a:cxn>
            <a:cxn ang="0">
              <a:pos x="14479" y="5343"/>
            </a:cxn>
            <a:cxn ang="0">
              <a:pos x="15622" y="5165"/>
            </a:cxn>
            <a:cxn ang="0">
              <a:pos x="16384" y="4096"/>
            </a:cxn>
            <a:cxn ang="0">
              <a:pos x="16384" y="3027"/>
            </a:cxn>
          </a:cxnLst>
          <a:rect l="0" t="0" r="r" b="b"/>
          <a:pathLst>
            <a:path w="16384" h="16384">
              <a:moveTo>
                <a:pt x="16384" y="3027"/>
              </a:moveTo>
              <a:lnTo>
                <a:pt x="14669" y="1603"/>
              </a:lnTo>
              <a:lnTo>
                <a:pt x="15241" y="1959"/>
              </a:lnTo>
              <a:lnTo>
                <a:pt x="13717" y="1959"/>
              </a:lnTo>
              <a:lnTo>
                <a:pt x="12574" y="1069"/>
              </a:lnTo>
              <a:lnTo>
                <a:pt x="12002" y="1247"/>
              </a:lnTo>
              <a:lnTo>
                <a:pt x="11050" y="1247"/>
              </a:lnTo>
              <a:lnTo>
                <a:pt x="9716" y="890"/>
              </a:lnTo>
              <a:lnTo>
                <a:pt x="9145" y="712"/>
              </a:lnTo>
              <a:lnTo>
                <a:pt x="7430" y="712"/>
              </a:lnTo>
              <a:lnTo>
                <a:pt x="6668" y="178"/>
              </a:lnTo>
              <a:lnTo>
                <a:pt x="5525" y="0"/>
              </a:lnTo>
              <a:lnTo>
                <a:pt x="4763" y="1247"/>
              </a:lnTo>
              <a:lnTo>
                <a:pt x="5334" y="1603"/>
              </a:lnTo>
              <a:lnTo>
                <a:pt x="4382" y="2849"/>
              </a:lnTo>
              <a:lnTo>
                <a:pt x="4763" y="3562"/>
              </a:lnTo>
              <a:lnTo>
                <a:pt x="4382" y="5343"/>
              </a:lnTo>
              <a:lnTo>
                <a:pt x="3620" y="5165"/>
              </a:lnTo>
              <a:lnTo>
                <a:pt x="2286" y="6411"/>
              </a:lnTo>
              <a:lnTo>
                <a:pt x="2286" y="7302"/>
              </a:lnTo>
              <a:lnTo>
                <a:pt x="1715" y="7836"/>
              </a:lnTo>
              <a:lnTo>
                <a:pt x="2286" y="8370"/>
              </a:lnTo>
              <a:lnTo>
                <a:pt x="1715" y="9082"/>
              </a:lnTo>
              <a:lnTo>
                <a:pt x="1334" y="8904"/>
              </a:lnTo>
              <a:lnTo>
                <a:pt x="0" y="9795"/>
              </a:lnTo>
              <a:lnTo>
                <a:pt x="1143" y="13178"/>
              </a:lnTo>
              <a:lnTo>
                <a:pt x="2477" y="15494"/>
              </a:lnTo>
              <a:lnTo>
                <a:pt x="3239" y="16384"/>
              </a:lnTo>
              <a:lnTo>
                <a:pt x="4382" y="16384"/>
              </a:lnTo>
              <a:lnTo>
                <a:pt x="6668" y="15850"/>
              </a:lnTo>
              <a:lnTo>
                <a:pt x="7049" y="15137"/>
              </a:lnTo>
              <a:lnTo>
                <a:pt x="8001" y="14959"/>
              </a:lnTo>
              <a:lnTo>
                <a:pt x="8764" y="15494"/>
              </a:lnTo>
              <a:lnTo>
                <a:pt x="9907" y="14959"/>
              </a:lnTo>
              <a:lnTo>
                <a:pt x="11812" y="14959"/>
              </a:lnTo>
              <a:lnTo>
                <a:pt x="12193" y="14781"/>
              </a:lnTo>
              <a:lnTo>
                <a:pt x="12383" y="14247"/>
              </a:lnTo>
              <a:lnTo>
                <a:pt x="13907" y="14247"/>
              </a:lnTo>
              <a:lnTo>
                <a:pt x="14098" y="12466"/>
              </a:lnTo>
              <a:lnTo>
                <a:pt x="13336" y="11398"/>
              </a:lnTo>
              <a:lnTo>
                <a:pt x="13145" y="10329"/>
              </a:lnTo>
              <a:lnTo>
                <a:pt x="12574" y="10151"/>
              </a:lnTo>
              <a:lnTo>
                <a:pt x="12574" y="8548"/>
              </a:lnTo>
              <a:lnTo>
                <a:pt x="13145" y="8370"/>
              </a:lnTo>
              <a:lnTo>
                <a:pt x="13717" y="8014"/>
              </a:lnTo>
              <a:lnTo>
                <a:pt x="13907" y="6767"/>
              </a:lnTo>
              <a:lnTo>
                <a:pt x="14479" y="5343"/>
              </a:lnTo>
              <a:lnTo>
                <a:pt x="15622" y="5165"/>
              </a:lnTo>
              <a:lnTo>
                <a:pt x="16384" y="4096"/>
              </a:lnTo>
              <a:lnTo>
                <a:pt x="16384" y="3027"/>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5</xdr:col>
      <xdr:colOff>200025</xdr:colOff>
      <xdr:row>12</xdr:row>
      <xdr:rowOff>142875</xdr:rowOff>
    </xdr:from>
    <xdr:to>
      <xdr:col>17</xdr:col>
      <xdr:colOff>142875</xdr:colOff>
      <xdr:row>17</xdr:row>
      <xdr:rowOff>114300</xdr:rowOff>
    </xdr:to>
    <xdr:sp macro="" textlink="">
      <xdr:nvSpPr>
        <xdr:cNvPr id="294" name="d14131">
          <a:extLst>
            <a:ext uri="{FF2B5EF4-FFF2-40B4-BE49-F238E27FC236}">
              <a16:creationId xmlns:a16="http://schemas.microsoft.com/office/drawing/2014/main" id="{00000000-0008-0000-0000-000026010000}"/>
            </a:ext>
          </a:extLst>
        </xdr:cNvPr>
        <xdr:cNvSpPr>
          <a:spLocks/>
        </xdr:cNvSpPr>
      </xdr:nvSpPr>
      <xdr:spPr bwMode="auto">
        <a:xfrm>
          <a:off x="9344025" y="1971675"/>
          <a:ext cx="1162050" cy="733425"/>
        </a:xfrm>
        <a:custGeom>
          <a:avLst/>
          <a:gdLst/>
          <a:ahLst/>
          <a:cxnLst>
            <a:cxn ang="0">
              <a:pos x="0" y="5745"/>
            </a:cxn>
            <a:cxn ang="0">
              <a:pos x="134" y="6809"/>
            </a:cxn>
            <a:cxn ang="0">
              <a:pos x="0" y="7447"/>
            </a:cxn>
            <a:cxn ang="0">
              <a:pos x="537" y="7873"/>
            </a:cxn>
            <a:cxn ang="0">
              <a:pos x="940" y="9150"/>
            </a:cxn>
            <a:cxn ang="0">
              <a:pos x="1612" y="13192"/>
            </a:cxn>
            <a:cxn ang="0">
              <a:pos x="2283" y="12767"/>
            </a:cxn>
            <a:cxn ang="0">
              <a:pos x="3760" y="16384"/>
            </a:cxn>
            <a:cxn ang="0">
              <a:pos x="4566" y="15958"/>
            </a:cxn>
            <a:cxn ang="0">
              <a:pos x="4029" y="14256"/>
            </a:cxn>
            <a:cxn ang="0">
              <a:pos x="3760" y="12767"/>
            </a:cxn>
            <a:cxn ang="0">
              <a:pos x="4029" y="12554"/>
            </a:cxn>
            <a:cxn ang="0">
              <a:pos x="5103" y="15320"/>
            </a:cxn>
            <a:cxn ang="0">
              <a:pos x="6849" y="13831"/>
            </a:cxn>
            <a:cxn ang="0">
              <a:pos x="6715" y="8937"/>
            </a:cxn>
            <a:cxn ang="0">
              <a:pos x="7118" y="8937"/>
            </a:cxn>
            <a:cxn ang="0">
              <a:pos x="7118" y="13405"/>
            </a:cxn>
            <a:cxn ang="0">
              <a:pos x="9938" y="11490"/>
            </a:cxn>
            <a:cxn ang="0">
              <a:pos x="9401" y="8511"/>
            </a:cxn>
            <a:cxn ang="0">
              <a:pos x="9804" y="8086"/>
            </a:cxn>
            <a:cxn ang="0">
              <a:pos x="10206" y="11065"/>
            </a:cxn>
            <a:cxn ang="0">
              <a:pos x="12489" y="9788"/>
            </a:cxn>
            <a:cxn ang="0">
              <a:pos x="11281" y="5532"/>
            </a:cxn>
            <a:cxn ang="0">
              <a:pos x="11146" y="4468"/>
            </a:cxn>
            <a:cxn ang="0">
              <a:pos x="11818" y="4681"/>
            </a:cxn>
            <a:cxn ang="0">
              <a:pos x="12355" y="6809"/>
            </a:cxn>
            <a:cxn ang="0">
              <a:pos x="13027" y="6596"/>
            </a:cxn>
            <a:cxn ang="0">
              <a:pos x="12624" y="7660"/>
            </a:cxn>
            <a:cxn ang="0">
              <a:pos x="13967" y="10639"/>
            </a:cxn>
            <a:cxn ang="0">
              <a:pos x="16384" y="6596"/>
            </a:cxn>
            <a:cxn ang="0">
              <a:pos x="15713" y="4894"/>
            </a:cxn>
            <a:cxn ang="0">
              <a:pos x="14370" y="3404"/>
            </a:cxn>
            <a:cxn ang="0">
              <a:pos x="9669" y="0"/>
            </a:cxn>
            <a:cxn ang="0">
              <a:pos x="8729" y="426"/>
            </a:cxn>
            <a:cxn ang="0">
              <a:pos x="7923" y="638"/>
            </a:cxn>
            <a:cxn ang="0">
              <a:pos x="6983" y="638"/>
            </a:cxn>
            <a:cxn ang="0">
              <a:pos x="5775" y="638"/>
            </a:cxn>
            <a:cxn ang="0">
              <a:pos x="4835" y="1489"/>
            </a:cxn>
            <a:cxn ang="0">
              <a:pos x="4029" y="2341"/>
            </a:cxn>
            <a:cxn ang="0">
              <a:pos x="2820" y="2553"/>
            </a:cxn>
            <a:cxn ang="0">
              <a:pos x="1343" y="1915"/>
            </a:cxn>
            <a:cxn ang="0">
              <a:pos x="1209" y="3617"/>
            </a:cxn>
            <a:cxn ang="0">
              <a:pos x="671" y="4894"/>
            </a:cxn>
            <a:cxn ang="0">
              <a:pos x="0" y="5745"/>
            </a:cxn>
          </a:cxnLst>
          <a:rect l="0" t="0" r="r" b="b"/>
          <a:pathLst>
            <a:path w="16384" h="16384">
              <a:moveTo>
                <a:pt x="0" y="5745"/>
              </a:moveTo>
              <a:lnTo>
                <a:pt x="134" y="6809"/>
              </a:lnTo>
              <a:lnTo>
                <a:pt x="0" y="7447"/>
              </a:lnTo>
              <a:lnTo>
                <a:pt x="537" y="7873"/>
              </a:lnTo>
              <a:lnTo>
                <a:pt x="940" y="9150"/>
              </a:lnTo>
              <a:lnTo>
                <a:pt x="1612" y="13192"/>
              </a:lnTo>
              <a:lnTo>
                <a:pt x="2283" y="12767"/>
              </a:lnTo>
              <a:lnTo>
                <a:pt x="3760" y="16384"/>
              </a:lnTo>
              <a:lnTo>
                <a:pt x="4566" y="15958"/>
              </a:lnTo>
              <a:lnTo>
                <a:pt x="4029" y="14256"/>
              </a:lnTo>
              <a:lnTo>
                <a:pt x="3760" y="12767"/>
              </a:lnTo>
              <a:lnTo>
                <a:pt x="4029" y="12554"/>
              </a:lnTo>
              <a:lnTo>
                <a:pt x="5103" y="15320"/>
              </a:lnTo>
              <a:lnTo>
                <a:pt x="6849" y="13831"/>
              </a:lnTo>
              <a:lnTo>
                <a:pt x="6715" y="8937"/>
              </a:lnTo>
              <a:lnTo>
                <a:pt x="7118" y="8937"/>
              </a:lnTo>
              <a:lnTo>
                <a:pt x="7118" y="13405"/>
              </a:lnTo>
              <a:lnTo>
                <a:pt x="9938" y="11490"/>
              </a:lnTo>
              <a:lnTo>
                <a:pt x="9401" y="8511"/>
              </a:lnTo>
              <a:lnTo>
                <a:pt x="9804" y="8086"/>
              </a:lnTo>
              <a:lnTo>
                <a:pt x="10206" y="11065"/>
              </a:lnTo>
              <a:lnTo>
                <a:pt x="12489" y="9788"/>
              </a:lnTo>
              <a:lnTo>
                <a:pt x="11281" y="5532"/>
              </a:lnTo>
              <a:lnTo>
                <a:pt x="11146" y="4468"/>
              </a:lnTo>
              <a:lnTo>
                <a:pt x="11818" y="4681"/>
              </a:lnTo>
              <a:lnTo>
                <a:pt x="12355" y="6809"/>
              </a:lnTo>
              <a:lnTo>
                <a:pt x="13027" y="6596"/>
              </a:lnTo>
              <a:lnTo>
                <a:pt x="12624" y="7660"/>
              </a:lnTo>
              <a:lnTo>
                <a:pt x="13967" y="10639"/>
              </a:lnTo>
              <a:lnTo>
                <a:pt x="16384" y="6596"/>
              </a:lnTo>
              <a:lnTo>
                <a:pt x="15713" y="4894"/>
              </a:lnTo>
              <a:lnTo>
                <a:pt x="14370" y="3404"/>
              </a:lnTo>
              <a:lnTo>
                <a:pt x="9669" y="0"/>
              </a:lnTo>
              <a:lnTo>
                <a:pt x="8729" y="426"/>
              </a:lnTo>
              <a:lnTo>
                <a:pt x="7923" y="638"/>
              </a:lnTo>
              <a:lnTo>
                <a:pt x="6983" y="638"/>
              </a:lnTo>
              <a:lnTo>
                <a:pt x="5775" y="638"/>
              </a:lnTo>
              <a:lnTo>
                <a:pt x="4835" y="1489"/>
              </a:lnTo>
              <a:lnTo>
                <a:pt x="4029" y="2341"/>
              </a:lnTo>
              <a:lnTo>
                <a:pt x="2820" y="2553"/>
              </a:lnTo>
              <a:lnTo>
                <a:pt x="1343" y="1915"/>
              </a:lnTo>
              <a:lnTo>
                <a:pt x="1209" y="3617"/>
              </a:lnTo>
              <a:lnTo>
                <a:pt x="671" y="4894"/>
              </a:lnTo>
              <a:lnTo>
                <a:pt x="0" y="5745"/>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4</xdr:col>
      <xdr:colOff>438150</xdr:colOff>
      <xdr:row>11</xdr:row>
      <xdr:rowOff>66675</xdr:rowOff>
    </xdr:from>
    <xdr:to>
      <xdr:col>15</xdr:col>
      <xdr:colOff>371475</xdr:colOff>
      <xdr:row>14</xdr:row>
      <xdr:rowOff>95249</xdr:rowOff>
    </xdr:to>
    <xdr:sp macro="" textlink="">
      <xdr:nvSpPr>
        <xdr:cNvPr id="295" name="d14132">
          <a:extLst>
            <a:ext uri="{FF2B5EF4-FFF2-40B4-BE49-F238E27FC236}">
              <a16:creationId xmlns:a16="http://schemas.microsoft.com/office/drawing/2014/main" id="{00000000-0008-0000-0000-000027010000}"/>
            </a:ext>
          </a:extLst>
        </xdr:cNvPr>
        <xdr:cNvSpPr>
          <a:spLocks/>
        </xdr:cNvSpPr>
      </xdr:nvSpPr>
      <xdr:spPr bwMode="auto">
        <a:xfrm>
          <a:off x="8972550" y="1743075"/>
          <a:ext cx="542925" cy="485774"/>
        </a:xfrm>
        <a:custGeom>
          <a:avLst/>
          <a:gdLst/>
          <a:ahLst/>
          <a:cxnLst>
            <a:cxn ang="0">
              <a:pos x="0" y="2249"/>
            </a:cxn>
            <a:cxn ang="0">
              <a:pos x="1150" y="3213"/>
            </a:cxn>
            <a:cxn ang="0">
              <a:pos x="0" y="8674"/>
            </a:cxn>
            <a:cxn ang="0">
              <a:pos x="0" y="9959"/>
            </a:cxn>
            <a:cxn ang="0">
              <a:pos x="287" y="10601"/>
            </a:cxn>
            <a:cxn ang="0">
              <a:pos x="1725" y="10923"/>
            </a:cxn>
            <a:cxn ang="0">
              <a:pos x="4024" y="12208"/>
            </a:cxn>
            <a:cxn ang="0">
              <a:pos x="6611" y="10280"/>
            </a:cxn>
            <a:cxn ang="0">
              <a:pos x="8048" y="9638"/>
            </a:cxn>
            <a:cxn ang="0">
              <a:pos x="10060" y="9638"/>
            </a:cxn>
            <a:cxn ang="0">
              <a:pos x="9773" y="13171"/>
            </a:cxn>
            <a:cxn ang="0">
              <a:pos x="10348" y="14456"/>
            </a:cxn>
            <a:cxn ang="0">
              <a:pos x="11210" y="16384"/>
            </a:cxn>
            <a:cxn ang="0">
              <a:pos x="12647" y="15099"/>
            </a:cxn>
            <a:cxn ang="0">
              <a:pos x="13797" y="13171"/>
            </a:cxn>
            <a:cxn ang="0">
              <a:pos x="14084" y="10601"/>
            </a:cxn>
            <a:cxn ang="0">
              <a:pos x="14659" y="9959"/>
            </a:cxn>
            <a:cxn ang="0">
              <a:pos x="14372" y="8674"/>
            </a:cxn>
            <a:cxn ang="0">
              <a:pos x="15522" y="6425"/>
            </a:cxn>
            <a:cxn ang="0">
              <a:pos x="16384" y="4498"/>
            </a:cxn>
            <a:cxn ang="0">
              <a:pos x="16097" y="3213"/>
            </a:cxn>
            <a:cxn ang="0">
              <a:pos x="15234" y="2570"/>
            </a:cxn>
            <a:cxn ang="0">
              <a:pos x="13510" y="1928"/>
            </a:cxn>
            <a:cxn ang="0">
              <a:pos x="11498" y="1285"/>
            </a:cxn>
            <a:cxn ang="0">
              <a:pos x="10348" y="964"/>
            </a:cxn>
            <a:cxn ang="0">
              <a:pos x="9198" y="2249"/>
            </a:cxn>
            <a:cxn ang="0">
              <a:pos x="8336" y="3213"/>
            </a:cxn>
            <a:cxn ang="0">
              <a:pos x="7761" y="3534"/>
            </a:cxn>
            <a:cxn ang="0">
              <a:pos x="6036" y="2570"/>
            </a:cxn>
            <a:cxn ang="0">
              <a:pos x="5174" y="2570"/>
            </a:cxn>
            <a:cxn ang="0">
              <a:pos x="4886" y="0"/>
            </a:cxn>
            <a:cxn ang="0">
              <a:pos x="4024" y="0"/>
            </a:cxn>
            <a:cxn ang="0">
              <a:pos x="3737" y="964"/>
            </a:cxn>
            <a:cxn ang="0">
              <a:pos x="3737" y="1928"/>
            </a:cxn>
            <a:cxn ang="0">
              <a:pos x="2300" y="1928"/>
            </a:cxn>
            <a:cxn ang="0">
              <a:pos x="1150" y="1928"/>
            </a:cxn>
            <a:cxn ang="0">
              <a:pos x="0" y="2249"/>
            </a:cxn>
          </a:cxnLst>
          <a:rect l="0" t="0" r="r" b="b"/>
          <a:pathLst>
            <a:path w="16384" h="16384">
              <a:moveTo>
                <a:pt x="0" y="2249"/>
              </a:moveTo>
              <a:lnTo>
                <a:pt x="1150" y="3213"/>
              </a:lnTo>
              <a:lnTo>
                <a:pt x="0" y="8674"/>
              </a:lnTo>
              <a:lnTo>
                <a:pt x="0" y="9959"/>
              </a:lnTo>
              <a:lnTo>
                <a:pt x="287" y="10601"/>
              </a:lnTo>
              <a:lnTo>
                <a:pt x="1725" y="10923"/>
              </a:lnTo>
              <a:lnTo>
                <a:pt x="4024" y="12208"/>
              </a:lnTo>
              <a:lnTo>
                <a:pt x="6611" y="10280"/>
              </a:lnTo>
              <a:lnTo>
                <a:pt x="8048" y="9638"/>
              </a:lnTo>
              <a:lnTo>
                <a:pt x="10060" y="9638"/>
              </a:lnTo>
              <a:lnTo>
                <a:pt x="9773" y="13171"/>
              </a:lnTo>
              <a:lnTo>
                <a:pt x="10348" y="14456"/>
              </a:lnTo>
              <a:lnTo>
                <a:pt x="11210" y="16384"/>
              </a:lnTo>
              <a:lnTo>
                <a:pt x="12647" y="15099"/>
              </a:lnTo>
              <a:lnTo>
                <a:pt x="13797" y="13171"/>
              </a:lnTo>
              <a:lnTo>
                <a:pt x="14084" y="10601"/>
              </a:lnTo>
              <a:lnTo>
                <a:pt x="14659" y="9959"/>
              </a:lnTo>
              <a:lnTo>
                <a:pt x="14372" y="8674"/>
              </a:lnTo>
              <a:lnTo>
                <a:pt x="15522" y="6425"/>
              </a:lnTo>
              <a:lnTo>
                <a:pt x="16384" y="4498"/>
              </a:lnTo>
              <a:lnTo>
                <a:pt x="16097" y="3213"/>
              </a:lnTo>
              <a:lnTo>
                <a:pt x="15234" y="2570"/>
              </a:lnTo>
              <a:lnTo>
                <a:pt x="13510" y="1928"/>
              </a:lnTo>
              <a:lnTo>
                <a:pt x="11498" y="1285"/>
              </a:lnTo>
              <a:lnTo>
                <a:pt x="10348" y="964"/>
              </a:lnTo>
              <a:lnTo>
                <a:pt x="9198" y="2249"/>
              </a:lnTo>
              <a:lnTo>
                <a:pt x="8336" y="3213"/>
              </a:lnTo>
              <a:lnTo>
                <a:pt x="7761" y="3534"/>
              </a:lnTo>
              <a:lnTo>
                <a:pt x="6036" y="2570"/>
              </a:lnTo>
              <a:lnTo>
                <a:pt x="5174" y="2570"/>
              </a:lnTo>
              <a:lnTo>
                <a:pt x="4886" y="0"/>
              </a:lnTo>
              <a:lnTo>
                <a:pt x="4024" y="0"/>
              </a:lnTo>
              <a:lnTo>
                <a:pt x="3737" y="964"/>
              </a:lnTo>
              <a:lnTo>
                <a:pt x="3737" y="1928"/>
              </a:lnTo>
              <a:lnTo>
                <a:pt x="2300" y="1928"/>
              </a:lnTo>
              <a:lnTo>
                <a:pt x="1150" y="1928"/>
              </a:lnTo>
              <a:lnTo>
                <a:pt x="0" y="2249"/>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4</xdr:col>
      <xdr:colOff>104775</xdr:colOff>
      <xdr:row>8</xdr:row>
      <xdr:rowOff>38100</xdr:rowOff>
    </xdr:from>
    <xdr:to>
      <xdr:col>15</xdr:col>
      <xdr:colOff>171450</xdr:colOff>
      <xdr:row>12</xdr:row>
      <xdr:rowOff>19050</xdr:rowOff>
    </xdr:to>
    <xdr:sp macro="" textlink="">
      <xdr:nvSpPr>
        <xdr:cNvPr id="296" name="d14133">
          <a:extLst>
            <a:ext uri="{FF2B5EF4-FFF2-40B4-BE49-F238E27FC236}">
              <a16:creationId xmlns:a16="http://schemas.microsoft.com/office/drawing/2014/main" id="{00000000-0008-0000-0000-000028010000}"/>
            </a:ext>
          </a:extLst>
        </xdr:cNvPr>
        <xdr:cNvSpPr>
          <a:spLocks/>
        </xdr:cNvSpPr>
      </xdr:nvSpPr>
      <xdr:spPr bwMode="auto">
        <a:xfrm>
          <a:off x="8639175" y="1257300"/>
          <a:ext cx="676275" cy="590550"/>
        </a:xfrm>
        <a:custGeom>
          <a:avLst/>
          <a:gdLst/>
          <a:ahLst/>
          <a:cxnLst>
            <a:cxn ang="0">
              <a:pos x="16384" y="14270"/>
            </a:cxn>
            <a:cxn ang="0">
              <a:pos x="14999" y="13213"/>
            </a:cxn>
            <a:cxn ang="0">
              <a:pos x="13846" y="11099"/>
            </a:cxn>
            <a:cxn ang="0">
              <a:pos x="13384" y="8456"/>
            </a:cxn>
            <a:cxn ang="0">
              <a:pos x="12923" y="6078"/>
            </a:cxn>
            <a:cxn ang="0">
              <a:pos x="12230" y="4757"/>
            </a:cxn>
            <a:cxn ang="0">
              <a:pos x="11077" y="3171"/>
            </a:cxn>
            <a:cxn ang="0">
              <a:pos x="10153" y="2378"/>
            </a:cxn>
            <a:cxn ang="0">
              <a:pos x="7615" y="1850"/>
            </a:cxn>
            <a:cxn ang="0">
              <a:pos x="6692" y="529"/>
            </a:cxn>
            <a:cxn ang="0">
              <a:pos x="5769" y="0"/>
            </a:cxn>
            <a:cxn ang="0">
              <a:pos x="5307" y="1057"/>
            </a:cxn>
            <a:cxn ang="0">
              <a:pos x="4154" y="1586"/>
            </a:cxn>
            <a:cxn ang="0">
              <a:pos x="3231" y="1321"/>
            </a:cxn>
            <a:cxn ang="0">
              <a:pos x="2538" y="529"/>
            </a:cxn>
            <a:cxn ang="0">
              <a:pos x="1385" y="264"/>
            </a:cxn>
            <a:cxn ang="0">
              <a:pos x="462" y="1321"/>
            </a:cxn>
            <a:cxn ang="0">
              <a:pos x="462" y="2378"/>
            </a:cxn>
            <a:cxn ang="0">
              <a:pos x="0" y="3435"/>
            </a:cxn>
            <a:cxn ang="0">
              <a:pos x="923" y="4228"/>
            </a:cxn>
            <a:cxn ang="0">
              <a:pos x="923" y="6342"/>
            </a:cxn>
            <a:cxn ang="0">
              <a:pos x="1615" y="8192"/>
            </a:cxn>
            <a:cxn ang="0">
              <a:pos x="2077" y="9249"/>
            </a:cxn>
            <a:cxn ang="0">
              <a:pos x="3231" y="10570"/>
            </a:cxn>
            <a:cxn ang="0">
              <a:pos x="3231" y="11627"/>
            </a:cxn>
            <a:cxn ang="0">
              <a:pos x="2308" y="12420"/>
            </a:cxn>
            <a:cxn ang="0">
              <a:pos x="2077" y="13213"/>
            </a:cxn>
            <a:cxn ang="0">
              <a:pos x="3692" y="14270"/>
            </a:cxn>
            <a:cxn ang="0">
              <a:pos x="5307" y="14270"/>
            </a:cxn>
            <a:cxn ang="0">
              <a:pos x="6461" y="14006"/>
            </a:cxn>
            <a:cxn ang="0">
              <a:pos x="7154" y="14798"/>
            </a:cxn>
            <a:cxn ang="0">
              <a:pos x="8077" y="15327"/>
            </a:cxn>
            <a:cxn ang="0">
              <a:pos x="9000" y="15063"/>
            </a:cxn>
            <a:cxn ang="0">
              <a:pos x="9923" y="15063"/>
            </a:cxn>
            <a:cxn ang="0">
              <a:pos x="11077" y="15063"/>
            </a:cxn>
            <a:cxn ang="0">
              <a:pos x="11077" y="14270"/>
            </a:cxn>
            <a:cxn ang="0">
              <a:pos x="11307" y="13477"/>
            </a:cxn>
            <a:cxn ang="0">
              <a:pos x="12000" y="13477"/>
            </a:cxn>
            <a:cxn ang="0">
              <a:pos x="12230" y="15591"/>
            </a:cxn>
            <a:cxn ang="0">
              <a:pos x="12923" y="15591"/>
            </a:cxn>
            <a:cxn ang="0">
              <a:pos x="14307" y="16384"/>
            </a:cxn>
            <a:cxn ang="0">
              <a:pos x="14769" y="16120"/>
            </a:cxn>
            <a:cxn ang="0">
              <a:pos x="15461" y="15327"/>
            </a:cxn>
            <a:cxn ang="0">
              <a:pos x="16384" y="14270"/>
            </a:cxn>
          </a:cxnLst>
          <a:rect l="0" t="0" r="r" b="b"/>
          <a:pathLst>
            <a:path w="16384" h="16384">
              <a:moveTo>
                <a:pt x="16384" y="14270"/>
              </a:moveTo>
              <a:lnTo>
                <a:pt x="14999" y="13213"/>
              </a:lnTo>
              <a:lnTo>
                <a:pt x="13846" y="11099"/>
              </a:lnTo>
              <a:lnTo>
                <a:pt x="13384" y="8456"/>
              </a:lnTo>
              <a:lnTo>
                <a:pt x="12923" y="6078"/>
              </a:lnTo>
              <a:lnTo>
                <a:pt x="12230" y="4757"/>
              </a:lnTo>
              <a:lnTo>
                <a:pt x="11077" y="3171"/>
              </a:lnTo>
              <a:lnTo>
                <a:pt x="10153" y="2378"/>
              </a:lnTo>
              <a:lnTo>
                <a:pt x="7615" y="1850"/>
              </a:lnTo>
              <a:lnTo>
                <a:pt x="6692" y="529"/>
              </a:lnTo>
              <a:lnTo>
                <a:pt x="5769" y="0"/>
              </a:lnTo>
              <a:lnTo>
                <a:pt x="5307" y="1057"/>
              </a:lnTo>
              <a:lnTo>
                <a:pt x="4154" y="1586"/>
              </a:lnTo>
              <a:lnTo>
                <a:pt x="3231" y="1321"/>
              </a:lnTo>
              <a:lnTo>
                <a:pt x="2538" y="529"/>
              </a:lnTo>
              <a:lnTo>
                <a:pt x="1385" y="264"/>
              </a:lnTo>
              <a:lnTo>
                <a:pt x="462" y="1321"/>
              </a:lnTo>
              <a:lnTo>
                <a:pt x="462" y="2378"/>
              </a:lnTo>
              <a:lnTo>
                <a:pt x="0" y="3435"/>
              </a:lnTo>
              <a:lnTo>
                <a:pt x="923" y="4228"/>
              </a:lnTo>
              <a:lnTo>
                <a:pt x="923" y="6342"/>
              </a:lnTo>
              <a:lnTo>
                <a:pt x="1615" y="8192"/>
              </a:lnTo>
              <a:lnTo>
                <a:pt x="2077" y="9249"/>
              </a:lnTo>
              <a:lnTo>
                <a:pt x="3231" y="10570"/>
              </a:lnTo>
              <a:lnTo>
                <a:pt x="3231" y="11627"/>
              </a:lnTo>
              <a:lnTo>
                <a:pt x="2308" y="12420"/>
              </a:lnTo>
              <a:lnTo>
                <a:pt x="2077" y="13213"/>
              </a:lnTo>
              <a:lnTo>
                <a:pt x="3692" y="14270"/>
              </a:lnTo>
              <a:lnTo>
                <a:pt x="5307" y="14270"/>
              </a:lnTo>
              <a:lnTo>
                <a:pt x="6461" y="14006"/>
              </a:lnTo>
              <a:lnTo>
                <a:pt x="7154" y="14798"/>
              </a:lnTo>
              <a:lnTo>
                <a:pt x="8077" y="15327"/>
              </a:lnTo>
              <a:lnTo>
                <a:pt x="9000" y="15063"/>
              </a:lnTo>
              <a:lnTo>
                <a:pt x="9923" y="15063"/>
              </a:lnTo>
              <a:lnTo>
                <a:pt x="11077" y="15063"/>
              </a:lnTo>
              <a:lnTo>
                <a:pt x="11077" y="14270"/>
              </a:lnTo>
              <a:lnTo>
                <a:pt x="11307" y="13477"/>
              </a:lnTo>
              <a:lnTo>
                <a:pt x="12000" y="13477"/>
              </a:lnTo>
              <a:lnTo>
                <a:pt x="12230" y="15591"/>
              </a:lnTo>
              <a:lnTo>
                <a:pt x="12923" y="15591"/>
              </a:lnTo>
              <a:lnTo>
                <a:pt x="14307" y="16384"/>
              </a:lnTo>
              <a:lnTo>
                <a:pt x="14769" y="16120"/>
              </a:lnTo>
              <a:lnTo>
                <a:pt x="15461" y="15327"/>
              </a:lnTo>
              <a:lnTo>
                <a:pt x="16384" y="14270"/>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3</xdr:col>
      <xdr:colOff>276225</xdr:colOff>
      <xdr:row>6</xdr:row>
      <xdr:rowOff>66675</xdr:rowOff>
    </xdr:from>
    <xdr:to>
      <xdr:col>14</xdr:col>
      <xdr:colOff>342900</xdr:colOff>
      <xdr:row>11</xdr:row>
      <xdr:rowOff>76201</xdr:rowOff>
    </xdr:to>
    <xdr:sp macro="" textlink="">
      <xdr:nvSpPr>
        <xdr:cNvPr id="297" name="d14134">
          <a:extLst>
            <a:ext uri="{FF2B5EF4-FFF2-40B4-BE49-F238E27FC236}">
              <a16:creationId xmlns:a16="http://schemas.microsoft.com/office/drawing/2014/main" id="{00000000-0008-0000-0000-000029010000}"/>
            </a:ext>
          </a:extLst>
        </xdr:cNvPr>
        <xdr:cNvSpPr>
          <a:spLocks/>
        </xdr:cNvSpPr>
      </xdr:nvSpPr>
      <xdr:spPr bwMode="auto">
        <a:xfrm>
          <a:off x="8201025" y="981075"/>
          <a:ext cx="676275" cy="771526"/>
        </a:xfrm>
        <a:custGeom>
          <a:avLst/>
          <a:gdLst/>
          <a:ahLst/>
          <a:cxnLst>
            <a:cxn ang="0">
              <a:pos x="16384" y="5866"/>
            </a:cxn>
            <a:cxn ang="0">
              <a:pos x="15230" y="4855"/>
            </a:cxn>
            <a:cxn ang="0">
              <a:pos x="13615" y="3843"/>
            </a:cxn>
            <a:cxn ang="0">
              <a:pos x="11538" y="2427"/>
            </a:cxn>
            <a:cxn ang="0">
              <a:pos x="9923" y="1416"/>
            </a:cxn>
            <a:cxn ang="0">
              <a:pos x="8307" y="607"/>
            </a:cxn>
            <a:cxn ang="0">
              <a:pos x="6923" y="202"/>
            </a:cxn>
            <a:cxn ang="0">
              <a:pos x="6461" y="202"/>
            </a:cxn>
            <a:cxn ang="0">
              <a:pos x="4384" y="0"/>
            </a:cxn>
            <a:cxn ang="0">
              <a:pos x="3692" y="405"/>
            </a:cxn>
            <a:cxn ang="0">
              <a:pos x="3923" y="1820"/>
            </a:cxn>
            <a:cxn ang="0">
              <a:pos x="2538" y="1214"/>
            </a:cxn>
            <a:cxn ang="0">
              <a:pos x="1615" y="1618"/>
            </a:cxn>
            <a:cxn ang="0">
              <a:pos x="1154" y="1416"/>
            </a:cxn>
            <a:cxn ang="0">
              <a:pos x="231" y="2427"/>
            </a:cxn>
            <a:cxn ang="0">
              <a:pos x="0" y="3843"/>
            </a:cxn>
            <a:cxn ang="0">
              <a:pos x="692" y="5259"/>
            </a:cxn>
            <a:cxn ang="0">
              <a:pos x="2308" y="6270"/>
            </a:cxn>
            <a:cxn ang="0">
              <a:pos x="4154" y="7282"/>
            </a:cxn>
            <a:cxn ang="0">
              <a:pos x="4615" y="9911"/>
            </a:cxn>
            <a:cxn ang="0">
              <a:pos x="7615" y="9911"/>
            </a:cxn>
            <a:cxn ang="0">
              <a:pos x="6461" y="11529"/>
            </a:cxn>
            <a:cxn ang="0">
              <a:pos x="6923" y="12945"/>
            </a:cxn>
            <a:cxn ang="0">
              <a:pos x="6231" y="15170"/>
            </a:cxn>
            <a:cxn ang="0">
              <a:pos x="5538" y="14766"/>
            </a:cxn>
            <a:cxn ang="0">
              <a:pos x="7615" y="16384"/>
            </a:cxn>
            <a:cxn ang="0">
              <a:pos x="9230" y="15777"/>
            </a:cxn>
            <a:cxn ang="0">
              <a:pos x="10153" y="15979"/>
            </a:cxn>
            <a:cxn ang="0">
              <a:pos x="10846" y="15575"/>
            </a:cxn>
            <a:cxn ang="0">
              <a:pos x="12692" y="15979"/>
            </a:cxn>
            <a:cxn ang="0">
              <a:pos x="12923" y="15373"/>
            </a:cxn>
            <a:cxn ang="0">
              <a:pos x="13846" y="14766"/>
            </a:cxn>
            <a:cxn ang="0">
              <a:pos x="13846" y="13957"/>
            </a:cxn>
            <a:cxn ang="0">
              <a:pos x="12692" y="12945"/>
            </a:cxn>
            <a:cxn ang="0">
              <a:pos x="12230" y="12136"/>
            </a:cxn>
            <a:cxn ang="0">
              <a:pos x="11538" y="10720"/>
            </a:cxn>
            <a:cxn ang="0">
              <a:pos x="11538" y="9102"/>
            </a:cxn>
            <a:cxn ang="0">
              <a:pos x="10615" y="8495"/>
            </a:cxn>
            <a:cxn ang="0">
              <a:pos x="11077" y="7686"/>
            </a:cxn>
            <a:cxn ang="0">
              <a:pos x="11077" y="6877"/>
            </a:cxn>
            <a:cxn ang="0">
              <a:pos x="12000" y="6068"/>
            </a:cxn>
            <a:cxn ang="0">
              <a:pos x="13153" y="6270"/>
            </a:cxn>
            <a:cxn ang="0">
              <a:pos x="13846" y="6877"/>
            </a:cxn>
            <a:cxn ang="0">
              <a:pos x="14769" y="7080"/>
            </a:cxn>
            <a:cxn ang="0">
              <a:pos x="15922" y="6675"/>
            </a:cxn>
            <a:cxn ang="0">
              <a:pos x="16384" y="5866"/>
            </a:cxn>
          </a:cxnLst>
          <a:rect l="0" t="0" r="r" b="b"/>
          <a:pathLst>
            <a:path w="16384" h="16384">
              <a:moveTo>
                <a:pt x="16384" y="5866"/>
              </a:moveTo>
              <a:lnTo>
                <a:pt x="15230" y="4855"/>
              </a:lnTo>
              <a:lnTo>
                <a:pt x="13615" y="3843"/>
              </a:lnTo>
              <a:lnTo>
                <a:pt x="11538" y="2427"/>
              </a:lnTo>
              <a:lnTo>
                <a:pt x="9923" y="1416"/>
              </a:lnTo>
              <a:lnTo>
                <a:pt x="8307" y="607"/>
              </a:lnTo>
              <a:lnTo>
                <a:pt x="6923" y="202"/>
              </a:lnTo>
              <a:lnTo>
                <a:pt x="6461" y="202"/>
              </a:lnTo>
              <a:lnTo>
                <a:pt x="4384" y="0"/>
              </a:lnTo>
              <a:lnTo>
                <a:pt x="3692" y="405"/>
              </a:lnTo>
              <a:lnTo>
                <a:pt x="3923" y="1820"/>
              </a:lnTo>
              <a:lnTo>
                <a:pt x="2538" y="1214"/>
              </a:lnTo>
              <a:lnTo>
                <a:pt x="1615" y="1618"/>
              </a:lnTo>
              <a:lnTo>
                <a:pt x="1154" y="1416"/>
              </a:lnTo>
              <a:lnTo>
                <a:pt x="231" y="2427"/>
              </a:lnTo>
              <a:lnTo>
                <a:pt x="0" y="3843"/>
              </a:lnTo>
              <a:lnTo>
                <a:pt x="692" y="5259"/>
              </a:lnTo>
              <a:lnTo>
                <a:pt x="2308" y="6270"/>
              </a:lnTo>
              <a:lnTo>
                <a:pt x="4154" y="7282"/>
              </a:lnTo>
              <a:lnTo>
                <a:pt x="4615" y="9911"/>
              </a:lnTo>
              <a:lnTo>
                <a:pt x="7615" y="9911"/>
              </a:lnTo>
              <a:lnTo>
                <a:pt x="6461" y="11529"/>
              </a:lnTo>
              <a:lnTo>
                <a:pt x="6923" y="12945"/>
              </a:lnTo>
              <a:lnTo>
                <a:pt x="6231" y="15170"/>
              </a:lnTo>
              <a:lnTo>
                <a:pt x="5538" y="14766"/>
              </a:lnTo>
              <a:lnTo>
                <a:pt x="7615" y="16384"/>
              </a:lnTo>
              <a:lnTo>
                <a:pt x="9230" y="15777"/>
              </a:lnTo>
              <a:lnTo>
                <a:pt x="10153" y="15979"/>
              </a:lnTo>
              <a:lnTo>
                <a:pt x="10846" y="15575"/>
              </a:lnTo>
              <a:lnTo>
                <a:pt x="12692" y="15979"/>
              </a:lnTo>
              <a:lnTo>
                <a:pt x="12923" y="15373"/>
              </a:lnTo>
              <a:lnTo>
                <a:pt x="13846" y="14766"/>
              </a:lnTo>
              <a:lnTo>
                <a:pt x="13846" y="13957"/>
              </a:lnTo>
              <a:lnTo>
                <a:pt x="12692" y="12945"/>
              </a:lnTo>
              <a:lnTo>
                <a:pt x="12230" y="12136"/>
              </a:lnTo>
              <a:lnTo>
                <a:pt x="11538" y="10720"/>
              </a:lnTo>
              <a:lnTo>
                <a:pt x="11538" y="9102"/>
              </a:lnTo>
              <a:lnTo>
                <a:pt x="10615" y="8495"/>
              </a:lnTo>
              <a:lnTo>
                <a:pt x="11077" y="7686"/>
              </a:lnTo>
              <a:lnTo>
                <a:pt x="11077" y="6877"/>
              </a:lnTo>
              <a:lnTo>
                <a:pt x="12000" y="6068"/>
              </a:lnTo>
              <a:lnTo>
                <a:pt x="13153" y="6270"/>
              </a:lnTo>
              <a:lnTo>
                <a:pt x="13846" y="6877"/>
              </a:lnTo>
              <a:lnTo>
                <a:pt x="14769" y="7080"/>
              </a:lnTo>
              <a:lnTo>
                <a:pt x="15922" y="6675"/>
              </a:lnTo>
              <a:lnTo>
                <a:pt x="16384" y="5866"/>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2</xdr:col>
      <xdr:colOff>57150</xdr:colOff>
      <xdr:row>4</xdr:row>
      <xdr:rowOff>0</xdr:rowOff>
    </xdr:from>
    <xdr:to>
      <xdr:col>13</xdr:col>
      <xdr:colOff>457200</xdr:colOff>
      <xdr:row>8</xdr:row>
      <xdr:rowOff>19050</xdr:rowOff>
    </xdr:to>
    <xdr:sp macro="" textlink="">
      <xdr:nvSpPr>
        <xdr:cNvPr id="298" name="d14135">
          <a:extLst>
            <a:ext uri="{FF2B5EF4-FFF2-40B4-BE49-F238E27FC236}">
              <a16:creationId xmlns:a16="http://schemas.microsoft.com/office/drawing/2014/main" id="{00000000-0008-0000-0000-00002A010000}"/>
            </a:ext>
          </a:extLst>
        </xdr:cNvPr>
        <xdr:cNvSpPr>
          <a:spLocks/>
        </xdr:cNvSpPr>
      </xdr:nvSpPr>
      <xdr:spPr bwMode="auto">
        <a:xfrm>
          <a:off x="7372350" y="609600"/>
          <a:ext cx="1009650" cy="628650"/>
        </a:xfrm>
        <a:custGeom>
          <a:avLst/>
          <a:gdLst/>
          <a:ahLst/>
          <a:cxnLst>
            <a:cxn ang="0">
              <a:pos x="13602" y="12660"/>
            </a:cxn>
            <a:cxn ang="0">
              <a:pos x="14220" y="11419"/>
            </a:cxn>
            <a:cxn ang="0">
              <a:pos x="14529" y="11667"/>
            </a:cxn>
            <a:cxn ang="0">
              <a:pos x="15147" y="11171"/>
            </a:cxn>
            <a:cxn ang="0">
              <a:pos x="16075" y="11916"/>
            </a:cxn>
            <a:cxn ang="0">
              <a:pos x="15920" y="10178"/>
            </a:cxn>
            <a:cxn ang="0">
              <a:pos x="16384" y="9681"/>
            </a:cxn>
            <a:cxn ang="0">
              <a:pos x="14838" y="8937"/>
            </a:cxn>
            <a:cxn ang="0">
              <a:pos x="13447" y="8440"/>
            </a:cxn>
            <a:cxn ang="0">
              <a:pos x="12829" y="7447"/>
            </a:cxn>
            <a:cxn ang="0">
              <a:pos x="11592" y="7199"/>
            </a:cxn>
            <a:cxn ang="0">
              <a:pos x="10201" y="5958"/>
            </a:cxn>
            <a:cxn ang="0">
              <a:pos x="9429" y="3475"/>
            </a:cxn>
            <a:cxn ang="0">
              <a:pos x="8965" y="2731"/>
            </a:cxn>
            <a:cxn ang="0">
              <a:pos x="7728" y="2731"/>
            </a:cxn>
            <a:cxn ang="0">
              <a:pos x="6646" y="2731"/>
            </a:cxn>
            <a:cxn ang="0">
              <a:pos x="4946" y="1241"/>
            </a:cxn>
            <a:cxn ang="0">
              <a:pos x="3555" y="496"/>
            </a:cxn>
            <a:cxn ang="0">
              <a:pos x="2009" y="0"/>
            </a:cxn>
            <a:cxn ang="0">
              <a:pos x="1700" y="993"/>
            </a:cxn>
            <a:cxn ang="0">
              <a:pos x="1391" y="1738"/>
            </a:cxn>
            <a:cxn ang="0">
              <a:pos x="1700" y="3475"/>
            </a:cxn>
            <a:cxn ang="0">
              <a:pos x="773" y="3972"/>
            </a:cxn>
            <a:cxn ang="0">
              <a:pos x="309" y="4717"/>
            </a:cxn>
            <a:cxn ang="0">
              <a:pos x="0" y="5958"/>
            </a:cxn>
            <a:cxn ang="0">
              <a:pos x="1082" y="7447"/>
            </a:cxn>
            <a:cxn ang="0">
              <a:pos x="2009" y="7447"/>
            </a:cxn>
            <a:cxn ang="0">
              <a:pos x="2628" y="8440"/>
            </a:cxn>
            <a:cxn ang="0">
              <a:pos x="2009" y="10426"/>
            </a:cxn>
            <a:cxn ang="0">
              <a:pos x="1855" y="13157"/>
            </a:cxn>
            <a:cxn ang="0">
              <a:pos x="2628" y="12909"/>
            </a:cxn>
            <a:cxn ang="0">
              <a:pos x="2628" y="14398"/>
            </a:cxn>
            <a:cxn ang="0">
              <a:pos x="1855" y="15391"/>
            </a:cxn>
            <a:cxn ang="0">
              <a:pos x="3091" y="16384"/>
            </a:cxn>
            <a:cxn ang="0">
              <a:pos x="3864" y="15888"/>
            </a:cxn>
            <a:cxn ang="0">
              <a:pos x="4946" y="15143"/>
            </a:cxn>
            <a:cxn ang="0">
              <a:pos x="5719" y="14895"/>
            </a:cxn>
            <a:cxn ang="0">
              <a:pos x="6646" y="15143"/>
            </a:cxn>
            <a:cxn ang="0">
              <a:pos x="6646" y="14398"/>
            </a:cxn>
            <a:cxn ang="0">
              <a:pos x="7419" y="13653"/>
            </a:cxn>
            <a:cxn ang="0">
              <a:pos x="8192" y="13157"/>
            </a:cxn>
            <a:cxn ang="0">
              <a:pos x="8501" y="14150"/>
            </a:cxn>
            <a:cxn ang="0">
              <a:pos x="9429" y="13902"/>
            </a:cxn>
            <a:cxn ang="0">
              <a:pos x="9429" y="13405"/>
            </a:cxn>
            <a:cxn ang="0">
              <a:pos x="9429" y="12660"/>
            </a:cxn>
            <a:cxn ang="0">
              <a:pos x="9892" y="11916"/>
            </a:cxn>
            <a:cxn ang="0">
              <a:pos x="10665" y="11667"/>
            </a:cxn>
            <a:cxn ang="0">
              <a:pos x="11592" y="11171"/>
            </a:cxn>
            <a:cxn ang="0">
              <a:pos x="12211" y="11171"/>
            </a:cxn>
            <a:cxn ang="0">
              <a:pos x="12984" y="11171"/>
            </a:cxn>
            <a:cxn ang="0">
              <a:pos x="13602" y="12660"/>
            </a:cxn>
          </a:cxnLst>
          <a:rect l="0" t="0" r="r" b="b"/>
          <a:pathLst>
            <a:path w="16384" h="16384">
              <a:moveTo>
                <a:pt x="13602" y="12660"/>
              </a:moveTo>
              <a:lnTo>
                <a:pt x="14220" y="11419"/>
              </a:lnTo>
              <a:lnTo>
                <a:pt x="14529" y="11667"/>
              </a:lnTo>
              <a:lnTo>
                <a:pt x="15147" y="11171"/>
              </a:lnTo>
              <a:lnTo>
                <a:pt x="16075" y="11916"/>
              </a:lnTo>
              <a:lnTo>
                <a:pt x="15920" y="10178"/>
              </a:lnTo>
              <a:lnTo>
                <a:pt x="16384" y="9681"/>
              </a:lnTo>
              <a:lnTo>
                <a:pt x="14838" y="8937"/>
              </a:lnTo>
              <a:lnTo>
                <a:pt x="13447" y="8440"/>
              </a:lnTo>
              <a:lnTo>
                <a:pt x="12829" y="7447"/>
              </a:lnTo>
              <a:lnTo>
                <a:pt x="11592" y="7199"/>
              </a:lnTo>
              <a:lnTo>
                <a:pt x="10201" y="5958"/>
              </a:lnTo>
              <a:lnTo>
                <a:pt x="9429" y="3475"/>
              </a:lnTo>
              <a:lnTo>
                <a:pt x="8965" y="2731"/>
              </a:lnTo>
              <a:lnTo>
                <a:pt x="7728" y="2731"/>
              </a:lnTo>
              <a:lnTo>
                <a:pt x="6646" y="2731"/>
              </a:lnTo>
              <a:lnTo>
                <a:pt x="4946" y="1241"/>
              </a:lnTo>
              <a:lnTo>
                <a:pt x="3555" y="496"/>
              </a:lnTo>
              <a:lnTo>
                <a:pt x="2009" y="0"/>
              </a:lnTo>
              <a:lnTo>
                <a:pt x="1700" y="993"/>
              </a:lnTo>
              <a:lnTo>
                <a:pt x="1391" y="1738"/>
              </a:lnTo>
              <a:lnTo>
                <a:pt x="1700" y="3475"/>
              </a:lnTo>
              <a:lnTo>
                <a:pt x="773" y="3972"/>
              </a:lnTo>
              <a:lnTo>
                <a:pt x="309" y="4717"/>
              </a:lnTo>
              <a:lnTo>
                <a:pt x="0" y="5958"/>
              </a:lnTo>
              <a:lnTo>
                <a:pt x="1082" y="7447"/>
              </a:lnTo>
              <a:lnTo>
                <a:pt x="2009" y="7447"/>
              </a:lnTo>
              <a:lnTo>
                <a:pt x="2628" y="8440"/>
              </a:lnTo>
              <a:lnTo>
                <a:pt x="2009" y="10426"/>
              </a:lnTo>
              <a:lnTo>
                <a:pt x="1855" y="13157"/>
              </a:lnTo>
              <a:lnTo>
                <a:pt x="2628" y="12909"/>
              </a:lnTo>
              <a:lnTo>
                <a:pt x="2628" y="14398"/>
              </a:lnTo>
              <a:lnTo>
                <a:pt x="1855" y="15391"/>
              </a:lnTo>
              <a:lnTo>
                <a:pt x="3091" y="16384"/>
              </a:lnTo>
              <a:lnTo>
                <a:pt x="3864" y="15888"/>
              </a:lnTo>
              <a:lnTo>
                <a:pt x="4946" y="15143"/>
              </a:lnTo>
              <a:lnTo>
                <a:pt x="5719" y="14895"/>
              </a:lnTo>
              <a:lnTo>
                <a:pt x="6646" y="15143"/>
              </a:lnTo>
              <a:lnTo>
                <a:pt x="6646" y="14398"/>
              </a:lnTo>
              <a:lnTo>
                <a:pt x="7419" y="13653"/>
              </a:lnTo>
              <a:lnTo>
                <a:pt x="8192" y="13157"/>
              </a:lnTo>
              <a:lnTo>
                <a:pt x="8501" y="14150"/>
              </a:lnTo>
              <a:lnTo>
                <a:pt x="9429" y="13902"/>
              </a:lnTo>
              <a:lnTo>
                <a:pt x="9429" y="13405"/>
              </a:lnTo>
              <a:lnTo>
                <a:pt x="9429" y="12660"/>
              </a:lnTo>
              <a:lnTo>
                <a:pt x="9892" y="11916"/>
              </a:lnTo>
              <a:lnTo>
                <a:pt x="10665" y="11667"/>
              </a:lnTo>
              <a:lnTo>
                <a:pt x="11592" y="11171"/>
              </a:lnTo>
              <a:lnTo>
                <a:pt x="12211" y="11171"/>
              </a:lnTo>
              <a:lnTo>
                <a:pt x="12984" y="11171"/>
              </a:lnTo>
              <a:lnTo>
                <a:pt x="13602" y="12660"/>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2</xdr:col>
      <xdr:colOff>142875</xdr:colOff>
      <xdr:row>6</xdr:row>
      <xdr:rowOff>123825</xdr:rowOff>
    </xdr:from>
    <xdr:to>
      <xdr:col>13</xdr:col>
      <xdr:colOff>590550</xdr:colOff>
      <xdr:row>11</xdr:row>
      <xdr:rowOff>19051</xdr:rowOff>
    </xdr:to>
    <xdr:sp macro="" textlink="">
      <xdr:nvSpPr>
        <xdr:cNvPr id="299" name="d14136">
          <a:extLst>
            <a:ext uri="{FF2B5EF4-FFF2-40B4-BE49-F238E27FC236}">
              <a16:creationId xmlns:a16="http://schemas.microsoft.com/office/drawing/2014/main" id="{00000000-0008-0000-0000-00002B010000}"/>
            </a:ext>
          </a:extLst>
        </xdr:cNvPr>
        <xdr:cNvSpPr>
          <a:spLocks/>
        </xdr:cNvSpPr>
      </xdr:nvSpPr>
      <xdr:spPr bwMode="auto">
        <a:xfrm>
          <a:off x="7458075" y="1038225"/>
          <a:ext cx="1057275" cy="657226"/>
        </a:xfrm>
        <a:custGeom>
          <a:avLst/>
          <a:gdLst/>
          <a:ahLst/>
          <a:cxnLst>
            <a:cxn ang="0">
              <a:pos x="15498" y="16384"/>
            </a:cxn>
            <a:cxn ang="0">
              <a:pos x="15941" y="13772"/>
            </a:cxn>
            <a:cxn ang="0">
              <a:pos x="15646" y="12110"/>
            </a:cxn>
            <a:cxn ang="0">
              <a:pos x="16384" y="10210"/>
            </a:cxn>
            <a:cxn ang="0">
              <a:pos x="14465" y="10210"/>
            </a:cxn>
            <a:cxn ang="0">
              <a:pos x="14170" y="7123"/>
            </a:cxn>
            <a:cxn ang="0">
              <a:pos x="12989" y="5936"/>
            </a:cxn>
            <a:cxn ang="0">
              <a:pos x="11956" y="4749"/>
            </a:cxn>
            <a:cxn ang="0">
              <a:pos x="11513" y="3087"/>
            </a:cxn>
            <a:cxn ang="0">
              <a:pos x="11661" y="1425"/>
            </a:cxn>
            <a:cxn ang="0">
              <a:pos x="11070" y="0"/>
            </a:cxn>
            <a:cxn ang="0">
              <a:pos x="10332" y="0"/>
            </a:cxn>
            <a:cxn ang="0">
              <a:pos x="9742" y="0"/>
            </a:cxn>
            <a:cxn ang="0">
              <a:pos x="8856" y="475"/>
            </a:cxn>
            <a:cxn ang="0">
              <a:pos x="8118" y="712"/>
            </a:cxn>
            <a:cxn ang="0">
              <a:pos x="7675" y="1425"/>
            </a:cxn>
            <a:cxn ang="0">
              <a:pos x="7675" y="2137"/>
            </a:cxn>
            <a:cxn ang="0">
              <a:pos x="7675" y="2612"/>
            </a:cxn>
            <a:cxn ang="0">
              <a:pos x="6790" y="2849"/>
            </a:cxn>
            <a:cxn ang="0">
              <a:pos x="6495" y="1900"/>
            </a:cxn>
            <a:cxn ang="0">
              <a:pos x="5757" y="2374"/>
            </a:cxn>
            <a:cxn ang="0">
              <a:pos x="5019" y="3087"/>
            </a:cxn>
            <a:cxn ang="0">
              <a:pos x="5019" y="3799"/>
            </a:cxn>
            <a:cxn ang="0">
              <a:pos x="4133" y="3562"/>
            </a:cxn>
            <a:cxn ang="0">
              <a:pos x="3395" y="3799"/>
            </a:cxn>
            <a:cxn ang="0">
              <a:pos x="2362" y="4512"/>
            </a:cxn>
            <a:cxn ang="0">
              <a:pos x="1624" y="4986"/>
            </a:cxn>
            <a:cxn ang="0">
              <a:pos x="738" y="5461"/>
            </a:cxn>
            <a:cxn ang="0">
              <a:pos x="148" y="5936"/>
            </a:cxn>
            <a:cxn ang="0">
              <a:pos x="0" y="6411"/>
            </a:cxn>
            <a:cxn ang="0">
              <a:pos x="738" y="6174"/>
            </a:cxn>
            <a:cxn ang="0">
              <a:pos x="1771" y="6649"/>
            </a:cxn>
            <a:cxn ang="0">
              <a:pos x="2657" y="6649"/>
            </a:cxn>
            <a:cxn ang="0">
              <a:pos x="3690" y="7361"/>
            </a:cxn>
            <a:cxn ang="0">
              <a:pos x="4871" y="8073"/>
            </a:cxn>
            <a:cxn ang="0">
              <a:pos x="5904" y="8311"/>
            </a:cxn>
            <a:cxn ang="0">
              <a:pos x="6052" y="9261"/>
            </a:cxn>
            <a:cxn ang="0">
              <a:pos x="6937" y="9973"/>
            </a:cxn>
            <a:cxn ang="0">
              <a:pos x="7528" y="11872"/>
            </a:cxn>
            <a:cxn ang="0">
              <a:pos x="7971" y="13772"/>
            </a:cxn>
            <a:cxn ang="0">
              <a:pos x="8856" y="14010"/>
            </a:cxn>
            <a:cxn ang="0">
              <a:pos x="9447" y="14722"/>
            </a:cxn>
            <a:cxn ang="0">
              <a:pos x="10775" y="14722"/>
            </a:cxn>
            <a:cxn ang="0">
              <a:pos x="11218" y="14959"/>
            </a:cxn>
            <a:cxn ang="0">
              <a:pos x="12251" y="15434"/>
            </a:cxn>
            <a:cxn ang="0">
              <a:pos x="12989" y="15434"/>
            </a:cxn>
            <a:cxn ang="0">
              <a:pos x="13432" y="15197"/>
            </a:cxn>
            <a:cxn ang="0">
              <a:pos x="14318" y="16384"/>
            </a:cxn>
            <a:cxn ang="0">
              <a:pos x="15498" y="16384"/>
            </a:cxn>
          </a:cxnLst>
          <a:rect l="0" t="0" r="r" b="b"/>
          <a:pathLst>
            <a:path w="16384" h="16384">
              <a:moveTo>
                <a:pt x="15498" y="16384"/>
              </a:moveTo>
              <a:lnTo>
                <a:pt x="15941" y="13772"/>
              </a:lnTo>
              <a:lnTo>
                <a:pt x="15646" y="12110"/>
              </a:lnTo>
              <a:lnTo>
                <a:pt x="16384" y="10210"/>
              </a:lnTo>
              <a:lnTo>
                <a:pt x="14465" y="10210"/>
              </a:lnTo>
              <a:lnTo>
                <a:pt x="14170" y="7123"/>
              </a:lnTo>
              <a:lnTo>
                <a:pt x="12989" y="5936"/>
              </a:lnTo>
              <a:lnTo>
                <a:pt x="11956" y="4749"/>
              </a:lnTo>
              <a:lnTo>
                <a:pt x="11513" y="3087"/>
              </a:lnTo>
              <a:lnTo>
                <a:pt x="11661" y="1425"/>
              </a:lnTo>
              <a:lnTo>
                <a:pt x="11070" y="0"/>
              </a:lnTo>
              <a:lnTo>
                <a:pt x="10332" y="0"/>
              </a:lnTo>
              <a:lnTo>
                <a:pt x="9742" y="0"/>
              </a:lnTo>
              <a:lnTo>
                <a:pt x="8856" y="475"/>
              </a:lnTo>
              <a:lnTo>
                <a:pt x="8118" y="712"/>
              </a:lnTo>
              <a:lnTo>
                <a:pt x="7675" y="1425"/>
              </a:lnTo>
              <a:lnTo>
                <a:pt x="7675" y="2137"/>
              </a:lnTo>
              <a:lnTo>
                <a:pt x="7675" y="2612"/>
              </a:lnTo>
              <a:lnTo>
                <a:pt x="6790" y="2849"/>
              </a:lnTo>
              <a:lnTo>
                <a:pt x="6495" y="1900"/>
              </a:lnTo>
              <a:lnTo>
                <a:pt x="5757" y="2374"/>
              </a:lnTo>
              <a:lnTo>
                <a:pt x="5019" y="3087"/>
              </a:lnTo>
              <a:lnTo>
                <a:pt x="5019" y="3799"/>
              </a:lnTo>
              <a:lnTo>
                <a:pt x="4133" y="3562"/>
              </a:lnTo>
              <a:lnTo>
                <a:pt x="3395" y="3799"/>
              </a:lnTo>
              <a:lnTo>
                <a:pt x="2362" y="4512"/>
              </a:lnTo>
              <a:lnTo>
                <a:pt x="1624" y="4986"/>
              </a:lnTo>
              <a:lnTo>
                <a:pt x="738" y="5461"/>
              </a:lnTo>
              <a:lnTo>
                <a:pt x="148" y="5936"/>
              </a:lnTo>
              <a:lnTo>
                <a:pt x="0" y="6411"/>
              </a:lnTo>
              <a:lnTo>
                <a:pt x="738" y="6174"/>
              </a:lnTo>
              <a:lnTo>
                <a:pt x="1771" y="6649"/>
              </a:lnTo>
              <a:lnTo>
                <a:pt x="2657" y="6649"/>
              </a:lnTo>
              <a:lnTo>
                <a:pt x="3690" y="7361"/>
              </a:lnTo>
              <a:lnTo>
                <a:pt x="4871" y="8073"/>
              </a:lnTo>
              <a:lnTo>
                <a:pt x="5904" y="8311"/>
              </a:lnTo>
              <a:lnTo>
                <a:pt x="6052" y="9261"/>
              </a:lnTo>
              <a:lnTo>
                <a:pt x="6937" y="9973"/>
              </a:lnTo>
              <a:lnTo>
                <a:pt x="7528" y="11872"/>
              </a:lnTo>
              <a:lnTo>
                <a:pt x="7971" y="13772"/>
              </a:lnTo>
              <a:lnTo>
                <a:pt x="8856" y="14010"/>
              </a:lnTo>
              <a:lnTo>
                <a:pt x="9447" y="14722"/>
              </a:lnTo>
              <a:lnTo>
                <a:pt x="10775" y="14722"/>
              </a:lnTo>
              <a:lnTo>
                <a:pt x="11218" y="14959"/>
              </a:lnTo>
              <a:lnTo>
                <a:pt x="12251" y="15434"/>
              </a:lnTo>
              <a:lnTo>
                <a:pt x="12989" y="15434"/>
              </a:lnTo>
              <a:lnTo>
                <a:pt x="13432" y="15197"/>
              </a:lnTo>
              <a:lnTo>
                <a:pt x="14318" y="16384"/>
              </a:lnTo>
              <a:lnTo>
                <a:pt x="15498" y="16384"/>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0</xdr:col>
      <xdr:colOff>533400</xdr:colOff>
      <xdr:row>5</xdr:row>
      <xdr:rowOff>76200</xdr:rowOff>
    </xdr:from>
    <xdr:to>
      <xdr:col>12</xdr:col>
      <xdr:colOff>247650</xdr:colOff>
      <xdr:row>10</xdr:row>
      <xdr:rowOff>123825</xdr:rowOff>
    </xdr:to>
    <xdr:sp macro="" textlink="">
      <xdr:nvSpPr>
        <xdr:cNvPr id="300" name="d14137">
          <a:extLst>
            <a:ext uri="{FF2B5EF4-FFF2-40B4-BE49-F238E27FC236}">
              <a16:creationId xmlns:a16="http://schemas.microsoft.com/office/drawing/2014/main" id="{00000000-0008-0000-0000-00002C010000}"/>
            </a:ext>
          </a:extLst>
        </xdr:cNvPr>
        <xdr:cNvSpPr>
          <a:spLocks/>
        </xdr:cNvSpPr>
      </xdr:nvSpPr>
      <xdr:spPr bwMode="auto">
        <a:xfrm>
          <a:off x="6629400" y="838200"/>
          <a:ext cx="933450" cy="809625"/>
        </a:xfrm>
        <a:custGeom>
          <a:avLst/>
          <a:gdLst/>
          <a:ahLst/>
          <a:cxnLst>
            <a:cxn ang="0">
              <a:pos x="15047" y="7325"/>
            </a:cxn>
            <a:cxn ang="0">
              <a:pos x="15882" y="5397"/>
            </a:cxn>
            <a:cxn ang="0">
              <a:pos x="15214" y="3470"/>
            </a:cxn>
            <a:cxn ang="0">
              <a:pos x="15214" y="1157"/>
            </a:cxn>
            <a:cxn ang="0">
              <a:pos x="13040" y="0"/>
            </a:cxn>
            <a:cxn ang="0">
              <a:pos x="11201" y="578"/>
            </a:cxn>
            <a:cxn ang="0">
              <a:pos x="10365" y="1928"/>
            </a:cxn>
            <a:cxn ang="0">
              <a:pos x="9195" y="2506"/>
            </a:cxn>
            <a:cxn ang="0">
              <a:pos x="9529" y="4241"/>
            </a:cxn>
            <a:cxn ang="0">
              <a:pos x="10031" y="5590"/>
            </a:cxn>
            <a:cxn ang="0">
              <a:pos x="8359" y="5783"/>
            </a:cxn>
            <a:cxn ang="0">
              <a:pos x="6855" y="4626"/>
            </a:cxn>
            <a:cxn ang="0">
              <a:pos x="5517" y="3470"/>
            </a:cxn>
            <a:cxn ang="0">
              <a:pos x="5517" y="1542"/>
            </a:cxn>
            <a:cxn ang="0">
              <a:pos x="3511" y="1349"/>
            </a:cxn>
            <a:cxn ang="0">
              <a:pos x="2508" y="0"/>
            </a:cxn>
            <a:cxn ang="0">
              <a:pos x="1505" y="1928"/>
            </a:cxn>
            <a:cxn ang="0">
              <a:pos x="669" y="2699"/>
            </a:cxn>
            <a:cxn ang="0">
              <a:pos x="0" y="3855"/>
            </a:cxn>
            <a:cxn ang="0">
              <a:pos x="669" y="5975"/>
            </a:cxn>
            <a:cxn ang="0">
              <a:pos x="3009" y="4433"/>
            </a:cxn>
            <a:cxn ang="0">
              <a:pos x="3344" y="5397"/>
            </a:cxn>
            <a:cxn ang="0">
              <a:pos x="5016" y="7325"/>
            </a:cxn>
            <a:cxn ang="0">
              <a:pos x="6019" y="8481"/>
            </a:cxn>
            <a:cxn ang="0">
              <a:pos x="6520" y="9059"/>
            </a:cxn>
            <a:cxn ang="0">
              <a:pos x="7356" y="9445"/>
            </a:cxn>
            <a:cxn ang="0">
              <a:pos x="8861" y="10409"/>
            </a:cxn>
            <a:cxn ang="0">
              <a:pos x="9697" y="12336"/>
            </a:cxn>
            <a:cxn ang="0">
              <a:pos x="11703" y="14649"/>
            </a:cxn>
            <a:cxn ang="0">
              <a:pos x="12037" y="15420"/>
            </a:cxn>
            <a:cxn ang="0">
              <a:pos x="12372" y="16384"/>
            </a:cxn>
            <a:cxn ang="0">
              <a:pos x="13542" y="15613"/>
            </a:cxn>
            <a:cxn ang="0">
              <a:pos x="15381" y="14071"/>
            </a:cxn>
            <a:cxn ang="0">
              <a:pos x="15381" y="13685"/>
            </a:cxn>
            <a:cxn ang="0">
              <a:pos x="14545" y="12529"/>
            </a:cxn>
            <a:cxn ang="0">
              <a:pos x="15715" y="12143"/>
            </a:cxn>
            <a:cxn ang="0">
              <a:pos x="15381" y="10601"/>
            </a:cxn>
            <a:cxn ang="0">
              <a:pos x="15381" y="9059"/>
            </a:cxn>
            <a:cxn ang="0">
              <a:pos x="14712" y="8867"/>
            </a:cxn>
            <a:cxn ang="0">
              <a:pos x="16384" y="8096"/>
            </a:cxn>
          </a:cxnLst>
          <a:rect l="0" t="0" r="r" b="b"/>
          <a:pathLst>
            <a:path w="16384" h="16384">
              <a:moveTo>
                <a:pt x="16384" y="8096"/>
              </a:moveTo>
              <a:lnTo>
                <a:pt x="15047" y="7325"/>
              </a:lnTo>
              <a:lnTo>
                <a:pt x="15882" y="6554"/>
              </a:lnTo>
              <a:lnTo>
                <a:pt x="15882" y="5397"/>
              </a:lnTo>
              <a:lnTo>
                <a:pt x="15047" y="5590"/>
              </a:lnTo>
              <a:lnTo>
                <a:pt x="15214" y="3470"/>
              </a:lnTo>
              <a:lnTo>
                <a:pt x="15882" y="1928"/>
              </a:lnTo>
              <a:lnTo>
                <a:pt x="15214" y="1157"/>
              </a:lnTo>
              <a:lnTo>
                <a:pt x="14211" y="1157"/>
              </a:lnTo>
              <a:lnTo>
                <a:pt x="13040" y="0"/>
              </a:lnTo>
              <a:lnTo>
                <a:pt x="12539" y="193"/>
              </a:lnTo>
              <a:lnTo>
                <a:pt x="11201" y="578"/>
              </a:lnTo>
              <a:lnTo>
                <a:pt x="10700" y="1157"/>
              </a:lnTo>
              <a:lnTo>
                <a:pt x="10365" y="1928"/>
              </a:lnTo>
              <a:lnTo>
                <a:pt x="9362" y="2120"/>
              </a:lnTo>
              <a:lnTo>
                <a:pt x="9195" y="2506"/>
              </a:lnTo>
              <a:lnTo>
                <a:pt x="9195" y="3470"/>
              </a:lnTo>
              <a:lnTo>
                <a:pt x="9529" y="4241"/>
              </a:lnTo>
              <a:lnTo>
                <a:pt x="10031" y="5204"/>
              </a:lnTo>
              <a:lnTo>
                <a:pt x="10031" y="5590"/>
              </a:lnTo>
              <a:lnTo>
                <a:pt x="9195" y="5590"/>
              </a:lnTo>
              <a:lnTo>
                <a:pt x="8359" y="5783"/>
              </a:lnTo>
              <a:lnTo>
                <a:pt x="7523" y="4819"/>
              </a:lnTo>
              <a:lnTo>
                <a:pt x="6855" y="4626"/>
              </a:lnTo>
              <a:lnTo>
                <a:pt x="6353" y="3662"/>
              </a:lnTo>
              <a:lnTo>
                <a:pt x="5517" y="3470"/>
              </a:lnTo>
              <a:lnTo>
                <a:pt x="5851" y="2313"/>
              </a:lnTo>
              <a:lnTo>
                <a:pt x="5517" y="1542"/>
              </a:lnTo>
              <a:lnTo>
                <a:pt x="4347" y="1542"/>
              </a:lnTo>
              <a:lnTo>
                <a:pt x="3511" y="1349"/>
              </a:lnTo>
              <a:lnTo>
                <a:pt x="3344" y="193"/>
              </a:lnTo>
              <a:lnTo>
                <a:pt x="2508" y="0"/>
              </a:lnTo>
              <a:lnTo>
                <a:pt x="2173" y="1157"/>
              </a:lnTo>
              <a:lnTo>
                <a:pt x="1505" y="1928"/>
              </a:lnTo>
              <a:lnTo>
                <a:pt x="836" y="2120"/>
              </a:lnTo>
              <a:lnTo>
                <a:pt x="669" y="2699"/>
              </a:lnTo>
              <a:lnTo>
                <a:pt x="167" y="3470"/>
              </a:lnTo>
              <a:lnTo>
                <a:pt x="0" y="3855"/>
              </a:lnTo>
              <a:lnTo>
                <a:pt x="669" y="4626"/>
              </a:lnTo>
              <a:lnTo>
                <a:pt x="669" y="5975"/>
              </a:lnTo>
              <a:lnTo>
                <a:pt x="1170" y="5783"/>
              </a:lnTo>
              <a:lnTo>
                <a:pt x="3009" y="4433"/>
              </a:lnTo>
              <a:lnTo>
                <a:pt x="3511" y="4626"/>
              </a:lnTo>
              <a:lnTo>
                <a:pt x="3344" y="5397"/>
              </a:lnTo>
              <a:lnTo>
                <a:pt x="3845" y="5783"/>
              </a:lnTo>
              <a:lnTo>
                <a:pt x="5016" y="7325"/>
              </a:lnTo>
              <a:lnTo>
                <a:pt x="5851" y="7325"/>
              </a:lnTo>
              <a:lnTo>
                <a:pt x="6019" y="8481"/>
              </a:lnTo>
              <a:lnTo>
                <a:pt x="6520" y="8674"/>
              </a:lnTo>
              <a:lnTo>
                <a:pt x="6520" y="9059"/>
              </a:lnTo>
              <a:lnTo>
                <a:pt x="7022" y="9059"/>
              </a:lnTo>
              <a:lnTo>
                <a:pt x="7356" y="9445"/>
              </a:lnTo>
              <a:lnTo>
                <a:pt x="8192" y="10216"/>
              </a:lnTo>
              <a:lnTo>
                <a:pt x="8861" y="10409"/>
              </a:lnTo>
              <a:lnTo>
                <a:pt x="9195" y="11758"/>
              </a:lnTo>
              <a:lnTo>
                <a:pt x="9697" y="12336"/>
              </a:lnTo>
              <a:lnTo>
                <a:pt x="11368" y="14456"/>
              </a:lnTo>
              <a:lnTo>
                <a:pt x="11703" y="14649"/>
              </a:lnTo>
              <a:lnTo>
                <a:pt x="11870" y="15227"/>
              </a:lnTo>
              <a:lnTo>
                <a:pt x="12037" y="15420"/>
              </a:lnTo>
              <a:lnTo>
                <a:pt x="12372" y="15806"/>
              </a:lnTo>
              <a:lnTo>
                <a:pt x="12372" y="16384"/>
              </a:lnTo>
              <a:lnTo>
                <a:pt x="12539" y="16384"/>
              </a:lnTo>
              <a:lnTo>
                <a:pt x="13542" y="15613"/>
              </a:lnTo>
              <a:lnTo>
                <a:pt x="14211" y="15613"/>
              </a:lnTo>
              <a:lnTo>
                <a:pt x="15381" y="14071"/>
              </a:lnTo>
              <a:lnTo>
                <a:pt x="15047" y="13878"/>
              </a:lnTo>
              <a:lnTo>
                <a:pt x="15381" y="13685"/>
              </a:lnTo>
              <a:lnTo>
                <a:pt x="14879" y="12914"/>
              </a:lnTo>
              <a:lnTo>
                <a:pt x="14545" y="12529"/>
              </a:lnTo>
              <a:lnTo>
                <a:pt x="15548" y="12529"/>
              </a:lnTo>
              <a:lnTo>
                <a:pt x="15715" y="12143"/>
              </a:lnTo>
              <a:lnTo>
                <a:pt x="15715" y="11565"/>
              </a:lnTo>
              <a:lnTo>
                <a:pt x="15381" y="10601"/>
              </a:lnTo>
              <a:lnTo>
                <a:pt x="15548" y="10216"/>
              </a:lnTo>
              <a:lnTo>
                <a:pt x="15381" y="9059"/>
              </a:lnTo>
              <a:lnTo>
                <a:pt x="14545" y="9252"/>
              </a:lnTo>
              <a:lnTo>
                <a:pt x="14712" y="8867"/>
              </a:lnTo>
              <a:lnTo>
                <a:pt x="15381" y="8481"/>
              </a:lnTo>
              <a:lnTo>
                <a:pt x="16384" y="8096"/>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13</xdr:col>
      <xdr:colOff>171450</xdr:colOff>
      <xdr:row>32</xdr:row>
      <xdr:rowOff>28575</xdr:rowOff>
    </xdr:from>
    <xdr:to>
      <xdr:col>16</xdr:col>
      <xdr:colOff>257175</xdr:colOff>
      <xdr:row>44</xdr:row>
      <xdr:rowOff>133351</xdr:rowOff>
    </xdr:to>
    <xdr:sp macro="" textlink="">
      <xdr:nvSpPr>
        <xdr:cNvPr id="301" name="d14201">
          <a:extLst>
            <a:ext uri="{FF2B5EF4-FFF2-40B4-BE49-F238E27FC236}">
              <a16:creationId xmlns:a16="http://schemas.microsoft.com/office/drawing/2014/main" id="{00000000-0008-0000-0000-00002D010000}"/>
            </a:ext>
          </a:extLst>
        </xdr:cNvPr>
        <xdr:cNvSpPr>
          <a:spLocks/>
        </xdr:cNvSpPr>
      </xdr:nvSpPr>
      <xdr:spPr bwMode="auto">
        <a:xfrm>
          <a:off x="8096250" y="4905375"/>
          <a:ext cx="1914525" cy="1933576"/>
        </a:xfrm>
        <a:custGeom>
          <a:avLst/>
          <a:gdLst/>
          <a:ahLst/>
          <a:cxnLst>
            <a:cxn ang="0">
              <a:pos x="4809" y="807"/>
            </a:cxn>
            <a:cxn ang="0">
              <a:pos x="3342" y="1614"/>
            </a:cxn>
            <a:cxn ang="0">
              <a:pos x="3342" y="2502"/>
            </a:cxn>
            <a:cxn ang="0">
              <a:pos x="4157" y="4197"/>
            </a:cxn>
            <a:cxn ang="0">
              <a:pos x="4076" y="5730"/>
            </a:cxn>
            <a:cxn ang="0">
              <a:pos x="5461" y="6618"/>
            </a:cxn>
            <a:cxn ang="0">
              <a:pos x="5787" y="6941"/>
            </a:cxn>
            <a:cxn ang="0">
              <a:pos x="5543" y="8071"/>
            </a:cxn>
            <a:cxn ang="0">
              <a:pos x="4646" y="8717"/>
            </a:cxn>
            <a:cxn ang="0">
              <a:pos x="3913" y="7990"/>
            </a:cxn>
            <a:cxn ang="0">
              <a:pos x="3016" y="8394"/>
            </a:cxn>
            <a:cxn ang="0">
              <a:pos x="2038" y="8636"/>
            </a:cxn>
            <a:cxn ang="0">
              <a:pos x="0" y="9039"/>
            </a:cxn>
            <a:cxn ang="0">
              <a:pos x="1141" y="9927"/>
            </a:cxn>
            <a:cxn ang="0">
              <a:pos x="2038" y="10976"/>
            </a:cxn>
            <a:cxn ang="0">
              <a:pos x="2201" y="12429"/>
            </a:cxn>
            <a:cxn ang="0">
              <a:pos x="3016" y="12591"/>
            </a:cxn>
            <a:cxn ang="0">
              <a:pos x="4728" y="13559"/>
            </a:cxn>
            <a:cxn ang="0">
              <a:pos x="3097" y="14043"/>
            </a:cxn>
            <a:cxn ang="0">
              <a:pos x="2201" y="14770"/>
            </a:cxn>
            <a:cxn ang="0">
              <a:pos x="1875" y="15819"/>
            </a:cxn>
            <a:cxn ang="0">
              <a:pos x="3260" y="16303"/>
            </a:cxn>
            <a:cxn ang="0">
              <a:pos x="5380" y="14447"/>
            </a:cxn>
            <a:cxn ang="0">
              <a:pos x="6603" y="14447"/>
            </a:cxn>
            <a:cxn ang="0">
              <a:pos x="7418" y="14689"/>
            </a:cxn>
            <a:cxn ang="0">
              <a:pos x="8885" y="15415"/>
            </a:cxn>
            <a:cxn ang="0">
              <a:pos x="11982" y="14124"/>
            </a:cxn>
            <a:cxn ang="0">
              <a:pos x="13857" y="13801"/>
            </a:cxn>
            <a:cxn ang="0">
              <a:pos x="13531" y="13156"/>
            </a:cxn>
            <a:cxn ang="0">
              <a:pos x="13694" y="11864"/>
            </a:cxn>
            <a:cxn ang="0">
              <a:pos x="14591" y="11380"/>
            </a:cxn>
            <a:cxn ang="0">
              <a:pos x="13368" y="9604"/>
            </a:cxn>
            <a:cxn ang="0">
              <a:pos x="14591" y="10573"/>
            </a:cxn>
            <a:cxn ang="0">
              <a:pos x="16384" y="9039"/>
            </a:cxn>
            <a:cxn ang="0">
              <a:pos x="14917" y="7829"/>
            </a:cxn>
            <a:cxn ang="0">
              <a:pos x="12145" y="7910"/>
            </a:cxn>
            <a:cxn ang="0">
              <a:pos x="9700" y="5972"/>
            </a:cxn>
            <a:cxn ang="0">
              <a:pos x="9292" y="4923"/>
            </a:cxn>
            <a:cxn ang="0">
              <a:pos x="9211" y="3551"/>
            </a:cxn>
            <a:cxn ang="0">
              <a:pos x="8396" y="4762"/>
            </a:cxn>
            <a:cxn ang="0">
              <a:pos x="8151" y="5408"/>
            </a:cxn>
            <a:cxn ang="0">
              <a:pos x="6766" y="4600"/>
            </a:cxn>
            <a:cxn ang="0">
              <a:pos x="7499" y="3309"/>
            </a:cxn>
            <a:cxn ang="0">
              <a:pos x="6358" y="3793"/>
            </a:cxn>
            <a:cxn ang="0">
              <a:pos x="5298" y="4035"/>
            </a:cxn>
            <a:cxn ang="0">
              <a:pos x="5869" y="2341"/>
            </a:cxn>
            <a:cxn ang="0">
              <a:pos x="6847" y="1291"/>
            </a:cxn>
            <a:cxn ang="0">
              <a:pos x="5706" y="323"/>
            </a:cxn>
          </a:cxnLst>
          <a:rect l="0" t="0" r="r" b="b"/>
          <a:pathLst>
            <a:path w="16384" h="16384">
              <a:moveTo>
                <a:pt x="5706" y="323"/>
              </a:moveTo>
              <a:lnTo>
                <a:pt x="5298" y="969"/>
              </a:lnTo>
              <a:lnTo>
                <a:pt x="5135" y="646"/>
              </a:lnTo>
              <a:lnTo>
                <a:pt x="4809" y="807"/>
              </a:lnTo>
              <a:lnTo>
                <a:pt x="4565" y="1211"/>
              </a:lnTo>
              <a:lnTo>
                <a:pt x="4402" y="1453"/>
              </a:lnTo>
              <a:lnTo>
                <a:pt x="3994" y="1614"/>
              </a:lnTo>
              <a:lnTo>
                <a:pt x="3342" y="1614"/>
              </a:lnTo>
              <a:lnTo>
                <a:pt x="3260" y="1856"/>
              </a:lnTo>
              <a:lnTo>
                <a:pt x="2853" y="2098"/>
              </a:lnTo>
              <a:lnTo>
                <a:pt x="3097" y="2341"/>
              </a:lnTo>
              <a:lnTo>
                <a:pt x="3342" y="2502"/>
              </a:lnTo>
              <a:lnTo>
                <a:pt x="3342" y="3067"/>
              </a:lnTo>
              <a:lnTo>
                <a:pt x="3750" y="3309"/>
              </a:lnTo>
              <a:lnTo>
                <a:pt x="3831" y="3713"/>
              </a:lnTo>
              <a:lnTo>
                <a:pt x="4157" y="4197"/>
              </a:lnTo>
              <a:lnTo>
                <a:pt x="4239" y="4762"/>
              </a:lnTo>
              <a:lnTo>
                <a:pt x="4320" y="5085"/>
              </a:lnTo>
              <a:lnTo>
                <a:pt x="4076" y="5408"/>
              </a:lnTo>
              <a:lnTo>
                <a:pt x="4076" y="5730"/>
              </a:lnTo>
              <a:lnTo>
                <a:pt x="4320" y="5972"/>
              </a:lnTo>
              <a:lnTo>
                <a:pt x="4565" y="5972"/>
              </a:lnTo>
              <a:lnTo>
                <a:pt x="4972" y="6295"/>
              </a:lnTo>
              <a:lnTo>
                <a:pt x="5461" y="6618"/>
              </a:lnTo>
              <a:lnTo>
                <a:pt x="5706" y="6699"/>
              </a:lnTo>
              <a:lnTo>
                <a:pt x="6032" y="6699"/>
              </a:lnTo>
              <a:lnTo>
                <a:pt x="6113" y="6780"/>
              </a:lnTo>
              <a:lnTo>
                <a:pt x="5787" y="6941"/>
              </a:lnTo>
              <a:lnTo>
                <a:pt x="5787" y="7345"/>
              </a:lnTo>
              <a:lnTo>
                <a:pt x="5950" y="7829"/>
              </a:lnTo>
              <a:lnTo>
                <a:pt x="5950" y="8071"/>
              </a:lnTo>
              <a:lnTo>
                <a:pt x="5543" y="8071"/>
              </a:lnTo>
              <a:lnTo>
                <a:pt x="5217" y="8232"/>
              </a:lnTo>
              <a:lnTo>
                <a:pt x="4891" y="8313"/>
              </a:lnTo>
              <a:lnTo>
                <a:pt x="4728" y="8474"/>
              </a:lnTo>
              <a:lnTo>
                <a:pt x="4646" y="8717"/>
              </a:lnTo>
              <a:lnTo>
                <a:pt x="4402" y="8717"/>
              </a:lnTo>
              <a:lnTo>
                <a:pt x="4157" y="8474"/>
              </a:lnTo>
              <a:lnTo>
                <a:pt x="3994" y="8232"/>
              </a:lnTo>
              <a:lnTo>
                <a:pt x="3913" y="7990"/>
              </a:lnTo>
              <a:lnTo>
                <a:pt x="3750" y="7910"/>
              </a:lnTo>
              <a:lnTo>
                <a:pt x="3505" y="8232"/>
              </a:lnTo>
              <a:lnTo>
                <a:pt x="3260" y="8394"/>
              </a:lnTo>
              <a:lnTo>
                <a:pt x="3016" y="8394"/>
              </a:lnTo>
              <a:lnTo>
                <a:pt x="2771" y="8394"/>
              </a:lnTo>
              <a:lnTo>
                <a:pt x="2445" y="8394"/>
              </a:lnTo>
              <a:lnTo>
                <a:pt x="2201" y="8394"/>
              </a:lnTo>
              <a:lnTo>
                <a:pt x="2038" y="8636"/>
              </a:lnTo>
              <a:lnTo>
                <a:pt x="1956" y="8636"/>
              </a:lnTo>
              <a:lnTo>
                <a:pt x="1467" y="8717"/>
              </a:lnTo>
              <a:lnTo>
                <a:pt x="163" y="8797"/>
              </a:lnTo>
              <a:lnTo>
                <a:pt x="0" y="9039"/>
              </a:lnTo>
              <a:lnTo>
                <a:pt x="326" y="9039"/>
              </a:lnTo>
              <a:lnTo>
                <a:pt x="652" y="9282"/>
              </a:lnTo>
              <a:lnTo>
                <a:pt x="897" y="9524"/>
              </a:lnTo>
              <a:lnTo>
                <a:pt x="1141" y="9927"/>
              </a:lnTo>
              <a:lnTo>
                <a:pt x="1467" y="10169"/>
              </a:lnTo>
              <a:lnTo>
                <a:pt x="1793" y="10492"/>
              </a:lnTo>
              <a:lnTo>
                <a:pt x="1875" y="10654"/>
              </a:lnTo>
              <a:lnTo>
                <a:pt x="2038" y="10976"/>
              </a:lnTo>
              <a:lnTo>
                <a:pt x="2038" y="11057"/>
              </a:lnTo>
              <a:lnTo>
                <a:pt x="2282" y="11622"/>
              </a:lnTo>
              <a:lnTo>
                <a:pt x="2364" y="12026"/>
              </a:lnTo>
              <a:lnTo>
                <a:pt x="2201" y="12429"/>
              </a:lnTo>
              <a:lnTo>
                <a:pt x="2119" y="12671"/>
              </a:lnTo>
              <a:lnTo>
                <a:pt x="2282" y="12671"/>
              </a:lnTo>
              <a:lnTo>
                <a:pt x="2445" y="12429"/>
              </a:lnTo>
              <a:lnTo>
                <a:pt x="3016" y="12591"/>
              </a:lnTo>
              <a:lnTo>
                <a:pt x="3750" y="12752"/>
              </a:lnTo>
              <a:lnTo>
                <a:pt x="3994" y="12833"/>
              </a:lnTo>
              <a:lnTo>
                <a:pt x="4402" y="13156"/>
              </a:lnTo>
              <a:lnTo>
                <a:pt x="4728" y="13559"/>
              </a:lnTo>
              <a:lnTo>
                <a:pt x="4483" y="14124"/>
              </a:lnTo>
              <a:lnTo>
                <a:pt x="3994" y="14286"/>
              </a:lnTo>
              <a:lnTo>
                <a:pt x="3587" y="14286"/>
              </a:lnTo>
              <a:lnTo>
                <a:pt x="3097" y="14043"/>
              </a:lnTo>
              <a:lnTo>
                <a:pt x="2934" y="14124"/>
              </a:lnTo>
              <a:lnTo>
                <a:pt x="2771" y="14366"/>
              </a:lnTo>
              <a:lnTo>
                <a:pt x="2364" y="14528"/>
              </a:lnTo>
              <a:lnTo>
                <a:pt x="2201" y="14770"/>
              </a:lnTo>
              <a:lnTo>
                <a:pt x="2201" y="15012"/>
              </a:lnTo>
              <a:lnTo>
                <a:pt x="2282" y="15254"/>
              </a:lnTo>
              <a:lnTo>
                <a:pt x="2038" y="15415"/>
              </a:lnTo>
              <a:lnTo>
                <a:pt x="1875" y="15819"/>
              </a:lnTo>
              <a:lnTo>
                <a:pt x="2364" y="15819"/>
              </a:lnTo>
              <a:lnTo>
                <a:pt x="2771" y="15819"/>
              </a:lnTo>
              <a:lnTo>
                <a:pt x="2771" y="16142"/>
              </a:lnTo>
              <a:lnTo>
                <a:pt x="3260" y="16303"/>
              </a:lnTo>
              <a:lnTo>
                <a:pt x="3424" y="16384"/>
              </a:lnTo>
              <a:lnTo>
                <a:pt x="4239" y="15335"/>
              </a:lnTo>
              <a:lnTo>
                <a:pt x="4891" y="15254"/>
              </a:lnTo>
              <a:lnTo>
                <a:pt x="5380" y="14447"/>
              </a:lnTo>
              <a:lnTo>
                <a:pt x="5543" y="14447"/>
              </a:lnTo>
              <a:lnTo>
                <a:pt x="5787" y="14608"/>
              </a:lnTo>
              <a:lnTo>
                <a:pt x="6113" y="14366"/>
              </a:lnTo>
              <a:lnTo>
                <a:pt x="6603" y="14447"/>
              </a:lnTo>
              <a:lnTo>
                <a:pt x="6929" y="14366"/>
              </a:lnTo>
              <a:lnTo>
                <a:pt x="7336" y="14043"/>
              </a:lnTo>
              <a:lnTo>
                <a:pt x="7499" y="14124"/>
              </a:lnTo>
              <a:lnTo>
                <a:pt x="7418" y="14689"/>
              </a:lnTo>
              <a:lnTo>
                <a:pt x="7907" y="15012"/>
              </a:lnTo>
              <a:lnTo>
                <a:pt x="7988" y="15577"/>
              </a:lnTo>
              <a:lnTo>
                <a:pt x="8396" y="15900"/>
              </a:lnTo>
              <a:lnTo>
                <a:pt x="8885" y="15415"/>
              </a:lnTo>
              <a:lnTo>
                <a:pt x="9945" y="14608"/>
              </a:lnTo>
              <a:lnTo>
                <a:pt x="10515" y="14366"/>
              </a:lnTo>
              <a:lnTo>
                <a:pt x="11086" y="14205"/>
              </a:lnTo>
              <a:lnTo>
                <a:pt x="11982" y="14124"/>
              </a:lnTo>
              <a:lnTo>
                <a:pt x="12716" y="14043"/>
              </a:lnTo>
              <a:lnTo>
                <a:pt x="13205" y="13963"/>
              </a:lnTo>
              <a:lnTo>
                <a:pt x="13613" y="14124"/>
              </a:lnTo>
              <a:lnTo>
                <a:pt x="13857" y="13801"/>
              </a:lnTo>
              <a:lnTo>
                <a:pt x="13857" y="13640"/>
              </a:lnTo>
              <a:lnTo>
                <a:pt x="14102" y="13236"/>
              </a:lnTo>
              <a:lnTo>
                <a:pt x="13939" y="13075"/>
              </a:lnTo>
              <a:lnTo>
                <a:pt x="13531" y="13156"/>
              </a:lnTo>
              <a:lnTo>
                <a:pt x="13368" y="13156"/>
              </a:lnTo>
              <a:lnTo>
                <a:pt x="13205" y="12591"/>
              </a:lnTo>
              <a:lnTo>
                <a:pt x="13368" y="11945"/>
              </a:lnTo>
              <a:lnTo>
                <a:pt x="13694" y="11864"/>
              </a:lnTo>
              <a:lnTo>
                <a:pt x="14020" y="12106"/>
              </a:lnTo>
              <a:lnTo>
                <a:pt x="14020" y="12349"/>
              </a:lnTo>
              <a:lnTo>
                <a:pt x="14591" y="12429"/>
              </a:lnTo>
              <a:lnTo>
                <a:pt x="14591" y="11380"/>
              </a:lnTo>
              <a:lnTo>
                <a:pt x="14183" y="11138"/>
              </a:lnTo>
              <a:lnTo>
                <a:pt x="13857" y="10734"/>
              </a:lnTo>
              <a:lnTo>
                <a:pt x="13613" y="10331"/>
              </a:lnTo>
              <a:lnTo>
                <a:pt x="13368" y="9604"/>
              </a:lnTo>
              <a:lnTo>
                <a:pt x="14102" y="10573"/>
              </a:lnTo>
              <a:lnTo>
                <a:pt x="14346" y="10573"/>
              </a:lnTo>
              <a:lnTo>
                <a:pt x="14509" y="10412"/>
              </a:lnTo>
              <a:lnTo>
                <a:pt x="14591" y="10573"/>
              </a:lnTo>
              <a:lnTo>
                <a:pt x="15080" y="10492"/>
              </a:lnTo>
              <a:lnTo>
                <a:pt x="15161" y="9847"/>
              </a:lnTo>
              <a:lnTo>
                <a:pt x="15650" y="9524"/>
              </a:lnTo>
              <a:lnTo>
                <a:pt x="16384" y="9039"/>
              </a:lnTo>
              <a:lnTo>
                <a:pt x="16221" y="8474"/>
              </a:lnTo>
              <a:lnTo>
                <a:pt x="15813" y="8394"/>
              </a:lnTo>
              <a:lnTo>
                <a:pt x="15406" y="8071"/>
              </a:lnTo>
              <a:lnTo>
                <a:pt x="14917" y="7829"/>
              </a:lnTo>
              <a:lnTo>
                <a:pt x="14998" y="7506"/>
              </a:lnTo>
              <a:lnTo>
                <a:pt x="14020" y="7910"/>
              </a:lnTo>
              <a:lnTo>
                <a:pt x="13368" y="7910"/>
              </a:lnTo>
              <a:lnTo>
                <a:pt x="12145" y="7910"/>
              </a:lnTo>
              <a:lnTo>
                <a:pt x="10678" y="7587"/>
              </a:lnTo>
              <a:lnTo>
                <a:pt x="9781" y="6860"/>
              </a:lnTo>
              <a:lnTo>
                <a:pt x="9945" y="6457"/>
              </a:lnTo>
              <a:lnTo>
                <a:pt x="9700" y="5972"/>
              </a:lnTo>
              <a:lnTo>
                <a:pt x="9455" y="5569"/>
              </a:lnTo>
              <a:lnTo>
                <a:pt x="9129" y="5488"/>
              </a:lnTo>
              <a:lnTo>
                <a:pt x="9455" y="5327"/>
              </a:lnTo>
              <a:lnTo>
                <a:pt x="9292" y="4923"/>
              </a:lnTo>
              <a:lnTo>
                <a:pt x="9945" y="4843"/>
              </a:lnTo>
              <a:lnTo>
                <a:pt x="9700" y="4278"/>
              </a:lnTo>
              <a:lnTo>
                <a:pt x="9700" y="3874"/>
              </a:lnTo>
              <a:lnTo>
                <a:pt x="9211" y="3551"/>
              </a:lnTo>
              <a:lnTo>
                <a:pt x="8640" y="3471"/>
              </a:lnTo>
              <a:lnTo>
                <a:pt x="7988" y="3551"/>
              </a:lnTo>
              <a:lnTo>
                <a:pt x="8396" y="4035"/>
              </a:lnTo>
              <a:lnTo>
                <a:pt x="8396" y="4762"/>
              </a:lnTo>
              <a:lnTo>
                <a:pt x="8070" y="4520"/>
              </a:lnTo>
              <a:lnTo>
                <a:pt x="7662" y="4600"/>
              </a:lnTo>
              <a:lnTo>
                <a:pt x="7988" y="5004"/>
              </a:lnTo>
              <a:lnTo>
                <a:pt x="8151" y="5408"/>
              </a:lnTo>
              <a:lnTo>
                <a:pt x="7988" y="5488"/>
              </a:lnTo>
              <a:lnTo>
                <a:pt x="7418" y="5327"/>
              </a:lnTo>
              <a:lnTo>
                <a:pt x="7010" y="4923"/>
              </a:lnTo>
              <a:lnTo>
                <a:pt x="6766" y="4600"/>
              </a:lnTo>
              <a:lnTo>
                <a:pt x="6766" y="4116"/>
              </a:lnTo>
              <a:lnTo>
                <a:pt x="7010" y="3713"/>
              </a:lnTo>
              <a:lnTo>
                <a:pt x="7336" y="3390"/>
              </a:lnTo>
              <a:lnTo>
                <a:pt x="7499" y="3309"/>
              </a:lnTo>
              <a:lnTo>
                <a:pt x="7010" y="2744"/>
              </a:lnTo>
              <a:lnTo>
                <a:pt x="6521" y="3228"/>
              </a:lnTo>
              <a:lnTo>
                <a:pt x="6439" y="3551"/>
              </a:lnTo>
              <a:lnTo>
                <a:pt x="6358" y="3793"/>
              </a:lnTo>
              <a:lnTo>
                <a:pt x="6195" y="3713"/>
              </a:lnTo>
              <a:lnTo>
                <a:pt x="5869" y="4116"/>
              </a:lnTo>
              <a:lnTo>
                <a:pt x="5543" y="4116"/>
              </a:lnTo>
              <a:lnTo>
                <a:pt x="5298" y="4035"/>
              </a:lnTo>
              <a:lnTo>
                <a:pt x="5298" y="3793"/>
              </a:lnTo>
              <a:lnTo>
                <a:pt x="5135" y="3471"/>
              </a:lnTo>
              <a:lnTo>
                <a:pt x="6195" y="3067"/>
              </a:lnTo>
              <a:lnTo>
                <a:pt x="5869" y="2341"/>
              </a:lnTo>
              <a:lnTo>
                <a:pt x="6195" y="2583"/>
              </a:lnTo>
              <a:lnTo>
                <a:pt x="6439" y="2583"/>
              </a:lnTo>
              <a:lnTo>
                <a:pt x="6521" y="1291"/>
              </a:lnTo>
              <a:lnTo>
                <a:pt x="6847" y="1291"/>
              </a:lnTo>
              <a:lnTo>
                <a:pt x="7092" y="888"/>
              </a:lnTo>
              <a:lnTo>
                <a:pt x="6684" y="404"/>
              </a:lnTo>
              <a:lnTo>
                <a:pt x="6032" y="0"/>
              </a:lnTo>
              <a:lnTo>
                <a:pt x="5706" y="323"/>
              </a:lnTo>
              <a:close/>
            </a:path>
          </a:pathLst>
        </a:custGeom>
        <a:solidFill>
          <a:srgbClr val="FF6600"/>
        </a:solidFill>
        <a:ln w="9525" cap="flat">
          <a:solidFill>
            <a:srgbClr val="000000"/>
          </a:solidFill>
          <a:prstDash val="solid"/>
          <a:round/>
          <a:headEnd/>
          <a:tailEnd/>
        </a:ln>
      </xdr:spPr>
    </xdr:sp>
    <xdr:clientData/>
  </xdr:twoCellAnchor>
  <xdr:twoCellAnchor editAs="oneCell">
    <xdr:from>
      <xdr:col>6</xdr:col>
      <xdr:colOff>552450</xdr:colOff>
      <xdr:row>25</xdr:row>
      <xdr:rowOff>76200</xdr:rowOff>
    </xdr:from>
    <xdr:to>
      <xdr:col>9</xdr:col>
      <xdr:colOff>276225</xdr:colOff>
      <xdr:row>33</xdr:row>
      <xdr:rowOff>114300</xdr:rowOff>
    </xdr:to>
    <xdr:sp macro="" textlink="">
      <xdr:nvSpPr>
        <xdr:cNvPr id="302" name="d14203">
          <a:extLst>
            <a:ext uri="{FF2B5EF4-FFF2-40B4-BE49-F238E27FC236}">
              <a16:creationId xmlns:a16="http://schemas.microsoft.com/office/drawing/2014/main" id="{00000000-0008-0000-0000-00002E010000}"/>
            </a:ext>
          </a:extLst>
        </xdr:cNvPr>
        <xdr:cNvSpPr>
          <a:spLocks/>
        </xdr:cNvSpPr>
      </xdr:nvSpPr>
      <xdr:spPr bwMode="auto">
        <a:xfrm>
          <a:off x="4210050" y="3886200"/>
          <a:ext cx="1552575" cy="1257300"/>
        </a:xfrm>
        <a:custGeom>
          <a:avLst/>
          <a:gdLst/>
          <a:ahLst/>
          <a:cxnLst>
            <a:cxn ang="0">
              <a:pos x="11559" y="16260"/>
            </a:cxn>
            <a:cxn ang="0">
              <a:pos x="12866" y="15888"/>
            </a:cxn>
            <a:cxn ang="0">
              <a:pos x="14273" y="15888"/>
            </a:cxn>
            <a:cxn ang="0">
              <a:pos x="15680" y="16136"/>
            </a:cxn>
            <a:cxn ang="0">
              <a:pos x="16283" y="15267"/>
            </a:cxn>
            <a:cxn ang="0">
              <a:pos x="15580" y="14398"/>
            </a:cxn>
            <a:cxn ang="0">
              <a:pos x="15781" y="12909"/>
            </a:cxn>
            <a:cxn ang="0">
              <a:pos x="16283" y="11916"/>
            </a:cxn>
            <a:cxn ang="0">
              <a:pos x="16082" y="11295"/>
            </a:cxn>
            <a:cxn ang="0">
              <a:pos x="15680" y="11295"/>
            </a:cxn>
            <a:cxn ang="0">
              <a:pos x="15680" y="9681"/>
            </a:cxn>
            <a:cxn ang="0">
              <a:pos x="16082" y="8564"/>
            </a:cxn>
            <a:cxn ang="0">
              <a:pos x="15580" y="7199"/>
            </a:cxn>
            <a:cxn ang="0">
              <a:pos x="15982" y="5710"/>
            </a:cxn>
            <a:cxn ang="0">
              <a:pos x="16283" y="3848"/>
            </a:cxn>
            <a:cxn ang="0">
              <a:pos x="16384" y="2358"/>
            </a:cxn>
            <a:cxn ang="0">
              <a:pos x="15178" y="1614"/>
            </a:cxn>
            <a:cxn ang="0">
              <a:pos x="14474" y="1489"/>
            </a:cxn>
            <a:cxn ang="0">
              <a:pos x="14273" y="869"/>
            </a:cxn>
            <a:cxn ang="0">
              <a:pos x="14173" y="124"/>
            </a:cxn>
            <a:cxn ang="0">
              <a:pos x="13871" y="1614"/>
            </a:cxn>
            <a:cxn ang="0">
              <a:pos x="13972" y="1862"/>
            </a:cxn>
            <a:cxn ang="0">
              <a:pos x="14072" y="3475"/>
            </a:cxn>
            <a:cxn ang="0">
              <a:pos x="13168" y="3600"/>
            </a:cxn>
            <a:cxn ang="0">
              <a:pos x="12866" y="2731"/>
            </a:cxn>
            <a:cxn ang="0">
              <a:pos x="12162" y="4220"/>
            </a:cxn>
            <a:cxn ang="0">
              <a:pos x="11258" y="4096"/>
            </a:cxn>
            <a:cxn ang="0">
              <a:pos x="10454" y="4220"/>
            </a:cxn>
            <a:cxn ang="0">
              <a:pos x="9951" y="4096"/>
            </a:cxn>
            <a:cxn ang="0">
              <a:pos x="9649" y="4344"/>
            </a:cxn>
            <a:cxn ang="0">
              <a:pos x="9750" y="5834"/>
            </a:cxn>
            <a:cxn ang="0">
              <a:pos x="9147" y="4717"/>
            </a:cxn>
            <a:cxn ang="0">
              <a:pos x="8544" y="3848"/>
            </a:cxn>
            <a:cxn ang="0">
              <a:pos x="7639" y="2731"/>
            </a:cxn>
            <a:cxn ang="0">
              <a:pos x="7438" y="3724"/>
            </a:cxn>
            <a:cxn ang="0">
              <a:pos x="6634" y="3848"/>
            </a:cxn>
            <a:cxn ang="0">
              <a:pos x="6433" y="5337"/>
            </a:cxn>
            <a:cxn ang="0">
              <a:pos x="5528" y="5213"/>
            </a:cxn>
            <a:cxn ang="0">
              <a:pos x="4523" y="5461"/>
            </a:cxn>
            <a:cxn ang="0">
              <a:pos x="4121" y="6082"/>
            </a:cxn>
            <a:cxn ang="0">
              <a:pos x="3920" y="6703"/>
            </a:cxn>
            <a:cxn ang="0">
              <a:pos x="3418" y="8316"/>
            </a:cxn>
            <a:cxn ang="0">
              <a:pos x="2513" y="8316"/>
            </a:cxn>
            <a:cxn ang="0">
              <a:pos x="1508" y="8813"/>
            </a:cxn>
            <a:cxn ang="0">
              <a:pos x="0" y="9681"/>
            </a:cxn>
            <a:cxn ang="0">
              <a:pos x="704" y="12412"/>
            </a:cxn>
            <a:cxn ang="0">
              <a:pos x="1106" y="13405"/>
            </a:cxn>
            <a:cxn ang="0">
              <a:pos x="2111" y="13157"/>
            </a:cxn>
            <a:cxn ang="0">
              <a:pos x="3216" y="12536"/>
            </a:cxn>
            <a:cxn ang="0">
              <a:pos x="4423" y="12660"/>
            </a:cxn>
            <a:cxn ang="0">
              <a:pos x="5327" y="13033"/>
            </a:cxn>
            <a:cxn ang="0">
              <a:pos x="6835" y="13281"/>
            </a:cxn>
            <a:cxn ang="0">
              <a:pos x="6835" y="14026"/>
            </a:cxn>
            <a:cxn ang="0">
              <a:pos x="7740" y="14770"/>
            </a:cxn>
            <a:cxn ang="0">
              <a:pos x="8644" y="15019"/>
            </a:cxn>
            <a:cxn ang="0">
              <a:pos x="10052" y="14026"/>
            </a:cxn>
            <a:cxn ang="0">
              <a:pos x="10454" y="14026"/>
            </a:cxn>
            <a:cxn ang="0">
              <a:pos x="11459" y="14522"/>
            </a:cxn>
            <a:cxn ang="0">
              <a:pos x="10655" y="15019"/>
            </a:cxn>
            <a:cxn ang="0">
              <a:pos x="10956" y="16384"/>
            </a:cxn>
          </a:cxnLst>
          <a:rect l="0" t="0" r="r" b="b"/>
          <a:pathLst>
            <a:path w="16384" h="16384">
              <a:moveTo>
                <a:pt x="10956" y="16384"/>
              </a:moveTo>
              <a:lnTo>
                <a:pt x="11559" y="16260"/>
              </a:lnTo>
              <a:lnTo>
                <a:pt x="12263" y="16012"/>
              </a:lnTo>
              <a:lnTo>
                <a:pt x="12866" y="15888"/>
              </a:lnTo>
              <a:lnTo>
                <a:pt x="13469" y="15888"/>
              </a:lnTo>
              <a:lnTo>
                <a:pt x="14273" y="15888"/>
              </a:lnTo>
              <a:lnTo>
                <a:pt x="14977" y="15888"/>
              </a:lnTo>
              <a:lnTo>
                <a:pt x="15680" y="16136"/>
              </a:lnTo>
              <a:lnTo>
                <a:pt x="16283" y="16012"/>
              </a:lnTo>
              <a:lnTo>
                <a:pt x="16283" y="15267"/>
              </a:lnTo>
              <a:lnTo>
                <a:pt x="15982" y="14770"/>
              </a:lnTo>
              <a:lnTo>
                <a:pt x="15580" y="14398"/>
              </a:lnTo>
              <a:lnTo>
                <a:pt x="15580" y="13653"/>
              </a:lnTo>
              <a:lnTo>
                <a:pt x="15781" y="12909"/>
              </a:lnTo>
              <a:lnTo>
                <a:pt x="15982" y="12288"/>
              </a:lnTo>
              <a:lnTo>
                <a:pt x="16283" y="11916"/>
              </a:lnTo>
              <a:lnTo>
                <a:pt x="16283" y="11543"/>
              </a:lnTo>
              <a:lnTo>
                <a:pt x="16082" y="11295"/>
              </a:lnTo>
              <a:lnTo>
                <a:pt x="15881" y="11295"/>
              </a:lnTo>
              <a:lnTo>
                <a:pt x="15680" y="11295"/>
              </a:lnTo>
              <a:lnTo>
                <a:pt x="15680" y="10799"/>
              </a:lnTo>
              <a:lnTo>
                <a:pt x="15680" y="9681"/>
              </a:lnTo>
              <a:lnTo>
                <a:pt x="15781" y="8813"/>
              </a:lnTo>
              <a:lnTo>
                <a:pt x="16082" y="8564"/>
              </a:lnTo>
              <a:lnTo>
                <a:pt x="15982" y="7944"/>
              </a:lnTo>
              <a:lnTo>
                <a:pt x="15580" y="7199"/>
              </a:lnTo>
              <a:lnTo>
                <a:pt x="15680" y="6703"/>
              </a:lnTo>
              <a:lnTo>
                <a:pt x="15982" y="5710"/>
              </a:lnTo>
              <a:lnTo>
                <a:pt x="15982" y="4717"/>
              </a:lnTo>
              <a:lnTo>
                <a:pt x="16283" y="3848"/>
              </a:lnTo>
              <a:lnTo>
                <a:pt x="16384" y="2979"/>
              </a:lnTo>
              <a:lnTo>
                <a:pt x="16384" y="2358"/>
              </a:lnTo>
              <a:lnTo>
                <a:pt x="16183" y="1738"/>
              </a:lnTo>
              <a:lnTo>
                <a:pt x="15178" y="1614"/>
              </a:lnTo>
              <a:lnTo>
                <a:pt x="14575" y="1738"/>
              </a:lnTo>
              <a:lnTo>
                <a:pt x="14474" y="1489"/>
              </a:lnTo>
              <a:lnTo>
                <a:pt x="14273" y="1365"/>
              </a:lnTo>
              <a:lnTo>
                <a:pt x="14273" y="869"/>
              </a:lnTo>
              <a:lnTo>
                <a:pt x="14072" y="621"/>
              </a:lnTo>
              <a:lnTo>
                <a:pt x="14173" y="124"/>
              </a:lnTo>
              <a:lnTo>
                <a:pt x="13972" y="0"/>
              </a:lnTo>
              <a:lnTo>
                <a:pt x="13871" y="1614"/>
              </a:lnTo>
              <a:lnTo>
                <a:pt x="13771" y="1489"/>
              </a:lnTo>
              <a:lnTo>
                <a:pt x="13972" y="1862"/>
              </a:lnTo>
              <a:lnTo>
                <a:pt x="14273" y="2358"/>
              </a:lnTo>
              <a:lnTo>
                <a:pt x="14072" y="3475"/>
              </a:lnTo>
              <a:lnTo>
                <a:pt x="12966" y="4592"/>
              </a:lnTo>
              <a:lnTo>
                <a:pt x="13168" y="3600"/>
              </a:lnTo>
              <a:lnTo>
                <a:pt x="13168" y="2855"/>
              </a:lnTo>
              <a:lnTo>
                <a:pt x="12866" y="2731"/>
              </a:lnTo>
              <a:lnTo>
                <a:pt x="12564" y="4220"/>
              </a:lnTo>
              <a:lnTo>
                <a:pt x="12162" y="4220"/>
              </a:lnTo>
              <a:lnTo>
                <a:pt x="11660" y="3600"/>
              </a:lnTo>
              <a:lnTo>
                <a:pt x="11258" y="4096"/>
              </a:lnTo>
              <a:lnTo>
                <a:pt x="10755" y="3972"/>
              </a:lnTo>
              <a:lnTo>
                <a:pt x="10454" y="4220"/>
              </a:lnTo>
              <a:lnTo>
                <a:pt x="10353" y="4468"/>
              </a:lnTo>
              <a:lnTo>
                <a:pt x="9951" y="4096"/>
              </a:lnTo>
              <a:lnTo>
                <a:pt x="9750" y="3600"/>
              </a:lnTo>
              <a:lnTo>
                <a:pt x="9649" y="4344"/>
              </a:lnTo>
              <a:lnTo>
                <a:pt x="9750" y="4965"/>
              </a:lnTo>
              <a:lnTo>
                <a:pt x="9750" y="5834"/>
              </a:lnTo>
              <a:lnTo>
                <a:pt x="9147" y="5585"/>
              </a:lnTo>
              <a:lnTo>
                <a:pt x="9147" y="4717"/>
              </a:lnTo>
              <a:lnTo>
                <a:pt x="8845" y="4096"/>
              </a:lnTo>
              <a:lnTo>
                <a:pt x="8544" y="3848"/>
              </a:lnTo>
              <a:lnTo>
                <a:pt x="7941" y="3848"/>
              </a:lnTo>
              <a:lnTo>
                <a:pt x="7639" y="2731"/>
              </a:lnTo>
              <a:lnTo>
                <a:pt x="7438" y="3227"/>
              </a:lnTo>
              <a:lnTo>
                <a:pt x="7438" y="3724"/>
              </a:lnTo>
              <a:lnTo>
                <a:pt x="7438" y="4096"/>
              </a:lnTo>
              <a:lnTo>
                <a:pt x="6634" y="3848"/>
              </a:lnTo>
              <a:lnTo>
                <a:pt x="6232" y="4096"/>
              </a:lnTo>
              <a:lnTo>
                <a:pt x="6433" y="5337"/>
              </a:lnTo>
              <a:lnTo>
                <a:pt x="6031" y="5337"/>
              </a:lnTo>
              <a:lnTo>
                <a:pt x="5528" y="5213"/>
              </a:lnTo>
              <a:lnTo>
                <a:pt x="5126" y="5585"/>
              </a:lnTo>
              <a:lnTo>
                <a:pt x="4523" y="5461"/>
              </a:lnTo>
              <a:lnTo>
                <a:pt x="4222" y="5710"/>
              </a:lnTo>
              <a:lnTo>
                <a:pt x="4121" y="6082"/>
              </a:lnTo>
              <a:lnTo>
                <a:pt x="4121" y="6578"/>
              </a:lnTo>
              <a:lnTo>
                <a:pt x="3920" y="6703"/>
              </a:lnTo>
              <a:lnTo>
                <a:pt x="3719" y="7571"/>
              </a:lnTo>
              <a:lnTo>
                <a:pt x="3418" y="8316"/>
              </a:lnTo>
              <a:lnTo>
                <a:pt x="3116" y="8440"/>
              </a:lnTo>
              <a:lnTo>
                <a:pt x="2513" y="8316"/>
              </a:lnTo>
              <a:lnTo>
                <a:pt x="2010" y="8440"/>
              </a:lnTo>
              <a:lnTo>
                <a:pt x="1508" y="8813"/>
              </a:lnTo>
              <a:lnTo>
                <a:pt x="603" y="9061"/>
              </a:lnTo>
              <a:lnTo>
                <a:pt x="0" y="9681"/>
              </a:lnTo>
              <a:lnTo>
                <a:pt x="0" y="11792"/>
              </a:lnTo>
              <a:lnTo>
                <a:pt x="704" y="12412"/>
              </a:lnTo>
              <a:lnTo>
                <a:pt x="1005" y="13157"/>
              </a:lnTo>
              <a:lnTo>
                <a:pt x="1106" y="13405"/>
              </a:lnTo>
              <a:lnTo>
                <a:pt x="1307" y="13281"/>
              </a:lnTo>
              <a:lnTo>
                <a:pt x="2111" y="13157"/>
              </a:lnTo>
              <a:lnTo>
                <a:pt x="2613" y="12412"/>
              </a:lnTo>
              <a:lnTo>
                <a:pt x="3216" y="12536"/>
              </a:lnTo>
              <a:lnTo>
                <a:pt x="4021" y="12412"/>
              </a:lnTo>
              <a:lnTo>
                <a:pt x="4423" y="12660"/>
              </a:lnTo>
              <a:lnTo>
                <a:pt x="5026" y="12660"/>
              </a:lnTo>
              <a:lnTo>
                <a:pt x="5327" y="13033"/>
              </a:lnTo>
              <a:lnTo>
                <a:pt x="6533" y="13033"/>
              </a:lnTo>
              <a:lnTo>
                <a:pt x="6835" y="13281"/>
              </a:lnTo>
              <a:lnTo>
                <a:pt x="6533" y="14026"/>
              </a:lnTo>
              <a:lnTo>
                <a:pt x="6835" y="14026"/>
              </a:lnTo>
              <a:lnTo>
                <a:pt x="7137" y="14522"/>
              </a:lnTo>
              <a:lnTo>
                <a:pt x="7740" y="14770"/>
              </a:lnTo>
              <a:lnTo>
                <a:pt x="7840" y="15143"/>
              </a:lnTo>
              <a:lnTo>
                <a:pt x="8644" y="15019"/>
              </a:lnTo>
              <a:lnTo>
                <a:pt x="9247" y="14398"/>
              </a:lnTo>
              <a:lnTo>
                <a:pt x="10052" y="14026"/>
              </a:lnTo>
              <a:lnTo>
                <a:pt x="10253" y="13405"/>
              </a:lnTo>
              <a:lnTo>
                <a:pt x="10454" y="14026"/>
              </a:lnTo>
              <a:lnTo>
                <a:pt x="11157" y="14026"/>
              </a:lnTo>
              <a:lnTo>
                <a:pt x="11459" y="14522"/>
              </a:lnTo>
              <a:lnTo>
                <a:pt x="10956" y="14895"/>
              </a:lnTo>
              <a:lnTo>
                <a:pt x="10655" y="15019"/>
              </a:lnTo>
              <a:lnTo>
                <a:pt x="10454" y="15888"/>
              </a:lnTo>
              <a:lnTo>
                <a:pt x="10956" y="16384"/>
              </a:lnTo>
              <a:close/>
            </a:path>
          </a:pathLst>
        </a:custGeom>
        <a:solidFill>
          <a:srgbClr val="FF0000"/>
        </a:solidFill>
        <a:ln w="9525" cap="flat">
          <a:solidFill>
            <a:srgbClr val="000000"/>
          </a:solidFill>
          <a:prstDash val="solid"/>
          <a:round/>
          <a:headEnd/>
          <a:tailEnd/>
        </a:ln>
      </xdr:spPr>
    </xdr:sp>
    <xdr:clientData/>
  </xdr:twoCellAnchor>
  <xdr:twoCellAnchor editAs="oneCell">
    <xdr:from>
      <xdr:col>11</xdr:col>
      <xdr:colOff>333375</xdr:colOff>
      <xdr:row>28</xdr:row>
      <xdr:rowOff>114300</xdr:rowOff>
    </xdr:from>
    <xdr:to>
      <xdr:col>13</xdr:col>
      <xdr:colOff>333375</xdr:colOff>
      <xdr:row>34</xdr:row>
      <xdr:rowOff>114301</xdr:rowOff>
    </xdr:to>
    <xdr:sp macro="" textlink="">
      <xdr:nvSpPr>
        <xdr:cNvPr id="303" name="d14204">
          <a:extLst>
            <a:ext uri="{FF2B5EF4-FFF2-40B4-BE49-F238E27FC236}">
              <a16:creationId xmlns:a16="http://schemas.microsoft.com/office/drawing/2014/main" id="{00000000-0008-0000-0000-00002F010000}"/>
            </a:ext>
          </a:extLst>
        </xdr:cNvPr>
        <xdr:cNvSpPr>
          <a:spLocks/>
        </xdr:cNvSpPr>
      </xdr:nvSpPr>
      <xdr:spPr bwMode="auto">
        <a:xfrm>
          <a:off x="7038975" y="4381500"/>
          <a:ext cx="1219200" cy="914401"/>
        </a:xfrm>
        <a:custGeom>
          <a:avLst/>
          <a:gdLst/>
          <a:ahLst/>
          <a:cxnLst>
            <a:cxn ang="0">
              <a:pos x="16384" y="11093"/>
            </a:cxn>
            <a:cxn ang="0">
              <a:pos x="15616" y="10240"/>
            </a:cxn>
            <a:cxn ang="0">
              <a:pos x="15744" y="8704"/>
            </a:cxn>
            <a:cxn ang="0">
              <a:pos x="14208" y="8192"/>
            </a:cxn>
            <a:cxn ang="0">
              <a:pos x="13056" y="7680"/>
            </a:cxn>
            <a:cxn ang="0">
              <a:pos x="12800" y="5461"/>
            </a:cxn>
            <a:cxn ang="0">
              <a:pos x="11648" y="5461"/>
            </a:cxn>
            <a:cxn ang="0">
              <a:pos x="10368" y="4437"/>
            </a:cxn>
            <a:cxn ang="0">
              <a:pos x="9600" y="2901"/>
            </a:cxn>
            <a:cxn ang="0">
              <a:pos x="8832" y="1365"/>
            </a:cxn>
            <a:cxn ang="0">
              <a:pos x="7424" y="3243"/>
            </a:cxn>
            <a:cxn ang="0">
              <a:pos x="5504" y="1877"/>
            </a:cxn>
            <a:cxn ang="0">
              <a:pos x="4224" y="1536"/>
            </a:cxn>
            <a:cxn ang="0">
              <a:pos x="2432" y="0"/>
            </a:cxn>
            <a:cxn ang="0">
              <a:pos x="1408" y="1877"/>
            </a:cxn>
            <a:cxn ang="0">
              <a:pos x="1536" y="2901"/>
            </a:cxn>
            <a:cxn ang="0">
              <a:pos x="2944" y="4608"/>
            </a:cxn>
            <a:cxn ang="0">
              <a:pos x="3456" y="5973"/>
            </a:cxn>
            <a:cxn ang="0">
              <a:pos x="4480" y="6485"/>
            </a:cxn>
            <a:cxn ang="0">
              <a:pos x="3200" y="8704"/>
            </a:cxn>
            <a:cxn ang="0">
              <a:pos x="2304" y="9216"/>
            </a:cxn>
            <a:cxn ang="0">
              <a:pos x="1536" y="10581"/>
            </a:cxn>
            <a:cxn ang="0">
              <a:pos x="1408" y="12629"/>
            </a:cxn>
            <a:cxn ang="0">
              <a:pos x="512" y="13824"/>
            </a:cxn>
            <a:cxn ang="0">
              <a:pos x="384" y="14848"/>
            </a:cxn>
            <a:cxn ang="0">
              <a:pos x="1152" y="15360"/>
            </a:cxn>
            <a:cxn ang="0">
              <a:pos x="2816" y="15360"/>
            </a:cxn>
            <a:cxn ang="0">
              <a:pos x="4096" y="15701"/>
            </a:cxn>
            <a:cxn ang="0">
              <a:pos x="5632" y="16384"/>
            </a:cxn>
            <a:cxn ang="0">
              <a:pos x="6784" y="16043"/>
            </a:cxn>
            <a:cxn ang="0">
              <a:pos x="7296" y="14677"/>
            </a:cxn>
            <a:cxn ang="0">
              <a:pos x="8832" y="14848"/>
            </a:cxn>
            <a:cxn ang="0">
              <a:pos x="9728" y="16043"/>
            </a:cxn>
            <a:cxn ang="0">
              <a:pos x="11520" y="14848"/>
            </a:cxn>
            <a:cxn ang="0">
              <a:pos x="12928" y="13653"/>
            </a:cxn>
            <a:cxn ang="0">
              <a:pos x="14720" y="12800"/>
            </a:cxn>
            <a:cxn ang="0">
              <a:pos x="15744" y="11776"/>
            </a:cxn>
          </a:cxnLst>
          <a:rect l="0" t="0" r="r" b="b"/>
          <a:pathLst>
            <a:path w="16384" h="16384">
              <a:moveTo>
                <a:pt x="16256" y="11776"/>
              </a:moveTo>
              <a:lnTo>
                <a:pt x="16384" y="11093"/>
              </a:lnTo>
              <a:lnTo>
                <a:pt x="16000" y="10581"/>
              </a:lnTo>
              <a:lnTo>
                <a:pt x="15616" y="10240"/>
              </a:lnTo>
              <a:lnTo>
                <a:pt x="15616" y="9557"/>
              </a:lnTo>
              <a:lnTo>
                <a:pt x="15744" y="8704"/>
              </a:lnTo>
              <a:lnTo>
                <a:pt x="15360" y="8021"/>
              </a:lnTo>
              <a:lnTo>
                <a:pt x="14208" y="8192"/>
              </a:lnTo>
              <a:lnTo>
                <a:pt x="13696" y="8021"/>
              </a:lnTo>
              <a:lnTo>
                <a:pt x="13056" y="7680"/>
              </a:lnTo>
              <a:lnTo>
                <a:pt x="13056" y="6827"/>
              </a:lnTo>
              <a:lnTo>
                <a:pt x="12800" y="5461"/>
              </a:lnTo>
              <a:lnTo>
                <a:pt x="12544" y="5461"/>
              </a:lnTo>
              <a:lnTo>
                <a:pt x="11648" y="5461"/>
              </a:lnTo>
              <a:lnTo>
                <a:pt x="11136" y="5291"/>
              </a:lnTo>
              <a:lnTo>
                <a:pt x="10368" y="4437"/>
              </a:lnTo>
              <a:lnTo>
                <a:pt x="9728" y="3584"/>
              </a:lnTo>
              <a:lnTo>
                <a:pt x="9600" y="2901"/>
              </a:lnTo>
              <a:lnTo>
                <a:pt x="9344" y="1707"/>
              </a:lnTo>
              <a:lnTo>
                <a:pt x="8832" y="1365"/>
              </a:lnTo>
              <a:lnTo>
                <a:pt x="8448" y="2389"/>
              </a:lnTo>
              <a:lnTo>
                <a:pt x="7424" y="3243"/>
              </a:lnTo>
              <a:lnTo>
                <a:pt x="6272" y="2731"/>
              </a:lnTo>
              <a:lnTo>
                <a:pt x="5504" y="1877"/>
              </a:lnTo>
              <a:lnTo>
                <a:pt x="5248" y="2048"/>
              </a:lnTo>
              <a:lnTo>
                <a:pt x="4224" y="1536"/>
              </a:lnTo>
              <a:lnTo>
                <a:pt x="3328" y="1024"/>
              </a:lnTo>
              <a:lnTo>
                <a:pt x="2432" y="0"/>
              </a:lnTo>
              <a:lnTo>
                <a:pt x="2048" y="1365"/>
              </a:lnTo>
              <a:lnTo>
                <a:pt x="1408" y="1877"/>
              </a:lnTo>
              <a:lnTo>
                <a:pt x="1280" y="2389"/>
              </a:lnTo>
              <a:lnTo>
                <a:pt x="1536" y="2901"/>
              </a:lnTo>
              <a:lnTo>
                <a:pt x="2560" y="2901"/>
              </a:lnTo>
              <a:lnTo>
                <a:pt x="2944" y="4608"/>
              </a:lnTo>
              <a:lnTo>
                <a:pt x="3584" y="4779"/>
              </a:lnTo>
              <a:lnTo>
                <a:pt x="3456" y="5973"/>
              </a:lnTo>
              <a:lnTo>
                <a:pt x="4096" y="5973"/>
              </a:lnTo>
              <a:lnTo>
                <a:pt x="4480" y="6485"/>
              </a:lnTo>
              <a:lnTo>
                <a:pt x="4096" y="7339"/>
              </a:lnTo>
              <a:lnTo>
                <a:pt x="3200" y="8704"/>
              </a:lnTo>
              <a:lnTo>
                <a:pt x="2560" y="8704"/>
              </a:lnTo>
              <a:lnTo>
                <a:pt x="2304" y="9216"/>
              </a:lnTo>
              <a:lnTo>
                <a:pt x="1920" y="10240"/>
              </a:lnTo>
              <a:lnTo>
                <a:pt x="1536" y="10581"/>
              </a:lnTo>
              <a:lnTo>
                <a:pt x="1408" y="11776"/>
              </a:lnTo>
              <a:lnTo>
                <a:pt x="1408" y="12629"/>
              </a:lnTo>
              <a:lnTo>
                <a:pt x="1152" y="13312"/>
              </a:lnTo>
              <a:lnTo>
                <a:pt x="512" y="13824"/>
              </a:lnTo>
              <a:lnTo>
                <a:pt x="0" y="15019"/>
              </a:lnTo>
              <a:lnTo>
                <a:pt x="384" y="14848"/>
              </a:lnTo>
              <a:lnTo>
                <a:pt x="512" y="15189"/>
              </a:lnTo>
              <a:lnTo>
                <a:pt x="1152" y="15360"/>
              </a:lnTo>
              <a:lnTo>
                <a:pt x="2048" y="15360"/>
              </a:lnTo>
              <a:lnTo>
                <a:pt x="2816" y="15360"/>
              </a:lnTo>
              <a:lnTo>
                <a:pt x="3584" y="15531"/>
              </a:lnTo>
              <a:lnTo>
                <a:pt x="4096" y="15701"/>
              </a:lnTo>
              <a:lnTo>
                <a:pt x="4736" y="16213"/>
              </a:lnTo>
              <a:lnTo>
                <a:pt x="5632" y="16384"/>
              </a:lnTo>
              <a:lnTo>
                <a:pt x="6016" y="16384"/>
              </a:lnTo>
              <a:lnTo>
                <a:pt x="6784" y="16043"/>
              </a:lnTo>
              <a:lnTo>
                <a:pt x="7040" y="15019"/>
              </a:lnTo>
              <a:lnTo>
                <a:pt x="7296" y="14677"/>
              </a:lnTo>
              <a:lnTo>
                <a:pt x="8192" y="14848"/>
              </a:lnTo>
              <a:lnTo>
                <a:pt x="8832" y="14848"/>
              </a:lnTo>
              <a:lnTo>
                <a:pt x="9472" y="15360"/>
              </a:lnTo>
              <a:lnTo>
                <a:pt x="9728" y="16043"/>
              </a:lnTo>
              <a:lnTo>
                <a:pt x="10624" y="15701"/>
              </a:lnTo>
              <a:lnTo>
                <a:pt x="11520" y="14848"/>
              </a:lnTo>
              <a:lnTo>
                <a:pt x="12160" y="14677"/>
              </a:lnTo>
              <a:lnTo>
                <a:pt x="12928" y="13653"/>
              </a:lnTo>
              <a:lnTo>
                <a:pt x="13440" y="13653"/>
              </a:lnTo>
              <a:lnTo>
                <a:pt x="14720" y="12800"/>
              </a:lnTo>
              <a:lnTo>
                <a:pt x="14976" y="12629"/>
              </a:lnTo>
              <a:lnTo>
                <a:pt x="15744" y="11776"/>
              </a:lnTo>
              <a:lnTo>
                <a:pt x="16256" y="11776"/>
              </a:lnTo>
              <a:close/>
            </a:path>
          </a:pathLst>
        </a:custGeom>
        <a:solidFill>
          <a:srgbClr val="FF6600"/>
        </a:solidFill>
        <a:ln w="9525" cap="flat">
          <a:solidFill>
            <a:srgbClr val="000000"/>
          </a:solidFill>
          <a:prstDash val="solid"/>
          <a:round/>
          <a:headEnd/>
          <a:tailEnd/>
        </a:ln>
      </xdr:spPr>
    </xdr:sp>
    <xdr:clientData/>
  </xdr:twoCellAnchor>
  <xdr:twoCellAnchor editAs="oneCell">
    <xdr:from>
      <xdr:col>9</xdr:col>
      <xdr:colOff>485775</xdr:colOff>
      <xdr:row>22</xdr:row>
      <xdr:rowOff>142875</xdr:rowOff>
    </xdr:from>
    <xdr:to>
      <xdr:col>12</xdr:col>
      <xdr:colOff>57150</xdr:colOff>
      <xdr:row>34</xdr:row>
      <xdr:rowOff>47624</xdr:rowOff>
    </xdr:to>
    <xdr:sp macro="" textlink="">
      <xdr:nvSpPr>
        <xdr:cNvPr id="304" name="d14205">
          <a:extLst>
            <a:ext uri="{FF2B5EF4-FFF2-40B4-BE49-F238E27FC236}">
              <a16:creationId xmlns:a16="http://schemas.microsoft.com/office/drawing/2014/main" id="{00000000-0008-0000-0000-000030010000}"/>
            </a:ext>
          </a:extLst>
        </xdr:cNvPr>
        <xdr:cNvSpPr>
          <a:spLocks/>
        </xdr:cNvSpPr>
      </xdr:nvSpPr>
      <xdr:spPr bwMode="auto">
        <a:xfrm>
          <a:off x="5972175" y="3495675"/>
          <a:ext cx="1400175" cy="1733549"/>
        </a:xfrm>
        <a:custGeom>
          <a:avLst/>
          <a:gdLst/>
          <a:ahLst/>
          <a:cxnLst>
            <a:cxn ang="0">
              <a:pos x="12037" y="5851"/>
            </a:cxn>
            <a:cxn ang="0">
              <a:pos x="11368" y="5311"/>
            </a:cxn>
            <a:cxn ang="0">
              <a:pos x="11257" y="4411"/>
            </a:cxn>
            <a:cxn ang="0">
              <a:pos x="11146" y="3601"/>
            </a:cxn>
            <a:cxn ang="0">
              <a:pos x="11146" y="2701"/>
            </a:cxn>
            <a:cxn ang="0">
              <a:pos x="11257" y="1800"/>
            </a:cxn>
            <a:cxn ang="0">
              <a:pos x="10477" y="1260"/>
            </a:cxn>
            <a:cxn ang="0">
              <a:pos x="9808" y="180"/>
            </a:cxn>
            <a:cxn ang="0">
              <a:pos x="9139" y="1080"/>
            </a:cxn>
            <a:cxn ang="0">
              <a:pos x="8136" y="900"/>
            </a:cxn>
            <a:cxn ang="0">
              <a:pos x="7356" y="450"/>
            </a:cxn>
            <a:cxn ang="0">
              <a:pos x="8025" y="1530"/>
            </a:cxn>
            <a:cxn ang="0">
              <a:pos x="8025" y="2971"/>
            </a:cxn>
            <a:cxn ang="0">
              <a:pos x="7245" y="3331"/>
            </a:cxn>
            <a:cxn ang="0">
              <a:pos x="6576" y="2521"/>
            </a:cxn>
            <a:cxn ang="0">
              <a:pos x="5127" y="1710"/>
            </a:cxn>
            <a:cxn ang="0">
              <a:pos x="4235" y="2071"/>
            </a:cxn>
            <a:cxn ang="0">
              <a:pos x="2341" y="2611"/>
            </a:cxn>
            <a:cxn ang="0">
              <a:pos x="1560" y="3871"/>
            </a:cxn>
            <a:cxn ang="0">
              <a:pos x="892" y="4231"/>
            </a:cxn>
            <a:cxn ang="0">
              <a:pos x="223" y="4051"/>
            </a:cxn>
            <a:cxn ang="0">
              <a:pos x="446" y="4591"/>
            </a:cxn>
            <a:cxn ang="0">
              <a:pos x="892" y="5401"/>
            </a:cxn>
            <a:cxn ang="0">
              <a:pos x="1226" y="6842"/>
            </a:cxn>
            <a:cxn ang="0">
              <a:pos x="3121" y="6212"/>
            </a:cxn>
            <a:cxn ang="0">
              <a:pos x="4904" y="6302"/>
            </a:cxn>
            <a:cxn ang="0">
              <a:pos x="4904" y="7382"/>
            </a:cxn>
            <a:cxn ang="0">
              <a:pos x="4570" y="7922"/>
            </a:cxn>
            <a:cxn ang="0">
              <a:pos x="5238" y="7652"/>
            </a:cxn>
            <a:cxn ang="0">
              <a:pos x="5350" y="8372"/>
            </a:cxn>
            <a:cxn ang="0">
              <a:pos x="6130" y="8822"/>
            </a:cxn>
            <a:cxn ang="0">
              <a:pos x="5684" y="9452"/>
            </a:cxn>
            <a:cxn ang="0">
              <a:pos x="6242" y="10533"/>
            </a:cxn>
            <a:cxn ang="0">
              <a:pos x="6464" y="11343"/>
            </a:cxn>
            <a:cxn ang="0">
              <a:pos x="6687" y="12423"/>
            </a:cxn>
            <a:cxn ang="0">
              <a:pos x="6242" y="13593"/>
            </a:cxn>
            <a:cxn ang="0">
              <a:pos x="5907" y="14764"/>
            </a:cxn>
            <a:cxn ang="0">
              <a:pos x="7356" y="14854"/>
            </a:cxn>
            <a:cxn ang="0">
              <a:pos x="9139" y="15034"/>
            </a:cxn>
            <a:cxn ang="0">
              <a:pos x="10588" y="15484"/>
            </a:cxn>
            <a:cxn ang="0">
              <a:pos x="11814" y="16384"/>
            </a:cxn>
            <a:cxn ang="0">
              <a:pos x="12483" y="16294"/>
            </a:cxn>
            <a:cxn ang="0">
              <a:pos x="13486" y="15394"/>
            </a:cxn>
            <a:cxn ang="0">
              <a:pos x="13709" y="14584"/>
            </a:cxn>
            <a:cxn ang="0">
              <a:pos x="14155" y="13773"/>
            </a:cxn>
            <a:cxn ang="0">
              <a:pos x="14712" y="12963"/>
            </a:cxn>
            <a:cxn ang="0">
              <a:pos x="16050" y="12243"/>
            </a:cxn>
            <a:cxn ang="0">
              <a:pos x="16050" y="11523"/>
            </a:cxn>
            <a:cxn ang="0">
              <a:pos x="15604" y="10893"/>
            </a:cxn>
            <a:cxn ang="0">
              <a:pos x="14712" y="9902"/>
            </a:cxn>
            <a:cxn ang="0">
              <a:pos x="13598" y="9632"/>
            </a:cxn>
            <a:cxn ang="0">
              <a:pos x="12372" y="9542"/>
            </a:cxn>
            <a:cxn ang="0">
              <a:pos x="12706" y="8372"/>
            </a:cxn>
            <a:cxn ang="0">
              <a:pos x="13375" y="7652"/>
            </a:cxn>
            <a:cxn ang="0">
              <a:pos x="13263" y="6932"/>
            </a:cxn>
            <a:cxn ang="0">
              <a:pos x="12483" y="6482"/>
            </a:cxn>
          </a:cxnLst>
          <a:rect l="0" t="0" r="r" b="b"/>
          <a:pathLst>
            <a:path w="16384" h="16384">
              <a:moveTo>
                <a:pt x="12260" y="5941"/>
              </a:moveTo>
              <a:lnTo>
                <a:pt x="12037" y="5851"/>
              </a:lnTo>
              <a:lnTo>
                <a:pt x="11814" y="5581"/>
              </a:lnTo>
              <a:lnTo>
                <a:pt x="11368" y="5311"/>
              </a:lnTo>
              <a:lnTo>
                <a:pt x="11368" y="4861"/>
              </a:lnTo>
              <a:lnTo>
                <a:pt x="11257" y="4411"/>
              </a:lnTo>
              <a:lnTo>
                <a:pt x="11034" y="4051"/>
              </a:lnTo>
              <a:lnTo>
                <a:pt x="11146" y="3601"/>
              </a:lnTo>
              <a:lnTo>
                <a:pt x="11034" y="3241"/>
              </a:lnTo>
              <a:lnTo>
                <a:pt x="11146" y="2701"/>
              </a:lnTo>
              <a:lnTo>
                <a:pt x="11257" y="2161"/>
              </a:lnTo>
              <a:lnTo>
                <a:pt x="11257" y="1800"/>
              </a:lnTo>
              <a:lnTo>
                <a:pt x="10923" y="1530"/>
              </a:lnTo>
              <a:lnTo>
                <a:pt x="10477" y="1260"/>
              </a:lnTo>
              <a:lnTo>
                <a:pt x="9697" y="990"/>
              </a:lnTo>
              <a:lnTo>
                <a:pt x="9808" y="180"/>
              </a:lnTo>
              <a:lnTo>
                <a:pt x="9362" y="0"/>
              </a:lnTo>
              <a:lnTo>
                <a:pt x="9139" y="1080"/>
              </a:lnTo>
              <a:lnTo>
                <a:pt x="8694" y="990"/>
              </a:lnTo>
              <a:lnTo>
                <a:pt x="8136" y="900"/>
              </a:lnTo>
              <a:lnTo>
                <a:pt x="7690" y="720"/>
              </a:lnTo>
              <a:lnTo>
                <a:pt x="7356" y="450"/>
              </a:lnTo>
              <a:lnTo>
                <a:pt x="6799" y="720"/>
              </a:lnTo>
              <a:lnTo>
                <a:pt x="8025" y="1530"/>
              </a:lnTo>
              <a:lnTo>
                <a:pt x="8471" y="1980"/>
              </a:lnTo>
              <a:lnTo>
                <a:pt x="8025" y="2971"/>
              </a:lnTo>
              <a:lnTo>
                <a:pt x="7133" y="2971"/>
              </a:lnTo>
              <a:lnTo>
                <a:pt x="7245" y="3331"/>
              </a:lnTo>
              <a:lnTo>
                <a:pt x="6687" y="3151"/>
              </a:lnTo>
              <a:lnTo>
                <a:pt x="6576" y="2521"/>
              </a:lnTo>
              <a:lnTo>
                <a:pt x="6130" y="2161"/>
              </a:lnTo>
              <a:lnTo>
                <a:pt x="5127" y="1710"/>
              </a:lnTo>
              <a:lnTo>
                <a:pt x="4235" y="1710"/>
              </a:lnTo>
              <a:lnTo>
                <a:pt x="4235" y="2071"/>
              </a:lnTo>
              <a:lnTo>
                <a:pt x="2786" y="1800"/>
              </a:lnTo>
              <a:lnTo>
                <a:pt x="2341" y="2611"/>
              </a:lnTo>
              <a:lnTo>
                <a:pt x="1783" y="3241"/>
              </a:lnTo>
              <a:lnTo>
                <a:pt x="1560" y="3871"/>
              </a:lnTo>
              <a:lnTo>
                <a:pt x="1226" y="3961"/>
              </a:lnTo>
              <a:lnTo>
                <a:pt x="892" y="4231"/>
              </a:lnTo>
              <a:lnTo>
                <a:pt x="557" y="4051"/>
              </a:lnTo>
              <a:lnTo>
                <a:pt x="223" y="4051"/>
              </a:lnTo>
              <a:lnTo>
                <a:pt x="0" y="4501"/>
              </a:lnTo>
              <a:lnTo>
                <a:pt x="446" y="4591"/>
              </a:lnTo>
              <a:lnTo>
                <a:pt x="223" y="5401"/>
              </a:lnTo>
              <a:lnTo>
                <a:pt x="892" y="5401"/>
              </a:lnTo>
              <a:lnTo>
                <a:pt x="780" y="6212"/>
              </a:lnTo>
              <a:lnTo>
                <a:pt x="1226" y="6842"/>
              </a:lnTo>
              <a:lnTo>
                <a:pt x="1449" y="7112"/>
              </a:lnTo>
              <a:lnTo>
                <a:pt x="3121" y="6212"/>
              </a:lnTo>
              <a:lnTo>
                <a:pt x="3901" y="6392"/>
              </a:lnTo>
              <a:lnTo>
                <a:pt x="4904" y="6302"/>
              </a:lnTo>
              <a:lnTo>
                <a:pt x="5238" y="6932"/>
              </a:lnTo>
              <a:lnTo>
                <a:pt x="4904" y="7382"/>
              </a:lnTo>
              <a:lnTo>
                <a:pt x="4904" y="7652"/>
              </a:lnTo>
              <a:lnTo>
                <a:pt x="4570" y="7922"/>
              </a:lnTo>
              <a:lnTo>
                <a:pt x="4904" y="8102"/>
              </a:lnTo>
              <a:lnTo>
                <a:pt x="5238" y="7652"/>
              </a:lnTo>
              <a:lnTo>
                <a:pt x="5461" y="7742"/>
              </a:lnTo>
              <a:lnTo>
                <a:pt x="5350" y="8372"/>
              </a:lnTo>
              <a:lnTo>
                <a:pt x="6242" y="8282"/>
              </a:lnTo>
              <a:lnTo>
                <a:pt x="6130" y="8822"/>
              </a:lnTo>
              <a:lnTo>
                <a:pt x="5796" y="9002"/>
              </a:lnTo>
              <a:lnTo>
                <a:pt x="5684" y="9452"/>
              </a:lnTo>
              <a:lnTo>
                <a:pt x="5796" y="10172"/>
              </a:lnTo>
              <a:lnTo>
                <a:pt x="6242" y="10533"/>
              </a:lnTo>
              <a:lnTo>
                <a:pt x="6464" y="10983"/>
              </a:lnTo>
              <a:lnTo>
                <a:pt x="6464" y="11343"/>
              </a:lnTo>
              <a:lnTo>
                <a:pt x="6799" y="11793"/>
              </a:lnTo>
              <a:lnTo>
                <a:pt x="6687" y="12423"/>
              </a:lnTo>
              <a:lnTo>
                <a:pt x="6464" y="13053"/>
              </a:lnTo>
              <a:lnTo>
                <a:pt x="6242" y="13593"/>
              </a:lnTo>
              <a:lnTo>
                <a:pt x="6019" y="14223"/>
              </a:lnTo>
              <a:lnTo>
                <a:pt x="5907" y="14764"/>
              </a:lnTo>
              <a:lnTo>
                <a:pt x="6687" y="14764"/>
              </a:lnTo>
              <a:lnTo>
                <a:pt x="7356" y="14854"/>
              </a:lnTo>
              <a:lnTo>
                <a:pt x="8136" y="14944"/>
              </a:lnTo>
              <a:lnTo>
                <a:pt x="9139" y="15034"/>
              </a:lnTo>
              <a:lnTo>
                <a:pt x="9920" y="15304"/>
              </a:lnTo>
              <a:lnTo>
                <a:pt x="10588" y="15484"/>
              </a:lnTo>
              <a:lnTo>
                <a:pt x="11146" y="16024"/>
              </a:lnTo>
              <a:lnTo>
                <a:pt x="11814" y="16384"/>
              </a:lnTo>
              <a:lnTo>
                <a:pt x="12149" y="16384"/>
              </a:lnTo>
              <a:lnTo>
                <a:pt x="12483" y="16294"/>
              </a:lnTo>
              <a:lnTo>
                <a:pt x="12929" y="15664"/>
              </a:lnTo>
              <a:lnTo>
                <a:pt x="13486" y="15394"/>
              </a:lnTo>
              <a:lnTo>
                <a:pt x="13709" y="15034"/>
              </a:lnTo>
              <a:lnTo>
                <a:pt x="13709" y="14584"/>
              </a:lnTo>
              <a:lnTo>
                <a:pt x="13821" y="13953"/>
              </a:lnTo>
              <a:lnTo>
                <a:pt x="14155" y="13773"/>
              </a:lnTo>
              <a:lnTo>
                <a:pt x="14489" y="13233"/>
              </a:lnTo>
              <a:lnTo>
                <a:pt x="14712" y="12963"/>
              </a:lnTo>
              <a:lnTo>
                <a:pt x="15269" y="12963"/>
              </a:lnTo>
              <a:lnTo>
                <a:pt x="16050" y="12243"/>
              </a:lnTo>
              <a:lnTo>
                <a:pt x="16384" y="11793"/>
              </a:lnTo>
              <a:lnTo>
                <a:pt x="16050" y="11523"/>
              </a:lnTo>
              <a:lnTo>
                <a:pt x="15492" y="11523"/>
              </a:lnTo>
              <a:lnTo>
                <a:pt x="15604" y="10893"/>
              </a:lnTo>
              <a:lnTo>
                <a:pt x="15047" y="10803"/>
              </a:lnTo>
              <a:lnTo>
                <a:pt x="14712" y="9902"/>
              </a:lnTo>
              <a:lnTo>
                <a:pt x="13821" y="9902"/>
              </a:lnTo>
              <a:lnTo>
                <a:pt x="13598" y="9632"/>
              </a:lnTo>
              <a:lnTo>
                <a:pt x="13040" y="9722"/>
              </a:lnTo>
              <a:lnTo>
                <a:pt x="12372" y="9542"/>
              </a:lnTo>
              <a:lnTo>
                <a:pt x="12483" y="8912"/>
              </a:lnTo>
              <a:lnTo>
                <a:pt x="12706" y="8372"/>
              </a:lnTo>
              <a:lnTo>
                <a:pt x="12929" y="7922"/>
              </a:lnTo>
              <a:lnTo>
                <a:pt x="13375" y="7652"/>
              </a:lnTo>
              <a:lnTo>
                <a:pt x="13486" y="7382"/>
              </a:lnTo>
              <a:lnTo>
                <a:pt x="13263" y="6932"/>
              </a:lnTo>
              <a:lnTo>
                <a:pt x="12929" y="6662"/>
              </a:lnTo>
              <a:lnTo>
                <a:pt x="12483" y="6482"/>
              </a:lnTo>
              <a:lnTo>
                <a:pt x="12260" y="5941"/>
              </a:lnTo>
              <a:close/>
            </a:path>
          </a:pathLst>
        </a:custGeom>
        <a:solidFill>
          <a:srgbClr val="FF0000"/>
        </a:solidFill>
        <a:ln w="9525" cap="flat">
          <a:solidFill>
            <a:srgbClr val="000000"/>
          </a:solidFill>
          <a:prstDash val="solid"/>
          <a:round/>
          <a:headEnd/>
          <a:tailEnd/>
        </a:ln>
      </xdr:spPr>
    </xdr:sp>
    <xdr:clientData/>
  </xdr:twoCellAnchor>
  <xdr:twoCellAnchor editAs="oneCell">
    <xdr:from>
      <xdr:col>3</xdr:col>
      <xdr:colOff>323850</xdr:colOff>
      <xdr:row>32</xdr:row>
      <xdr:rowOff>19050</xdr:rowOff>
    </xdr:from>
    <xdr:to>
      <xdr:col>6</xdr:col>
      <xdr:colOff>533400</xdr:colOff>
      <xdr:row>45</xdr:row>
      <xdr:rowOff>142875</xdr:rowOff>
    </xdr:to>
    <xdr:sp macro="" textlink="">
      <xdr:nvSpPr>
        <xdr:cNvPr id="305" name="d14206">
          <a:extLst>
            <a:ext uri="{FF2B5EF4-FFF2-40B4-BE49-F238E27FC236}">
              <a16:creationId xmlns:a16="http://schemas.microsoft.com/office/drawing/2014/main" id="{00000000-0008-0000-0000-000031010000}"/>
            </a:ext>
          </a:extLst>
        </xdr:cNvPr>
        <xdr:cNvSpPr>
          <a:spLocks/>
        </xdr:cNvSpPr>
      </xdr:nvSpPr>
      <xdr:spPr bwMode="auto">
        <a:xfrm>
          <a:off x="2152650" y="4895850"/>
          <a:ext cx="2038350" cy="2105025"/>
        </a:xfrm>
        <a:custGeom>
          <a:avLst/>
          <a:gdLst/>
          <a:ahLst/>
          <a:cxnLst>
            <a:cxn ang="0">
              <a:pos x="16078" y="3855"/>
            </a:cxn>
            <a:cxn ang="0">
              <a:pos x="16078" y="3484"/>
            </a:cxn>
            <a:cxn ang="0">
              <a:pos x="16307" y="2669"/>
            </a:cxn>
            <a:cxn ang="0">
              <a:pos x="16384" y="1631"/>
            </a:cxn>
            <a:cxn ang="0">
              <a:pos x="15848" y="1038"/>
            </a:cxn>
            <a:cxn ang="0">
              <a:pos x="14853" y="1409"/>
            </a:cxn>
            <a:cxn ang="0">
              <a:pos x="13551" y="1928"/>
            </a:cxn>
            <a:cxn ang="0">
              <a:pos x="12862" y="1557"/>
            </a:cxn>
            <a:cxn ang="0">
              <a:pos x="11943" y="1038"/>
            </a:cxn>
            <a:cxn ang="0">
              <a:pos x="11254" y="74"/>
            </a:cxn>
            <a:cxn ang="0">
              <a:pos x="10336" y="222"/>
            </a:cxn>
            <a:cxn ang="0">
              <a:pos x="9953" y="890"/>
            </a:cxn>
            <a:cxn ang="0">
              <a:pos x="9570" y="1186"/>
            </a:cxn>
            <a:cxn ang="0">
              <a:pos x="8269" y="1705"/>
            </a:cxn>
            <a:cxn ang="0">
              <a:pos x="7197" y="964"/>
            </a:cxn>
            <a:cxn ang="0">
              <a:pos x="6508" y="1483"/>
            </a:cxn>
            <a:cxn ang="0">
              <a:pos x="6584" y="2150"/>
            </a:cxn>
            <a:cxn ang="0">
              <a:pos x="6584" y="2891"/>
            </a:cxn>
            <a:cxn ang="0">
              <a:pos x="6508" y="3781"/>
            </a:cxn>
            <a:cxn ang="0">
              <a:pos x="6355" y="4448"/>
            </a:cxn>
            <a:cxn ang="0">
              <a:pos x="5436" y="4596"/>
            </a:cxn>
            <a:cxn ang="0">
              <a:pos x="5053" y="5264"/>
            </a:cxn>
            <a:cxn ang="0">
              <a:pos x="2756" y="5486"/>
            </a:cxn>
            <a:cxn ang="0">
              <a:pos x="1455" y="6005"/>
            </a:cxn>
            <a:cxn ang="0">
              <a:pos x="0" y="6153"/>
            </a:cxn>
            <a:cxn ang="0">
              <a:pos x="306" y="6820"/>
            </a:cxn>
            <a:cxn ang="0">
              <a:pos x="459" y="7784"/>
            </a:cxn>
            <a:cxn ang="0">
              <a:pos x="306" y="8229"/>
            </a:cxn>
            <a:cxn ang="0">
              <a:pos x="77" y="8896"/>
            </a:cxn>
            <a:cxn ang="0">
              <a:pos x="766" y="9341"/>
            </a:cxn>
            <a:cxn ang="0">
              <a:pos x="1378" y="9489"/>
            </a:cxn>
            <a:cxn ang="0">
              <a:pos x="2220" y="9860"/>
            </a:cxn>
            <a:cxn ang="0">
              <a:pos x="2833" y="9193"/>
            </a:cxn>
            <a:cxn ang="0">
              <a:pos x="3445" y="9267"/>
            </a:cxn>
            <a:cxn ang="0">
              <a:pos x="4134" y="9564"/>
            </a:cxn>
            <a:cxn ang="0">
              <a:pos x="5436" y="9489"/>
            </a:cxn>
            <a:cxn ang="0">
              <a:pos x="5130" y="10157"/>
            </a:cxn>
            <a:cxn ang="0">
              <a:pos x="5053" y="10824"/>
            </a:cxn>
            <a:cxn ang="0">
              <a:pos x="3981" y="10972"/>
            </a:cxn>
            <a:cxn ang="0">
              <a:pos x="3139" y="11417"/>
            </a:cxn>
            <a:cxn ang="0">
              <a:pos x="2373" y="12010"/>
            </a:cxn>
            <a:cxn ang="0">
              <a:pos x="2144" y="12825"/>
            </a:cxn>
            <a:cxn ang="0">
              <a:pos x="1531" y="13715"/>
            </a:cxn>
            <a:cxn ang="0">
              <a:pos x="2220" y="14382"/>
            </a:cxn>
            <a:cxn ang="0">
              <a:pos x="3062" y="14901"/>
            </a:cxn>
            <a:cxn ang="0">
              <a:pos x="4364" y="15198"/>
            </a:cxn>
            <a:cxn ang="0">
              <a:pos x="6814" y="16384"/>
            </a:cxn>
            <a:cxn ang="0">
              <a:pos x="6967" y="15791"/>
            </a:cxn>
            <a:cxn ang="0">
              <a:pos x="7120" y="14753"/>
            </a:cxn>
            <a:cxn ang="0">
              <a:pos x="7273" y="13641"/>
            </a:cxn>
            <a:cxn ang="0">
              <a:pos x="7350" y="12158"/>
            </a:cxn>
            <a:cxn ang="0">
              <a:pos x="7426" y="10305"/>
            </a:cxn>
            <a:cxn ang="0">
              <a:pos x="8192" y="9489"/>
            </a:cxn>
            <a:cxn ang="0">
              <a:pos x="9417" y="8748"/>
            </a:cxn>
            <a:cxn ang="0">
              <a:pos x="10719" y="7858"/>
            </a:cxn>
            <a:cxn ang="0">
              <a:pos x="11943" y="7043"/>
            </a:cxn>
            <a:cxn ang="0">
              <a:pos x="13092" y="6153"/>
            </a:cxn>
            <a:cxn ang="0">
              <a:pos x="14700" y="5190"/>
            </a:cxn>
            <a:cxn ang="0">
              <a:pos x="15772" y="4671"/>
            </a:cxn>
          </a:cxnLst>
          <a:rect l="0" t="0" r="r" b="b"/>
          <a:pathLst>
            <a:path w="16384" h="16384">
              <a:moveTo>
                <a:pt x="16154" y="4596"/>
              </a:moveTo>
              <a:lnTo>
                <a:pt x="16001" y="4152"/>
              </a:lnTo>
              <a:lnTo>
                <a:pt x="16078" y="3855"/>
              </a:lnTo>
              <a:lnTo>
                <a:pt x="16231" y="3633"/>
              </a:lnTo>
              <a:lnTo>
                <a:pt x="16231" y="3559"/>
              </a:lnTo>
              <a:lnTo>
                <a:pt x="16078" y="3484"/>
              </a:lnTo>
              <a:lnTo>
                <a:pt x="16307" y="3188"/>
              </a:lnTo>
              <a:lnTo>
                <a:pt x="16307" y="2817"/>
              </a:lnTo>
              <a:lnTo>
                <a:pt x="16307" y="2669"/>
              </a:lnTo>
              <a:lnTo>
                <a:pt x="16231" y="2372"/>
              </a:lnTo>
              <a:lnTo>
                <a:pt x="16307" y="2150"/>
              </a:lnTo>
              <a:lnTo>
                <a:pt x="16384" y="1631"/>
              </a:lnTo>
              <a:lnTo>
                <a:pt x="16078" y="1483"/>
              </a:lnTo>
              <a:lnTo>
                <a:pt x="15925" y="1260"/>
              </a:lnTo>
              <a:lnTo>
                <a:pt x="15848" y="1038"/>
              </a:lnTo>
              <a:lnTo>
                <a:pt x="15695" y="1112"/>
              </a:lnTo>
              <a:lnTo>
                <a:pt x="15312" y="1483"/>
              </a:lnTo>
              <a:lnTo>
                <a:pt x="14853" y="1409"/>
              </a:lnTo>
              <a:lnTo>
                <a:pt x="14240" y="1260"/>
              </a:lnTo>
              <a:lnTo>
                <a:pt x="13857" y="1631"/>
              </a:lnTo>
              <a:lnTo>
                <a:pt x="13551" y="1928"/>
              </a:lnTo>
              <a:lnTo>
                <a:pt x="13168" y="2150"/>
              </a:lnTo>
              <a:lnTo>
                <a:pt x="13092" y="1779"/>
              </a:lnTo>
              <a:lnTo>
                <a:pt x="12862" y="1557"/>
              </a:lnTo>
              <a:lnTo>
                <a:pt x="12709" y="1483"/>
              </a:lnTo>
              <a:lnTo>
                <a:pt x="12250" y="1260"/>
              </a:lnTo>
              <a:lnTo>
                <a:pt x="11943" y="1038"/>
              </a:lnTo>
              <a:lnTo>
                <a:pt x="11714" y="741"/>
              </a:lnTo>
              <a:lnTo>
                <a:pt x="11331" y="222"/>
              </a:lnTo>
              <a:lnTo>
                <a:pt x="11254" y="74"/>
              </a:lnTo>
              <a:lnTo>
                <a:pt x="11101" y="0"/>
              </a:lnTo>
              <a:lnTo>
                <a:pt x="10948" y="148"/>
              </a:lnTo>
              <a:lnTo>
                <a:pt x="10336" y="222"/>
              </a:lnTo>
              <a:lnTo>
                <a:pt x="10259" y="371"/>
              </a:lnTo>
              <a:lnTo>
                <a:pt x="10183" y="741"/>
              </a:lnTo>
              <a:lnTo>
                <a:pt x="9953" y="890"/>
              </a:lnTo>
              <a:lnTo>
                <a:pt x="9800" y="1112"/>
              </a:lnTo>
              <a:lnTo>
                <a:pt x="9647" y="1334"/>
              </a:lnTo>
              <a:lnTo>
                <a:pt x="9570" y="1186"/>
              </a:lnTo>
              <a:lnTo>
                <a:pt x="9187" y="1483"/>
              </a:lnTo>
              <a:lnTo>
                <a:pt x="8804" y="1705"/>
              </a:lnTo>
              <a:lnTo>
                <a:pt x="8269" y="1705"/>
              </a:lnTo>
              <a:lnTo>
                <a:pt x="7580" y="519"/>
              </a:lnTo>
              <a:lnTo>
                <a:pt x="7273" y="593"/>
              </a:lnTo>
              <a:lnTo>
                <a:pt x="7197" y="964"/>
              </a:lnTo>
              <a:lnTo>
                <a:pt x="6814" y="1038"/>
              </a:lnTo>
              <a:lnTo>
                <a:pt x="6584" y="1186"/>
              </a:lnTo>
              <a:lnTo>
                <a:pt x="6508" y="1483"/>
              </a:lnTo>
              <a:lnTo>
                <a:pt x="6661" y="1705"/>
              </a:lnTo>
              <a:lnTo>
                <a:pt x="6737" y="1928"/>
              </a:lnTo>
              <a:lnTo>
                <a:pt x="6584" y="2150"/>
              </a:lnTo>
              <a:lnTo>
                <a:pt x="6508" y="2298"/>
              </a:lnTo>
              <a:lnTo>
                <a:pt x="6508" y="2595"/>
              </a:lnTo>
              <a:lnTo>
                <a:pt x="6584" y="2891"/>
              </a:lnTo>
              <a:lnTo>
                <a:pt x="6584" y="3040"/>
              </a:lnTo>
              <a:lnTo>
                <a:pt x="6737" y="3707"/>
              </a:lnTo>
              <a:lnTo>
                <a:pt x="6508" y="3781"/>
              </a:lnTo>
              <a:lnTo>
                <a:pt x="6584" y="4003"/>
              </a:lnTo>
              <a:lnTo>
                <a:pt x="6508" y="4226"/>
              </a:lnTo>
              <a:lnTo>
                <a:pt x="6355" y="4448"/>
              </a:lnTo>
              <a:lnTo>
                <a:pt x="6048" y="4596"/>
              </a:lnTo>
              <a:lnTo>
                <a:pt x="5665" y="4522"/>
              </a:lnTo>
              <a:lnTo>
                <a:pt x="5436" y="4596"/>
              </a:lnTo>
              <a:lnTo>
                <a:pt x="5436" y="4819"/>
              </a:lnTo>
              <a:lnTo>
                <a:pt x="5512" y="5190"/>
              </a:lnTo>
              <a:lnTo>
                <a:pt x="5053" y="5264"/>
              </a:lnTo>
              <a:lnTo>
                <a:pt x="4823" y="5264"/>
              </a:lnTo>
              <a:lnTo>
                <a:pt x="4287" y="5338"/>
              </a:lnTo>
              <a:lnTo>
                <a:pt x="2756" y="5486"/>
              </a:lnTo>
              <a:lnTo>
                <a:pt x="2603" y="5708"/>
              </a:lnTo>
              <a:lnTo>
                <a:pt x="1991" y="5783"/>
              </a:lnTo>
              <a:lnTo>
                <a:pt x="1455" y="6005"/>
              </a:lnTo>
              <a:lnTo>
                <a:pt x="1148" y="6005"/>
              </a:lnTo>
              <a:lnTo>
                <a:pt x="536" y="6005"/>
              </a:lnTo>
              <a:lnTo>
                <a:pt x="0" y="6153"/>
              </a:lnTo>
              <a:lnTo>
                <a:pt x="0" y="6302"/>
              </a:lnTo>
              <a:lnTo>
                <a:pt x="77" y="6524"/>
              </a:lnTo>
              <a:lnTo>
                <a:pt x="306" y="6820"/>
              </a:lnTo>
              <a:lnTo>
                <a:pt x="306" y="7191"/>
              </a:lnTo>
              <a:lnTo>
                <a:pt x="383" y="7562"/>
              </a:lnTo>
              <a:lnTo>
                <a:pt x="459" y="7784"/>
              </a:lnTo>
              <a:lnTo>
                <a:pt x="689" y="7784"/>
              </a:lnTo>
              <a:lnTo>
                <a:pt x="612" y="8081"/>
              </a:lnTo>
              <a:lnTo>
                <a:pt x="306" y="8229"/>
              </a:lnTo>
              <a:lnTo>
                <a:pt x="0" y="8451"/>
              </a:lnTo>
              <a:lnTo>
                <a:pt x="0" y="8748"/>
              </a:lnTo>
              <a:lnTo>
                <a:pt x="77" y="8896"/>
              </a:lnTo>
              <a:lnTo>
                <a:pt x="306" y="8822"/>
              </a:lnTo>
              <a:lnTo>
                <a:pt x="536" y="9341"/>
              </a:lnTo>
              <a:lnTo>
                <a:pt x="766" y="9341"/>
              </a:lnTo>
              <a:lnTo>
                <a:pt x="995" y="9193"/>
              </a:lnTo>
              <a:lnTo>
                <a:pt x="1148" y="9193"/>
              </a:lnTo>
              <a:lnTo>
                <a:pt x="1378" y="9489"/>
              </a:lnTo>
              <a:lnTo>
                <a:pt x="1608" y="9786"/>
              </a:lnTo>
              <a:lnTo>
                <a:pt x="1991" y="9934"/>
              </a:lnTo>
              <a:lnTo>
                <a:pt x="2220" y="9860"/>
              </a:lnTo>
              <a:lnTo>
                <a:pt x="2756" y="9638"/>
              </a:lnTo>
              <a:lnTo>
                <a:pt x="2756" y="9564"/>
              </a:lnTo>
              <a:lnTo>
                <a:pt x="2833" y="9193"/>
              </a:lnTo>
              <a:lnTo>
                <a:pt x="3062" y="9119"/>
              </a:lnTo>
              <a:lnTo>
                <a:pt x="3292" y="9193"/>
              </a:lnTo>
              <a:lnTo>
                <a:pt x="3445" y="9267"/>
              </a:lnTo>
              <a:lnTo>
                <a:pt x="3675" y="9489"/>
              </a:lnTo>
              <a:lnTo>
                <a:pt x="3828" y="9564"/>
              </a:lnTo>
              <a:lnTo>
                <a:pt x="4134" y="9564"/>
              </a:lnTo>
              <a:lnTo>
                <a:pt x="4441" y="9638"/>
              </a:lnTo>
              <a:lnTo>
                <a:pt x="4747" y="9638"/>
              </a:lnTo>
              <a:lnTo>
                <a:pt x="5436" y="9489"/>
              </a:lnTo>
              <a:lnTo>
                <a:pt x="5512" y="9564"/>
              </a:lnTo>
              <a:lnTo>
                <a:pt x="5436" y="9934"/>
              </a:lnTo>
              <a:lnTo>
                <a:pt x="5130" y="10157"/>
              </a:lnTo>
              <a:lnTo>
                <a:pt x="5053" y="10379"/>
              </a:lnTo>
              <a:lnTo>
                <a:pt x="5053" y="10601"/>
              </a:lnTo>
              <a:lnTo>
                <a:pt x="5053" y="10824"/>
              </a:lnTo>
              <a:lnTo>
                <a:pt x="4747" y="10972"/>
              </a:lnTo>
              <a:lnTo>
                <a:pt x="4364" y="10972"/>
              </a:lnTo>
              <a:lnTo>
                <a:pt x="3981" y="10972"/>
              </a:lnTo>
              <a:lnTo>
                <a:pt x="3828" y="11120"/>
              </a:lnTo>
              <a:lnTo>
                <a:pt x="3522" y="11194"/>
              </a:lnTo>
              <a:lnTo>
                <a:pt x="3139" y="11417"/>
              </a:lnTo>
              <a:lnTo>
                <a:pt x="2833" y="11639"/>
              </a:lnTo>
              <a:lnTo>
                <a:pt x="2603" y="11936"/>
              </a:lnTo>
              <a:lnTo>
                <a:pt x="2373" y="12010"/>
              </a:lnTo>
              <a:lnTo>
                <a:pt x="2144" y="12232"/>
              </a:lnTo>
              <a:lnTo>
                <a:pt x="2220" y="12529"/>
              </a:lnTo>
              <a:lnTo>
                <a:pt x="2144" y="12825"/>
              </a:lnTo>
              <a:lnTo>
                <a:pt x="1914" y="13122"/>
              </a:lnTo>
              <a:lnTo>
                <a:pt x="1837" y="13567"/>
              </a:lnTo>
              <a:lnTo>
                <a:pt x="1531" y="13715"/>
              </a:lnTo>
              <a:lnTo>
                <a:pt x="1531" y="14086"/>
              </a:lnTo>
              <a:lnTo>
                <a:pt x="1761" y="14234"/>
              </a:lnTo>
              <a:lnTo>
                <a:pt x="2220" y="14382"/>
              </a:lnTo>
              <a:lnTo>
                <a:pt x="2450" y="14382"/>
              </a:lnTo>
              <a:lnTo>
                <a:pt x="2756" y="14531"/>
              </a:lnTo>
              <a:lnTo>
                <a:pt x="3062" y="14901"/>
              </a:lnTo>
              <a:lnTo>
                <a:pt x="3522" y="14975"/>
              </a:lnTo>
              <a:lnTo>
                <a:pt x="3981" y="15124"/>
              </a:lnTo>
              <a:lnTo>
                <a:pt x="4364" y="15198"/>
              </a:lnTo>
              <a:lnTo>
                <a:pt x="4747" y="15346"/>
              </a:lnTo>
              <a:lnTo>
                <a:pt x="5589" y="15643"/>
              </a:lnTo>
              <a:lnTo>
                <a:pt x="6814" y="16384"/>
              </a:lnTo>
              <a:lnTo>
                <a:pt x="7044" y="16236"/>
              </a:lnTo>
              <a:lnTo>
                <a:pt x="6967" y="16013"/>
              </a:lnTo>
              <a:lnTo>
                <a:pt x="6967" y="15791"/>
              </a:lnTo>
              <a:lnTo>
                <a:pt x="7044" y="15569"/>
              </a:lnTo>
              <a:lnTo>
                <a:pt x="7197" y="15124"/>
              </a:lnTo>
              <a:lnTo>
                <a:pt x="7120" y="14753"/>
              </a:lnTo>
              <a:lnTo>
                <a:pt x="7044" y="14382"/>
              </a:lnTo>
              <a:lnTo>
                <a:pt x="7120" y="13938"/>
              </a:lnTo>
              <a:lnTo>
                <a:pt x="7273" y="13641"/>
              </a:lnTo>
              <a:lnTo>
                <a:pt x="7350" y="13270"/>
              </a:lnTo>
              <a:lnTo>
                <a:pt x="7503" y="12677"/>
              </a:lnTo>
              <a:lnTo>
                <a:pt x="7350" y="12158"/>
              </a:lnTo>
              <a:lnTo>
                <a:pt x="7273" y="11343"/>
              </a:lnTo>
              <a:lnTo>
                <a:pt x="7350" y="10750"/>
              </a:lnTo>
              <a:lnTo>
                <a:pt x="7426" y="10305"/>
              </a:lnTo>
              <a:lnTo>
                <a:pt x="7733" y="10082"/>
              </a:lnTo>
              <a:lnTo>
                <a:pt x="8039" y="9638"/>
              </a:lnTo>
              <a:lnTo>
                <a:pt x="8192" y="9489"/>
              </a:lnTo>
              <a:lnTo>
                <a:pt x="8422" y="9564"/>
              </a:lnTo>
              <a:lnTo>
                <a:pt x="8958" y="9193"/>
              </a:lnTo>
              <a:lnTo>
                <a:pt x="9417" y="8748"/>
              </a:lnTo>
              <a:lnTo>
                <a:pt x="9953" y="8377"/>
              </a:lnTo>
              <a:lnTo>
                <a:pt x="10336" y="8081"/>
              </a:lnTo>
              <a:lnTo>
                <a:pt x="10719" y="7858"/>
              </a:lnTo>
              <a:lnTo>
                <a:pt x="11101" y="7710"/>
              </a:lnTo>
              <a:lnTo>
                <a:pt x="11561" y="7339"/>
              </a:lnTo>
              <a:lnTo>
                <a:pt x="11943" y="7043"/>
              </a:lnTo>
              <a:lnTo>
                <a:pt x="12403" y="6746"/>
              </a:lnTo>
              <a:lnTo>
                <a:pt x="12709" y="6524"/>
              </a:lnTo>
              <a:lnTo>
                <a:pt x="13092" y="6153"/>
              </a:lnTo>
              <a:lnTo>
                <a:pt x="13704" y="5708"/>
              </a:lnTo>
              <a:lnTo>
                <a:pt x="14164" y="5486"/>
              </a:lnTo>
              <a:lnTo>
                <a:pt x="14700" y="5190"/>
              </a:lnTo>
              <a:lnTo>
                <a:pt x="15082" y="4967"/>
              </a:lnTo>
              <a:lnTo>
                <a:pt x="15465" y="4893"/>
              </a:lnTo>
              <a:lnTo>
                <a:pt x="15772" y="4671"/>
              </a:lnTo>
              <a:lnTo>
                <a:pt x="16154" y="4596"/>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9</xdr:col>
      <xdr:colOff>200025</xdr:colOff>
      <xdr:row>27</xdr:row>
      <xdr:rowOff>38100</xdr:rowOff>
    </xdr:from>
    <xdr:to>
      <xdr:col>10</xdr:col>
      <xdr:colOff>457200</xdr:colOff>
      <xdr:row>33</xdr:row>
      <xdr:rowOff>85726</xdr:rowOff>
    </xdr:to>
    <xdr:sp macro="" textlink="">
      <xdr:nvSpPr>
        <xdr:cNvPr id="306" name="d14207">
          <a:extLst>
            <a:ext uri="{FF2B5EF4-FFF2-40B4-BE49-F238E27FC236}">
              <a16:creationId xmlns:a16="http://schemas.microsoft.com/office/drawing/2014/main" id="{00000000-0008-0000-0000-000032010000}"/>
            </a:ext>
          </a:extLst>
        </xdr:cNvPr>
        <xdr:cNvSpPr>
          <a:spLocks/>
        </xdr:cNvSpPr>
      </xdr:nvSpPr>
      <xdr:spPr bwMode="auto">
        <a:xfrm>
          <a:off x="5686425" y="4152900"/>
          <a:ext cx="866775" cy="962026"/>
        </a:xfrm>
        <a:custGeom>
          <a:avLst/>
          <a:gdLst/>
          <a:ahLst/>
          <a:cxnLst>
            <a:cxn ang="0">
              <a:pos x="180" y="8111"/>
            </a:cxn>
            <a:cxn ang="0">
              <a:pos x="180" y="9571"/>
            </a:cxn>
            <a:cxn ang="0">
              <a:pos x="180" y="10220"/>
            </a:cxn>
            <a:cxn ang="0">
              <a:pos x="540" y="10220"/>
            </a:cxn>
            <a:cxn ang="0">
              <a:pos x="900" y="10220"/>
            </a:cxn>
            <a:cxn ang="0">
              <a:pos x="1260" y="10544"/>
            </a:cxn>
            <a:cxn ang="0">
              <a:pos x="1260" y="11031"/>
            </a:cxn>
            <a:cxn ang="0">
              <a:pos x="720" y="11517"/>
            </a:cxn>
            <a:cxn ang="0">
              <a:pos x="360" y="12329"/>
            </a:cxn>
            <a:cxn ang="0">
              <a:pos x="0" y="13302"/>
            </a:cxn>
            <a:cxn ang="0">
              <a:pos x="0" y="14275"/>
            </a:cxn>
            <a:cxn ang="0">
              <a:pos x="720" y="14762"/>
            </a:cxn>
            <a:cxn ang="0">
              <a:pos x="1260" y="15411"/>
            </a:cxn>
            <a:cxn ang="0">
              <a:pos x="1260" y="16384"/>
            </a:cxn>
            <a:cxn ang="0">
              <a:pos x="2521" y="16222"/>
            </a:cxn>
            <a:cxn ang="0">
              <a:pos x="3781" y="16060"/>
            </a:cxn>
            <a:cxn ang="0">
              <a:pos x="5221" y="16060"/>
            </a:cxn>
            <a:cxn ang="0">
              <a:pos x="6121" y="16060"/>
            </a:cxn>
            <a:cxn ang="0">
              <a:pos x="7562" y="15411"/>
            </a:cxn>
            <a:cxn ang="0">
              <a:pos x="8822" y="15735"/>
            </a:cxn>
            <a:cxn ang="0">
              <a:pos x="10263" y="15735"/>
            </a:cxn>
            <a:cxn ang="0">
              <a:pos x="11523" y="15735"/>
            </a:cxn>
            <a:cxn ang="0">
              <a:pos x="12603" y="15248"/>
            </a:cxn>
            <a:cxn ang="0">
              <a:pos x="14043" y="15411"/>
            </a:cxn>
            <a:cxn ang="0">
              <a:pos x="14944" y="15411"/>
            </a:cxn>
            <a:cxn ang="0">
              <a:pos x="15124" y="14437"/>
            </a:cxn>
            <a:cxn ang="0">
              <a:pos x="15484" y="13302"/>
            </a:cxn>
            <a:cxn ang="0">
              <a:pos x="15844" y="12329"/>
            </a:cxn>
            <a:cxn ang="0">
              <a:pos x="16204" y="11193"/>
            </a:cxn>
            <a:cxn ang="0">
              <a:pos x="16384" y="10058"/>
            </a:cxn>
            <a:cxn ang="0">
              <a:pos x="15844" y="9246"/>
            </a:cxn>
            <a:cxn ang="0">
              <a:pos x="15844" y="8598"/>
            </a:cxn>
            <a:cxn ang="0">
              <a:pos x="15484" y="7786"/>
            </a:cxn>
            <a:cxn ang="0">
              <a:pos x="14764" y="7138"/>
            </a:cxn>
            <a:cxn ang="0">
              <a:pos x="14584" y="5840"/>
            </a:cxn>
            <a:cxn ang="0">
              <a:pos x="14764" y="5029"/>
            </a:cxn>
            <a:cxn ang="0">
              <a:pos x="15304" y="4704"/>
            </a:cxn>
            <a:cxn ang="0">
              <a:pos x="15484" y="3731"/>
            </a:cxn>
            <a:cxn ang="0">
              <a:pos x="14043" y="3893"/>
            </a:cxn>
            <a:cxn ang="0">
              <a:pos x="14223" y="2758"/>
            </a:cxn>
            <a:cxn ang="0">
              <a:pos x="13863" y="2595"/>
            </a:cxn>
            <a:cxn ang="0">
              <a:pos x="13323" y="3407"/>
            </a:cxn>
            <a:cxn ang="0">
              <a:pos x="12783" y="3082"/>
            </a:cxn>
            <a:cxn ang="0">
              <a:pos x="13323" y="2595"/>
            </a:cxn>
            <a:cxn ang="0">
              <a:pos x="13323" y="2109"/>
            </a:cxn>
            <a:cxn ang="0">
              <a:pos x="13863" y="1298"/>
            </a:cxn>
            <a:cxn ang="0">
              <a:pos x="13323" y="162"/>
            </a:cxn>
            <a:cxn ang="0">
              <a:pos x="11703" y="324"/>
            </a:cxn>
            <a:cxn ang="0">
              <a:pos x="10443" y="0"/>
            </a:cxn>
            <a:cxn ang="0">
              <a:pos x="7742" y="1622"/>
            </a:cxn>
            <a:cxn ang="0">
              <a:pos x="7562" y="2433"/>
            </a:cxn>
            <a:cxn ang="0">
              <a:pos x="7202" y="3569"/>
            </a:cxn>
            <a:cxn ang="0">
              <a:pos x="6482" y="4218"/>
            </a:cxn>
            <a:cxn ang="0">
              <a:pos x="5581" y="4867"/>
            </a:cxn>
            <a:cxn ang="0">
              <a:pos x="5401" y="5515"/>
            </a:cxn>
            <a:cxn ang="0">
              <a:pos x="5941" y="6002"/>
            </a:cxn>
            <a:cxn ang="0">
              <a:pos x="5941" y="6651"/>
            </a:cxn>
            <a:cxn ang="0">
              <a:pos x="5401" y="7624"/>
            </a:cxn>
            <a:cxn ang="0">
              <a:pos x="3061" y="7786"/>
            </a:cxn>
            <a:cxn ang="0">
              <a:pos x="1440" y="8111"/>
            </a:cxn>
            <a:cxn ang="0">
              <a:pos x="180" y="8111"/>
            </a:cxn>
          </a:cxnLst>
          <a:rect l="0" t="0" r="r" b="b"/>
          <a:pathLst>
            <a:path w="16384" h="16384">
              <a:moveTo>
                <a:pt x="180" y="8111"/>
              </a:moveTo>
              <a:lnTo>
                <a:pt x="180" y="9571"/>
              </a:lnTo>
              <a:lnTo>
                <a:pt x="180" y="10220"/>
              </a:lnTo>
              <a:lnTo>
                <a:pt x="540" y="10220"/>
              </a:lnTo>
              <a:lnTo>
                <a:pt x="900" y="10220"/>
              </a:lnTo>
              <a:lnTo>
                <a:pt x="1260" y="10544"/>
              </a:lnTo>
              <a:lnTo>
                <a:pt x="1260" y="11031"/>
              </a:lnTo>
              <a:lnTo>
                <a:pt x="720" y="11517"/>
              </a:lnTo>
              <a:lnTo>
                <a:pt x="360" y="12329"/>
              </a:lnTo>
              <a:lnTo>
                <a:pt x="0" y="13302"/>
              </a:lnTo>
              <a:lnTo>
                <a:pt x="0" y="14275"/>
              </a:lnTo>
              <a:lnTo>
                <a:pt x="720" y="14762"/>
              </a:lnTo>
              <a:lnTo>
                <a:pt x="1260" y="15411"/>
              </a:lnTo>
              <a:lnTo>
                <a:pt x="1260" y="16384"/>
              </a:lnTo>
              <a:lnTo>
                <a:pt x="2521" y="16222"/>
              </a:lnTo>
              <a:lnTo>
                <a:pt x="3781" y="16060"/>
              </a:lnTo>
              <a:lnTo>
                <a:pt x="5221" y="16060"/>
              </a:lnTo>
              <a:lnTo>
                <a:pt x="6121" y="16060"/>
              </a:lnTo>
              <a:lnTo>
                <a:pt x="7562" y="15411"/>
              </a:lnTo>
              <a:lnTo>
                <a:pt x="8822" y="15735"/>
              </a:lnTo>
              <a:lnTo>
                <a:pt x="10263" y="15735"/>
              </a:lnTo>
              <a:lnTo>
                <a:pt x="11523" y="15735"/>
              </a:lnTo>
              <a:lnTo>
                <a:pt x="12603" y="15248"/>
              </a:lnTo>
              <a:lnTo>
                <a:pt x="14043" y="15411"/>
              </a:lnTo>
              <a:lnTo>
                <a:pt x="14944" y="15411"/>
              </a:lnTo>
              <a:lnTo>
                <a:pt x="15124" y="14437"/>
              </a:lnTo>
              <a:lnTo>
                <a:pt x="15484" y="13302"/>
              </a:lnTo>
              <a:lnTo>
                <a:pt x="15844" y="12329"/>
              </a:lnTo>
              <a:lnTo>
                <a:pt x="16204" y="11193"/>
              </a:lnTo>
              <a:lnTo>
                <a:pt x="16384" y="10058"/>
              </a:lnTo>
              <a:lnTo>
                <a:pt x="15844" y="9246"/>
              </a:lnTo>
              <a:lnTo>
                <a:pt x="15844" y="8598"/>
              </a:lnTo>
              <a:lnTo>
                <a:pt x="15484" y="7786"/>
              </a:lnTo>
              <a:lnTo>
                <a:pt x="14764" y="7138"/>
              </a:lnTo>
              <a:lnTo>
                <a:pt x="14584" y="5840"/>
              </a:lnTo>
              <a:lnTo>
                <a:pt x="14764" y="5029"/>
              </a:lnTo>
              <a:lnTo>
                <a:pt x="15304" y="4704"/>
              </a:lnTo>
              <a:lnTo>
                <a:pt x="15484" y="3731"/>
              </a:lnTo>
              <a:lnTo>
                <a:pt x="14043" y="3893"/>
              </a:lnTo>
              <a:lnTo>
                <a:pt x="14223" y="2758"/>
              </a:lnTo>
              <a:lnTo>
                <a:pt x="13863" y="2595"/>
              </a:lnTo>
              <a:lnTo>
                <a:pt x="13323" y="3407"/>
              </a:lnTo>
              <a:lnTo>
                <a:pt x="12783" y="3082"/>
              </a:lnTo>
              <a:lnTo>
                <a:pt x="13323" y="2595"/>
              </a:lnTo>
              <a:lnTo>
                <a:pt x="13323" y="2109"/>
              </a:lnTo>
              <a:lnTo>
                <a:pt x="13863" y="1298"/>
              </a:lnTo>
              <a:lnTo>
                <a:pt x="13323" y="162"/>
              </a:lnTo>
              <a:lnTo>
                <a:pt x="11703" y="324"/>
              </a:lnTo>
              <a:lnTo>
                <a:pt x="10443" y="0"/>
              </a:lnTo>
              <a:lnTo>
                <a:pt x="7742" y="1622"/>
              </a:lnTo>
              <a:lnTo>
                <a:pt x="7562" y="2433"/>
              </a:lnTo>
              <a:lnTo>
                <a:pt x="7202" y="3569"/>
              </a:lnTo>
              <a:lnTo>
                <a:pt x="6482" y="4218"/>
              </a:lnTo>
              <a:lnTo>
                <a:pt x="5581" y="4867"/>
              </a:lnTo>
              <a:lnTo>
                <a:pt x="5401" y="5515"/>
              </a:lnTo>
              <a:lnTo>
                <a:pt x="5941" y="6002"/>
              </a:lnTo>
              <a:lnTo>
                <a:pt x="5941" y="6651"/>
              </a:lnTo>
              <a:lnTo>
                <a:pt x="5401" y="7624"/>
              </a:lnTo>
              <a:lnTo>
                <a:pt x="3061" y="7786"/>
              </a:lnTo>
              <a:lnTo>
                <a:pt x="1440" y="8111"/>
              </a:lnTo>
              <a:lnTo>
                <a:pt x="180" y="8111"/>
              </a:lnTo>
              <a:close/>
            </a:path>
          </a:pathLst>
        </a:custGeom>
        <a:solidFill>
          <a:srgbClr val="FF0000"/>
        </a:solidFill>
        <a:ln w="9525" cap="flat">
          <a:solidFill>
            <a:srgbClr val="000000"/>
          </a:solidFill>
          <a:prstDash val="solid"/>
          <a:round/>
          <a:headEnd/>
          <a:tailEnd/>
        </a:ln>
      </xdr:spPr>
    </xdr:sp>
    <xdr:clientData/>
  </xdr:twoCellAnchor>
  <xdr:twoCellAnchor editAs="oneCell">
    <xdr:from>
      <xdr:col>12</xdr:col>
      <xdr:colOff>447675</xdr:colOff>
      <xdr:row>33</xdr:row>
      <xdr:rowOff>9525</xdr:rowOff>
    </xdr:from>
    <xdr:to>
      <xdr:col>14</xdr:col>
      <xdr:colOff>76200</xdr:colOff>
      <xdr:row>37</xdr:row>
      <xdr:rowOff>19049</xdr:rowOff>
    </xdr:to>
    <xdr:sp macro="" textlink="">
      <xdr:nvSpPr>
        <xdr:cNvPr id="307" name="d14208">
          <a:extLst>
            <a:ext uri="{FF2B5EF4-FFF2-40B4-BE49-F238E27FC236}">
              <a16:creationId xmlns:a16="http://schemas.microsoft.com/office/drawing/2014/main" id="{00000000-0008-0000-0000-000033010000}"/>
            </a:ext>
          </a:extLst>
        </xdr:cNvPr>
        <xdr:cNvSpPr>
          <a:spLocks/>
        </xdr:cNvSpPr>
      </xdr:nvSpPr>
      <xdr:spPr bwMode="auto">
        <a:xfrm>
          <a:off x="7762875" y="5038725"/>
          <a:ext cx="847725" cy="619124"/>
        </a:xfrm>
        <a:custGeom>
          <a:avLst/>
          <a:gdLst/>
          <a:ahLst/>
          <a:cxnLst>
            <a:cxn ang="0">
              <a:pos x="12150" y="2521"/>
            </a:cxn>
            <a:cxn ang="0">
              <a:pos x="10861" y="2016"/>
            </a:cxn>
            <a:cxn ang="0">
              <a:pos x="9389" y="0"/>
            </a:cxn>
            <a:cxn ang="0">
              <a:pos x="7548" y="1260"/>
            </a:cxn>
            <a:cxn ang="0">
              <a:pos x="5339" y="2773"/>
            </a:cxn>
            <a:cxn ang="0">
              <a:pos x="3498" y="4285"/>
            </a:cxn>
            <a:cxn ang="0">
              <a:pos x="1289" y="5797"/>
            </a:cxn>
            <a:cxn ang="0">
              <a:pos x="368" y="7058"/>
            </a:cxn>
            <a:cxn ang="0">
              <a:pos x="0" y="8570"/>
            </a:cxn>
            <a:cxn ang="0">
              <a:pos x="1105" y="8822"/>
            </a:cxn>
            <a:cxn ang="0">
              <a:pos x="2025" y="9830"/>
            </a:cxn>
            <a:cxn ang="0">
              <a:pos x="3682" y="9830"/>
            </a:cxn>
            <a:cxn ang="0">
              <a:pos x="4786" y="12099"/>
            </a:cxn>
            <a:cxn ang="0">
              <a:pos x="5155" y="13863"/>
            </a:cxn>
            <a:cxn ang="0">
              <a:pos x="6627" y="12351"/>
            </a:cxn>
            <a:cxn ang="0">
              <a:pos x="7916" y="11847"/>
            </a:cxn>
            <a:cxn ang="0">
              <a:pos x="9020" y="10839"/>
            </a:cxn>
            <a:cxn ang="0">
              <a:pos x="10309" y="10839"/>
            </a:cxn>
            <a:cxn ang="0">
              <a:pos x="11966" y="11091"/>
            </a:cxn>
            <a:cxn ang="0">
              <a:pos x="13439" y="11595"/>
            </a:cxn>
            <a:cxn ang="0">
              <a:pos x="12150" y="13863"/>
            </a:cxn>
            <a:cxn ang="0">
              <a:pos x="10677" y="14368"/>
            </a:cxn>
            <a:cxn ang="0">
              <a:pos x="10125" y="14872"/>
            </a:cxn>
            <a:cxn ang="0">
              <a:pos x="11229" y="15628"/>
            </a:cxn>
            <a:cxn ang="0">
              <a:pos x="12702" y="15880"/>
            </a:cxn>
            <a:cxn ang="0">
              <a:pos x="14359" y="15628"/>
            </a:cxn>
            <a:cxn ang="0">
              <a:pos x="16016" y="16384"/>
            </a:cxn>
            <a:cxn ang="0">
              <a:pos x="16200" y="15124"/>
            </a:cxn>
            <a:cxn ang="0">
              <a:pos x="15648" y="13359"/>
            </a:cxn>
            <a:cxn ang="0">
              <a:pos x="16016" y="11343"/>
            </a:cxn>
            <a:cxn ang="0">
              <a:pos x="15095" y="8066"/>
            </a:cxn>
            <a:cxn ang="0">
              <a:pos x="13991" y="6049"/>
            </a:cxn>
            <a:cxn ang="0">
              <a:pos x="13439" y="3781"/>
            </a:cxn>
          </a:cxnLst>
          <a:rect l="0" t="0" r="r" b="b"/>
          <a:pathLst>
            <a:path w="16384" h="16384">
              <a:moveTo>
                <a:pt x="12886" y="3025"/>
              </a:moveTo>
              <a:lnTo>
                <a:pt x="12150" y="2521"/>
              </a:lnTo>
              <a:lnTo>
                <a:pt x="11782" y="1764"/>
              </a:lnTo>
              <a:lnTo>
                <a:pt x="10861" y="2016"/>
              </a:lnTo>
              <a:lnTo>
                <a:pt x="9757" y="1008"/>
              </a:lnTo>
              <a:lnTo>
                <a:pt x="9389" y="0"/>
              </a:lnTo>
              <a:lnTo>
                <a:pt x="8652" y="0"/>
              </a:lnTo>
              <a:lnTo>
                <a:pt x="7548" y="1260"/>
              </a:lnTo>
              <a:lnTo>
                <a:pt x="7180" y="1512"/>
              </a:lnTo>
              <a:lnTo>
                <a:pt x="5339" y="2773"/>
              </a:lnTo>
              <a:lnTo>
                <a:pt x="4602" y="2773"/>
              </a:lnTo>
              <a:lnTo>
                <a:pt x="3498" y="4285"/>
              </a:lnTo>
              <a:lnTo>
                <a:pt x="2577" y="4537"/>
              </a:lnTo>
              <a:lnTo>
                <a:pt x="1289" y="5797"/>
              </a:lnTo>
              <a:lnTo>
                <a:pt x="0" y="6302"/>
              </a:lnTo>
              <a:lnTo>
                <a:pt x="368" y="7058"/>
              </a:lnTo>
              <a:lnTo>
                <a:pt x="368" y="7814"/>
              </a:lnTo>
              <a:lnTo>
                <a:pt x="0" y="8570"/>
              </a:lnTo>
              <a:lnTo>
                <a:pt x="368" y="9074"/>
              </a:lnTo>
              <a:lnTo>
                <a:pt x="1105" y="8822"/>
              </a:lnTo>
              <a:lnTo>
                <a:pt x="1473" y="10082"/>
              </a:lnTo>
              <a:lnTo>
                <a:pt x="2025" y="9830"/>
              </a:lnTo>
              <a:lnTo>
                <a:pt x="2945" y="10335"/>
              </a:lnTo>
              <a:lnTo>
                <a:pt x="3682" y="9830"/>
              </a:lnTo>
              <a:lnTo>
                <a:pt x="4418" y="10839"/>
              </a:lnTo>
              <a:lnTo>
                <a:pt x="4786" y="12099"/>
              </a:lnTo>
              <a:lnTo>
                <a:pt x="4418" y="12603"/>
              </a:lnTo>
              <a:lnTo>
                <a:pt x="5155" y="13863"/>
              </a:lnTo>
              <a:lnTo>
                <a:pt x="6075" y="13359"/>
              </a:lnTo>
              <a:lnTo>
                <a:pt x="6627" y="12351"/>
              </a:lnTo>
              <a:lnTo>
                <a:pt x="7180" y="12351"/>
              </a:lnTo>
              <a:lnTo>
                <a:pt x="7916" y="11847"/>
              </a:lnTo>
              <a:lnTo>
                <a:pt x="8652" y="10587"/>
              </a:lnTo>
              <a:lnTo>
                <a:pt x="9020" y="10839"/>
              </a:lnTo>
              <a:lnTo>
                <a:pt x="10125" y="10587"/>
              </a:lnTo>
              <a:lnTo>
                <a:pt x="10309" y="10839"/>
              </a:lnTo>
              <a:lnTo>
                <a:pt x="11782" y="10839"/>
              </a:lnTo>
              <a:lnTo>
                <a:pt x="11966" y="11091"/>
              </a:lnTo>
              <a:lnTo>
                <a:pt x="12886" y="11091"/>
              </a:lnTo>
              <a:lnTo>
                <a:pt x="13439" y="11595"/>
              </a:lnTo>
              <a:lnTo>
                <a:pt x="13254" y="12855"/>
              </a:lnTo>
              <a:lnTo>
                <a:pt x="12150" y="13863"/>
              </a:lnTo>
              <a:lnTo>
                <a:pt x="11598" y="13863"/>
              </a:lnTo>
              <a:lnTo>
                <a:pt x="10677" y="14368"/>
              </a:lnTo>
              <a:lnTo>
                <a:pt x="10125" y="14368"/>
              </a:lnTo>
              <a:lnTo>
                <a:pt x="10125" y="14872"/>
              </a:lnTo>
              <a:lnTo>
                <a:pt x="10493" y="15880"/>
              </a:lnTo>
              <a:lnTo>
                <a:pt x="11229" y="15628"/>
              </a:lnTo>
              <a:lnTo>
                <a:pt x="11966" y="16132"/>
              </a:lnTo>
              <a:lnTo>
                <a:pt x="12702" y="15880"/>
              </a:lnTo>
              <a:lnTo>
                <a:pt x="13623" y="15628"/>
              </a:lnTo>
              <a:lnTo>
                <a:pt x="14359" y="15628"/>
              </a:lnTo>
              <a:lnTo>
                <a:pt x="15095" y="16384"/>
              </a:lnTo>
              <a:lnTo>
                <a:pt x="16016" y="16384"/>
              </a:lnTo>
              <a:lnTo>
                <a:pt x="16384" y="15628"/>
              </a:lnTo>
              <a:lnTo>
                <a:pt x="16200" y="15124"/>
              </a:lnTo>
              <a:lnTo>
                <a:pt x="15648" y="14368"/>
              </a:lnTo>
              <a:lnTo>
                <a:pt x="15648" y="13359"/>
              </a:lnTo>
              <a:lnTo>
                <a:pt x="16200" y="12351"/>
              </a:lnTo>
              <a:lnTo>
                <a:pt x="16016" y="11343"/>
              </a:lnTo>
              <a:lnTo>
                <a:pt x="15832" y="9578"/>
              </a:lnTo>
              <a:lnTo>
                <a:pt x="15095" y="8066"/>
              </a:lnTo>
              <a:lnTo>
                <a:pt x="14911" y="6806"/>
              </a:lnTo>
              <a:lnTo>
                <a:pt x="13991" y="6049"/>
              </a:lnTo>
              <a:lnTo>
                <a:pt x="13991" y="4285"/>
              </a:lnTo>
              <a:lnTo>
                <a:pt x="13439" y="3781"/>
              </a:lnTo>
              <a:lnTo>
                <a:pt x="12886" y="3025"/>
              </a:lnTo>
              <a:close/>
            </a:path>
          </a:pathLst>
        </a:custGeom>
        <a:solidFill>
          <a:srgbClr val="FF6600"/>
        </a:solidFill>
        <a:ln w="9525" cap="flat">
          <a:solidFill>
            <a:srgbClr val="000000"/>
          </a:solidFill>
          <a:prstDash val="solid"/>
          <a:round/>
          <a:headEnd/>
          <a:tailEnd/>
        </a:ln>
      </xdr:spPr>
    </xdr:sp>
    <xdr:clientData/>
  </xdr:twoCellAnchor>
  <xdr:twoCellAnchor editAs="oneCell">
    <xdr:from>
      <xdr:col>13</xdr:col>
      <xdr:colOff>495300</xdr:colOff>
      <xdr:row>43</xdr:row>
      <xdr:rowOff>9525</xdr:rowOff>
    </xdr:from>
    <xdr:to>
      <xdr:col>15</xdr:col>
      <xdr:colOff>104775</xdr:colOff>
      <xdr:row>49</xdr:row>
      <xdr:rowOff>95249</xdr:rowOff>
    </xdr:to>
    <xdr:sp macro="" textlink="">
      <xdr:nvSpPr>
        <xdr:cNvPr id="308" name="d14210">
          <a:extLst>
            <a:ext uri="{FF2B5EF4-FFF2-40B4-BE49-F238E27FC236}">
              <a16:creationId xmlns:a16="http://schemas.microsoft.com/office/drawing/2014/main" id="{00000000-0008-0000-0000-000034010000}"/>
            </a:ext>
          </a:extLst>
        </xdr:cNvPr>
        <xdr:cNvSpPr>
          <a:spLocks/>
        </xdr:cNvSpPr>
      </xdr:nvSpPr>
      <xdr:spPr bwMode="auto">
        <a:xfrm>
          <a:off x="8420100" y="6562725"/>
          <a:ext cx="828675" cy="1000124"/>
        </a:xfrm>
        <a:custGeom>
          <a:avLst/>
          <a:gdLst/>
          <a:ahLst/>
          <a:cxnLst>
            <a:cxn ang="0">
              <a:pos x="12053" y="2965"/>
            </a:cxn>
            <a:cxn ang="0">
              <a:pos x="10734" y="1248"/>
            </a:cxn>
            <a:cxn ang="0">
              <a:pos x="10546" y="0"/>
            </a:cxn>
            <a:cxn ang="0">
              <a:pos x="8851" y="780"/>
            </a:cxn>
            <a:cxn ang="0">
              <a:pos x="6968" y="1092"/>
            </a:cxn>
            <a:cxn ang="0">
              <a:pos x="6026" y="780"/>
            </a:cxn>
            <a:cxn ang="0">
              <a:pos x="3390" y="2497"/>
            </a:cxn>
            <a:cxn ang="0">
              <a:pos x="1883" y="4993"/>
            </a:cxn>
            <a:cxn ang="0">
              <a:pos x="2637" y="5617"/>
            </a:cxn>
            <a:cxn ang="0">
              <a:pos x="1507" y="6085"/>
            </a:cxn>
            <a:cxn ang="0">
              <a:pos x="2260" y="7490"/>
            </a:cxn>
            <a:cxn ang="0">
              <a:pos x="2072" y="8738"/>
            </a:cxn>
            <a:cxn ang="0">
              <a:pos x="2072" y="9518"/>
            </a:cxn>
            <a:cxn ang="0">
              <a:pos x="3766" y="10299"/>
            </a:cxn>
            <a:cxn ang="0">
              <a:pos x="4520" y="10611"/>
            </a:cxn>
            <a:cxn ang="0">
              <a:pos x="2448" y="10767"/>
            </a:cxn>
            <a:cxn ang="0">
              <a:pos x="753" y="10455"/>
            </a:cxn>
            <a:cxn ang="0">
              <a:pos x="1318" y="11547"/>
            </a:cxn>
            <a:cxn ang="0">
              <a:pos x="2448" y="11391"/>
            </a:cxn>
            <a:cxn ang="0">
              <a:pos x="2260" y="12327"/>
            </a:cxn>
            <a:cxn ang="0">
              <a:pos x="565" y="12171"/>
            </a:cxn>
            <a:cxn ang="0">
              <a:pos x="188" y="12951"/>
            </a:cxn>
            <a:cxn ang="0">
              <a:pos x="1318" y="14512"/>
            </a:cxn>
            <a:cxn ang="0">
              <a:pos x="1318" y="15604"/>
            </a:cxn>
            <a:cxn ang="0">
              <a:pos x="3013" y="16072"/>
            </a:cxn>
            <a:cxn ang="0">
              <a:pos x="5461" y="15916"/>
            </a:cxn>
            <a:cxn ang="0">
              <a:pos x="7156" y="15760"/>
            </a:cxn>
            <a:cxn ang="0">
              <a:pos x="9228" y="15916"/>
            </a:cxn>
            <a:cxn ang="0">
              <a:pos x="10923" y="16228"/>
            </a:cxn>
            <a:cxn ang="0">
              <a:pos x="12241" y="15760"/>
            </a:cxn>
            <a:cxn ang="0">
              <a:pos x="12994" y="15136"/>
            </a:cxn>
            <a:cxn ang="0">
              <a:pos x="13371" y="14512"/>
            </a:cxn>
            <a:cxn ang="0">
              <a:pos x="13747" y="15916"/>
            </a:cxn>
            <a:cxn ang="0">
              <a:pos x="14877" y="15448"/>
            </a:cxn>
            <a:cxn ang="0">
              <a:pos x="15631" y="15448"/>
            </a:cxn>
            <a:cxn ang="0">
              <a:pos x="16196" y="14512"/>
            </a:cxn>
            <a:cxn ang="0">
              <a:pos x="16196" y="12639"/>
            </a:cxn>
            <a:cxn ang="0">
              <a:pos x="15254" y="11859"/>
            </a:cxn>
            <a:cxn ang="0">
              <a:pos x="13183" y="11547"/>
            </a:cxn>
            <a:cxn ang="0">
              <a:pos x="12053" y="10299"/>
            </a:cxn>
            <a:cxn ang="0">
              <a:pos x="11676" y="8426"/>
            </a:cxn>
            <a:cxn ang="0">
              <a:pos x="10546" y="6866"/>
            </a:cxn>
            <a:cxn ang="0">
              <a:pos x="11488" y="4837"/>
            </a:cxn>
            <a:cxn ang="0">
              <a:pos x="12994" y="3589"/>
            </a:cxn>
          </a:cxnLst>
          <a:rect l="0" t="0" r="r" b="b"/>
          <a:pathLst>
            <a:path w="16384" h="16384">
              <a:moveTo>
                <a:pt x="12994" y="3589"/>
              </a:moveTo>
              <a:lnTo>
                <a:pt x="12053" y="2965"/>
              </a:lnTo>
              <a:lnTo>
                <a:pt x="11864" y="1872"/>
              </a:lnTo>
              <a:lnTo>
                <a:pt x="10734" y="1248"/>
              </a:lnTo>
              <a:lnTo>
                <a:pt x="10923" y="156"/>
              </a:lnTo>
              <a:lnTo>
                <a:pt x="10546" y="0"/>
              </a:lnTo>
              <a:lnTo>
                <a:pt x="9604" y="624"/>
              </a:lnTo>
              <a:lnTo>
                <a:pt x="8851" y="780"/>
              </a:lnTo>
              <a:lnTo>
                <a:pt x="7721" y="624"/>
              </a:lnTo>
              <a:lnTo>
                <a:pt x="6968" y="1092"/>
              </a:lnTo>
              <a:lnTo>
                <a:pt x="6403" y="780"/>
              </a:lnTo>
              <a:lnTo>
                <a:pt x="6026" y="780"/>
              </a:lnTo>
              <a:lnTo>
                <a:pt x="4896" y="2341"/>
              </a:lnTo>
              <a:lnTo>
                <a:pt x="3390" y="2497"/>
              </a:lnTo>
              <a:lnTo>
                <a:pt x="1507" y="4525"/>
              </a:lnTo>
              <a:lnTo>
                <a:pt x="1883" y="4993"/>
              </a:lnTo>
              <a:lnTo>
                <a:pt x="2260" y="5305"/>
              </a:lnTo>
              <a:lnTo>
                <a:pt x="2637" y="5617"/>
              </a:lnTo>
              <a:lnTo>
                <a:pt x="2072" y="5929"/>
              </a:lnTo>
              <a:lnTo>
                <a:pt x="1507" y="6085"/>
              </a:lnTo>
              <a:lnTo>
                <a:pt x="2072" y="6710"/>
              </a:lnTo>
              <a:lnTo>
                <a:pt x="2260" y="7490"/>
              </a:lnTo>
              <a:lnTo>
                <a:pt x="2448" y="8114"/>
              </a:lnTo>
              <a:lnTo>
                <a:pt x="2072" y="8738"/>
              </a:lnTo>
              <a:lnTo>
                <a:pt x="2072" y="9206"/>
              </a:lnTo>
              <a:lnTo>
                <a:pt x="2072" y="9518"/>
              </a:lnTo>
              <a:lnTo>
                <a:pt x="3013" y="9986"/>
              </a:lnTo>
              <a:lnTo>
                <a:pt x="3766" y="10299"/>
              </a:lnTo>
              <a:lnTo>
                <a:pt x="4520" y="10299"/>
              </a:lnTo>
              <a:lnTo>
                <a:pt x="4520" y="10611"/>
              </a:lnTo>
              <a:lnTo>
                <a:pt x="3201" y="10611"/>
              </a:lnTo>
              <a:lnTo>
                <a:pt x="2448" y="10767"/>
              </a:lnTo>
              <a:lnTo>
                <a:pt x="1883" y="10923"/>
              </a:lnTo>
              <a:lnTo>
                <a:pt x="753" y="10455"/>
              </a:lnTo>
              <a:lnTo>
                <a:pt x="753" y="11235"/>
              </a:lnTo>
              <a:lnTo>
                <a:pt x="1318" y="11547"/>
              </a:lnTo>
              <a:lnTo>
                <a:pt x="1883" y="11235"/>
              </a:lnTo>
              <a:lnTo>
                <a:pt x="2448" y="11391"/>
              </a:lnTo>
              <a:lnTo>
                <a:pt x="1507" y="11859"/>
              </a:lnTo>
              <a:lnTo>
                <a:pt x="2260" y="12327"/>
              </a:lnTo>
              <a:lnTo>
                <a:pt x="2072" y="12483"/>
              </a:lnTo>
              <a:lnTo>
                <a:pt x="565" y="12171"/>
              </a:lnTo>
              <a:lnTo>
                <a:pt x="0" y="12483"/>
              </a:lnTo>
              <a:lnTo>
                <a:pt x="188" y="12951"/>
              </a:lnTo>
              <a:lnTo>
                <a:pt x="1507" y="13575"/>
              </a:lnTo>
              <a:lnTo>
                <a:pt x="1318" y="14512"/>
              </a:lnTo>
              <a:lnTo>
                <a:pt x="565" y="15136"/>
              </a:lnTo>
              <a:lnTo>
                <a:pt x="1318" y="15604"/>
              </a:lnTo>
              <a:lnTo>
                <a:pt x="1883" y="16072"/>
              </a:lnTo>
              <a:lnTo>
                <a:pt x="3013" y="16072"/>
              </a:lnTo>
              <a:lnTo>
                <a:pt x="5085" y="16384"/>
              </a:lnTo>
              <a:lnTo>
                <a:pt x="5461" y="15916"/>
              </a:lnTo>
              <a:lnTo>
                <a:pt x="6591" y="15760"/>
              </a:lnTo>
              <a:lnTo>
                <a:pt x="7156" y="15760"/>
              </a:lnTo>
              <a:lnTo>
                <a:pt x="7156" y="16072"/>
              </a:lnTo>
              <a:lnTo>
                <a:pt x="9228" y="15916"/>
              </a:lnTo>
              <a:lnTo>
                <a:pt x="9604" y="15292"/>
              </a:lnTo>
              <a:lnTo>
                <a:pt x="10923" y="16228"/>
              </a:lnTo>
              <a:lnTo>
                <a:pt x="11676" y="15916"/>
              </a:lnTo>
              <a:lnTo>
                <a:pt x="12241" y="15760"/>
              </a:lnTo>
              <a:lnTo>
                <a:pt x="12994" y="15604"/>
              </a:lnTo>
              <a:lnTo>
                <a:pt x="12994" y="15136"/>
              </a:lnTo>
              <a:lnTo>
                <a:pt x="12241" y="14980"/>
              </a:lnTo>
              <a:lnTo>
                <a:pt x="13371" y="14512"/>
              </a:lnTo>
              <a:lnTo>
                <a:pt x="13747" y="15292"/>
              </a:lnTo>
              <a:lnTo>
                <a:pt x="13747" y="15916"/>
              </a:lnTo>
              <a:lnTo>
                <a:pt x="14501" y="15916"/>
              </a:lnTo>
              <a:lnTo>
                <a:pt x="14877" y="15448"/>
              </a:lnTo>
              <a:lnTo>
                <a:pt x="15631" y="16072"/>
              </a:lnTo>
              <a:lnTo>
                <a:pt x="15631" y="15448"/>
              </a:lnTo>
              <a:lnTo>
                <a:pt x="15442" y="14824"/>
              </a:lnTo>
              <a:lnTo>
                <a:pt x="16196" y="14512"/>
              </a:lnTo>
              <a:lnTo>
                <a:pt x="16384" y="13575"/>
              </a:lnTo>
              <a:lnTo>
                <a:pt x="16196" y="12639"/>
              </a:lnTo>
              <a:lnTo>
                <a:pt x="15819" y="12015"/>
              </a:lnTo>
              <a:lnTo>
                <a:pt x="15254" y="11859"/>
              </a:lnTo>
              <a:lnTo>
                <a:pt x="14312" y="11703"/>
              </a:lnTo>
              <a:lnTo>
                <a:pt x="13183" y="11547"/>
              </a:lnTo>
              <a:lnTo>
                <a:pt x="12053" y="11079"/>
              </a:lnTo>
              <a:lnTo>
                <a:pt x="12053" y="10299"/>
              </a:lnTo>
              <a:lnTo>
                <a:pt x="11676" y="8894"/>
              </a:lnTo>
              <a:lnTo>
                <a:pt x="11676" y="8426"/>
              </a:lnTo>
              <a:lnTo>
                <a:pt x="10546" y="7958"/>
              </a:lnTo>
              <a:lnTo>
                <a:pt x="10546" y="6866"/>
              </a:lnTo>
              <a:lnTo>
                <a:pt x="11111" y="5617"/>
              </a:lnTo>
              <a:lnTo>
                <a:pt x="11488" y="4837"/>
              </a:lnTo>
              <a:lnTo>
                <a:pt x="12053" y="4213"/>
              </a:lnTo>
              <a:lnTo>
                <a:pt x="12994" y="3589"/>
              </a:lnTo>
              <a:close/>
            </a:path>
          </a:pathLst>
        </a:custGeom>
        <a:solidFill>
          <a:srgbClr val="FF6600"/>
        </a:solidFill>
        <a:ln w="9525" cap="flat">
          <a:solidFill>
            <a:srgbClr val="000000"/>
          </a:solidFill>
          <a:prstDash val="solid"/>
          <a:round/>
          <a:headEnd/>
          <a:tailEnd/>
        </a:ln>
      </xdr:spPr>
    </xdr:sp>
    <xdr:clientData/>
  </xdr:twoCellAnchor>
  <xdr:twoCellAnchor editAs="oneCell">
    <xdr:from>
      <xdr:col>5</xdr:col>
      <xdr:colOff>47625</xdr:colOff>
      <xdr:row>20</xdr:row>
      <xdr:rowOff>38100</xdr:rowOff>
    </xdr:from>
    <xdr:to>
      <xdr:col>7</xdr:col>
      <xdr:colOff>552450</xdr:colOff>
      <xdr:row>30</xdr:row>
      <xdr:rowOff>104775</xdr:rowOff>
    </xdr:to>
    <xdr:sp macro="" textlink="">
      <xdr:nvSpPr>
        <xdr:cNvPr id="309" name="d14211">
          <a:extLst>
            <a:ext uri="{FF2B5EF4-FFF2-40B4-BE49-F238E27FC236}">
              <a16:creationId xmlns:a16="http://schemas.microsoft.com/office/drawing/2014/main" id="{00000000-0008-0000-0000-000035010000}"/>
            </a:ext>
          </a:extLst>
        </xdr:cNvPr>
        <xdr:cNvSpPr>
          <a:spLocks/>
        </xdr:cNvSpPr>
      </xdr:nvSpPr>
      <xdr:spPr bwMode="auto">
        <a:xfrm>
          <a:off x="3095625" y="3086100"/>
          <a:ext cx="1724025" cy="1590675"/>
        </a:xfrm>
        <a:custGeom>
          <a:avLst/>
          <a:gdLst/>
          <a:ahLst/>
          <a:cxnLst>
            <a:cxn ang="0">
              <a:pos x="12401" y="14912"/>
            </a:cxn>
            <a:cxn ang="0">
              <a:pos x="13397" y="14912"/>
            </a:cxn>
            <a:cxn ang="0">
              <a:pos x="13940" y="14226"/>
            </a:cxn>
            <a:cxn ang="0">
              <a:pos x="14302" y="13441"/>
            </a:cxn>
            <a:cxn ang="0">
              <a:pos x="14393" y="12754"/>
            </a:cxn>
            <a:cxn ang="0">
              <a:pos x="15207" y="12656"/>
            </a:cxn>
            <a:cxn ang="0">
              <a:pos x="16022" y="12460"/>
            </a:cxn>
            <a:cxn ang="0">
              <a:pos x="16203" y="11479"/>
            </a:cxn>
            <a:cxn ang="0">
              <a:pos x="14845" y="10596"/>
            </a:cxn>
            <a:cxn ang="0">
              <a:pos x="13216" y="10792"/>
            </a:cxn>
            <a:cxn ang="0">
              <a:pos x="12039" y="11086"/>
            </a:cxn>
            <a:cxn ang="0">
              <a:pos x="12220" y="9418"/>
            </a:cxn>
            <a:cxn ang="0">
              <a:pos x="12401" y="9026"/>
            </a:cxn>
            <a:cxn ang="0">
              <a:pos x="12220" y="8045"/>
            </a:cxn>
            <a:cxn ang="0">
              <a:pos x="11586" y="7064"/>
            </a:cxn>
            <a:cxn ang="0">
              <a:pos x="10319" y="5396"/>
            </a:cxn>
            <a:cxn ang="0">
              <a:pos x="9595" y="3630"/>
            </a:cxn>
            <a:cxn ang="0">
              <a:pos x="9686" y="2747"/>
            </a:cxn>
            <a:cxn ang="0">
              <a:pos x="9686" y="1864"/>
            </a:cxn>
            <a:cxn ang="0">
              <a:pos x="9414" y="1275"/>
            </a:cxn>
            <a:cxn ang="0">
              <a:pos x="8780" y="294"/>
            </a:cxn>
            <a:cxn ang="0">
              <a:pos x="8056" y="0"/>
            </a:cxn>
            <a:cxn ang="0">
              <a:pos x="7242" y="392"/>
            </a:cxn>
            <a:cxn ang="0">
              <a:pos x="6789" y="883"/>
            </a:cxn>
            <a:cxn ang="0">
              <a:pos x="6065" y="1472"/>
            </a:cxn>
            <a:cxn ang="0">
              <a:pos x="5160" y="1668"/>
            </a:cxn>
            <a:cxn ang="0">
              <a:pos x="4435" y="2158"/>
            </a:cxn>
            <a:cxn ang="0">
              <a:pos x="3621" y="1275"/>
            </a:cxn>
            <a:cxn ang="0">
              <a:pos x="2535" y="883"/>
            </a:cxn>
            <a:cxn ang="0">
              <a:pos x="2082" y="1570"/>
            </a:cxn>
            <a:cxn ang="0">
              <a:pos x="1358" y="2256"/>
            </a:cxn>
            <a:cxn ang="0">
              <a:pos x="91" y="2453"/>
            </a:cxn>
            <a:cxn ang="0">
              <a:pos x="91" y="3041"/>
            </a:cxn>
            <a:cxn ang="0">
              <a:pos x="181" y="4121"/>
            </a:cxn>
            <a:cxn ang="0">
              <a:pos x="453" y="5003"/>
            </a:cxn>
            <a:cxn ang="0">
              <a:pos x="634" y="5690"/>
            </a:cxn>
            <a:cxn ang="0">
              <a:pos x="634" y="6671"/>
            </a:cxn>
            <a:cxn ang="0">
              <a:pos x="453" y="7260"/>
            </a:cxn>
            <a:cxn ang="0">
              <a:pos x="815" y="8143"/>
            </a:cxn>
            <a:cxn ang="0">
              <a:pos x="905" y="9026"/>
            </a:cxn>
            <a:cxn ang="0">
              <a:pos x="905" y="9811"/>
            </a:cxn>
            <a:cxn ang="0">
              <a:pos x="362" y="10399"/>
            </a:cxn>
            <a:cxn ang="0">
              <a:pos x="272" y="11577"/>
            </a:cxn>
            <a:cxn ang="0">
              <a:pos x="2082" y="14716"/>
            </a:cxn>
            <a:cxn ang="0">
              <a:pos x="2897" y="15010"/>
            </a:cxn>
            <a:cxn ang="0">
              <a:pos x="3802" y="16384"/>
            </a:cxn>
            <a:cxn ang="0">
              <a:pos x="4707" y="15501"/>
            </a:cxn>
            <a:cxn ang="0">
              <a:pos x="6155" y="15010"/>
            </a:cxn>
            <a:cxn ang="0">
              <a:pos x="6698" y="14422"/>
            </a:cxn>
            <a:cxn ang="0">
              <a:pos x="7151" y="14128"/>
            </a:cxn>
            <a:cxn ang="0">
              <a:pos x="7604" y="14422"/>
            </a:cxn>
            <a:cxn ang="0">
              <a:pos x="7694" y="14814"/>
            </a:cxn>
            <a:cxn ang="0">
              <a:pos x="8237" y="15403"/>
            </a:cxn>
            <a:cxn ang="0">
              <a:pos x="9595" y="15305"/>
            </a:cxn>
            <a:cxn ang="0">
              <a:pos x="11043" y="15109"/>
            </a:cxn>
          </a:cxnLst>
          <a:rect l="0" t="0" r="r" b="b"/>
          <a:pathLst>
            <a:path w="16384" h="16384">
              <a:moveTo>
                <a:pt x="11949" y="15207"/>
              </a:moveTo>
              <a:lnTo>
                <a:pt x="12401" y="14912"/>
              </a:lnTo>
              <a:lnTo>
                <a:pt x="12854" y="14814"/>
              </a:lnTo>
              <a:lnTo>
                <a:pt x="13397" y="14912"/>
              </a:lnTo>
              <a:lnTo>
                <a:pt x="13668" y="14814"/>
              </a:lnTo>
              <a:lnTo>
                <a:pt x="13940" y="14226"/>
              </a:lnTo>
              <a:lnTo>
                <a:pt x="14121" y="13539"/>
              </a:lnTo>
              <a:lnTo>
                <a:pt x="14302" y="13441"/>
              </a:lnTo>
              <a:lnTo>
                <a:pt x="14302" y="13048"/>
              </a:lnTo>
              <a:lnTo>
                <a:pt x="14393" y="12754"/>
              </a:lnTo>
              <a:lnTo>
                <a:pt x="14664" y="12558"/>
              </a:lnTo>
              <a:lnTo>
                <a:pt x="15207" y="12656"/>
              </a:lnTo>
              <a:lnTo>
                <a:pt x="15569" y="12362"/>
              </a:lnTo>
              <a:lnTo>
                <a:pt x="16022" y="12460"/>
              </a:lnTo>
              <a:lnTo>
                <a:pt x="16384" y="12460"/>
              </a:lnTo>
              <a:lnTo>
                <a:pt x="16203" y="11479"/>
              </a:lnTo>
              <a:lnTo>
                <a:pt x="15388" y="11184"/>
              </a:lnTo>
              <a:lnTo>
                <a:pt x="14845" y="10596"/>
              </a:lnTo>
              <a:lnTo>
                <a:pt x="13849" y="10890"/>
              </a:lnTo>
              <a:lnTo>
                <a:pt x="13216" y="10792"/>
              </a:lnTo>
              <a:lnTo>
                <a:pt x="12401" y="11282"/>
              </a:lnTo>
              <a:lnTo>
                <a:pt x="12039" y="11086"/>
              </a:lnTo>
              <a:lnTo>
                <a:pt x="11858" y="9909"/>
              </a:lnTo>
              <a:lnTo>
                <a:pt x="12220" y="9418"/>
              </a:lnTo>
              <a:lnTo>
                <a:pt x="12492" y="9320"/>
              </a:lnTo>
              <a:lnTo>
                <a:pt x="12401" y="9026"/>
              </a:lnTo>
              <a:lnTo>
                <a:pt x="12220" y="8633"/>
              </a:lnTo>
              <a:lnTo>
                <a:pt x="12220" y="8045"/>
              </a:lnTo>
              <a:lnTo>
                <a:pt x="11858" y="7751"/>
              </a:lnTo>
              <a:lnTo>
                <a:pt x="11586" y="7064"/>
              </a:lnTo>
              <a:lnTo>
                <a:pt x="11043" y="6868"/>
              </a:lnTo>
              <a:lnTo>
                <a:pt x="10319" y="5396"/>
              </a:lnTo>
              <a:lnTo>
                <a:pt x="9867" y="4022"/>
              </a:lnTo>
              <a:lnTo>
                <a:pt x="9595" y="3630"/>
              </a:lnTo>
              <a:lnTo>
                <a:pt x="9686" y="3041"/>
              </a:lnTo>
              <a:lnTo>
                <a:pt x="9686" y="2747"/>
              </a:lnTo>
              <a:lnTo>
                <a:pt x="9595" y="2256"/>
              </a:lnTo>
              <a:lnTo>
                <a:pt x="9686" y="1864"/>
              </a:lnTo>
              <a:lnTo>
                <a:pt x="9323" y="1570"/>
              </a:lnTo>
              <a:lnTo>
                <a:pt x="9414" y="1275"/>
              </a:lnTo>
              <a:lnTo>
                <a:pt x="9595" y="785"/>
              </a:lnTo>
              <a:lnTo>
                <a:pt x="8780" y="294"/>
              </a:lnTo>
              <a:lnTo>
                <a:pt x="8147" y="98"/>
              </a:lnTo>
              <a:lnTo>
                <a:pt x="8056" y="0"/>
              </a:lnTo>
              <a:lnTo>
                <a:pt x="7423" y="196"/>
              </a:lnTo>
              <a:lnTo>
                <a:pt x="7242" y="392"/>
              </a:lnTo>
              <a:lnTo>
                <a:pt x="6970" y="196"/>
              </a:lnTo>
              <a:lnTo>
                <a:pt x="6789" y="883"/>
              </a:lnTo>
              <a:lnTo>
                <a:pt x="6427" y="981"/>
              </a:lnTo>
              <a:lnTo>
                <a:pt x="6065" y="1472"/>
              </a:lnTo>
              <a:lnTo>
                <a:pt x="5884" y="1472"/>
              </a:lnTo>
              <a:lnTo>
                <a:pt x="5160" y="1668"/>
              </a:lnTo>
              <a:lnTo>
                <a:pt x="4616" y="1766"/>
              </a:lnTo>
              <a:lnTo>
                <a:pt x="4435" y="2158"/>
              </a:lnTo>
              <a:lnTo>
                <a:pt x="4164" y="2060"/>
              </a:lnTo>
              <a:lnTo>
                <a:pt x="3621" y="1275"/>
              </a:lnTo>
              <a:lnTo>
                <a:pt x="3078" y="1079"/>
              </a:lnTo>
              <a:lnTo>
                <a:pt x="2535" y="883"/>
              </a:lnTo>
              <a:lnTo>
                <a:pt x="2354" y="981"/>
              </a:lnTo>
              <a:lnTo>
                <a:pt x="2082" y="1570"/>
              </a:lnTo>
              <a:lnTo>
                <a:pt x="1720" y="1668"/>
              </a:lnTo>
              <a:lnTo>
                <a:pt x="1358" y="2256"/>
              </a:lnTo>
              <a:lnTo>
                <a:pt x="724" y="2355"/>
              </a:lnTo>
              <a:lnTo>
                <a:pt x="91" y="2453"/>
              </a:lnTo>
              <a:lnTo>
                <a:pt x="0" y="2747"/>
              </a:lnTo>
              <a:lnTo>
                <a:pt x="91" y="3041"/>
              </a:lnTo>
              <a:lnTo>
                <a:pt x="0" y="3532"/>
              </a:lnTo>
              <a:lnTo>
                <a:pt x="181" y="4121"/>
              </a:lnTo>
              <a:lnTo>
                <a:pt x="453" y="4513"/>
              </a:lnTo>
              <a:lnTo>
                <a:pt x="453" y="5003"/>
              </a:lnTo>
              <a:lnTo>
                <a:pt x="543" y="5298"/>
              </a:lnTo>
              <a:lnTo>
                <a:pt x="634" y="5690"/>
              </a:lnTo>
              <a:lnTo>
                <a:pt x="543" y="6083"/>
              </a:lnTo>
              <a:lnTo>
                <a:pt x="634" y="6671"/>
              </a:lnTo>
              <a:lnTo>
                <a:pt x="543" y="7064"/>
              </a:lnTo>
              <a:lnTo>
                <a:pt x="453" y="7260"/>
              </a:lnTo>
              <a:lnTo>
                <a:pt x="362" y="7554"/>
              </a:lnTo>
              <a:lnTo>
                <a:pt x="815" y="8143"/>
              </a:lnTo>
              <a:lnTo>
                <a:pt x="724" y="8535"/>
              </a:lnTo>
              <a:lnTo>
                <a:pt x="905" y="9026"/>
              </a:lnTo>
              <a:lnTo>
                <a:pt x="996" y="9516"/>
              </a:lnTo>
              <a:lnTo>
                <a:pt x="905" y="9811"/>
              </a:lnTo>
              <a:lnTo>
                <a:pt x="543" y="10007"/>
              </a:lnTo>
              <a:lnTo>
                <a:pt x="362" y="10399"/>
              </a:lnTo>
              <a:lnTo>
                <a:pt x="272" y="11086"/>
              </a:lnTo>
              <a:lnTo>
                <a:pt x="272" y="11577"/>
              </a:lnTo>
              <a:lnTo>
                <a:pt x="1629" y="13735"/>
              </a:lnTo>
              <a:lnTo>
                <a:pt x="2082" y="14716"/>
              </a:lnTo>
              <a:lnTo>
                <a:pt x="2716" y="14520"/>
              </a:lnTo>
              <a:lnTo>
                <a:pt x="2897" y="15010"/>
              </a:lnTo>
              <a:lnTo>
                <a:pt x="3440" y="15893"/>
              </a:lnTo>
              <a:lnTo>
                <a:pt x="3802" y="16384"/>
              </a:lnTo>
              <a:lnTo>
                <a:pt x="4435" y="15795"/>
              </a:lnTo>
              <a:lnTo>
                <a:pt x="4707" y="15501"/>
              </a:lnTo>
              <a:lnTo>
                <a:pt x="5522" y="14912"/>
              </a:lnTo>
              <a:lnTo>
                <a:pt x="6155" y="15010"/>
              </a:lnTo>
              <a:lnTo>
                <a:pt x="6336" y="14422"/>
              </a:lnTo>
              <a:lnTo>
                <a:pt x="6698" y="14422"/>
              </a:lnTo>
              <a:lnTo>
                <a:pt x="6879" y="14128"/>
              </a:lnTo>
              <a:lnTo>
                <a:pt x="7151" y="14128"/>
              </a:lnTo>
              <a:lnTo>
                <a:pt x="7242" y="14324"/>
              </a:lnTo>
              <a:lnTo>
                <a:pt x="7604" y="14422"/>
              </a:lnTo>
              <a:lnTo>
                <a:pt x="7604" y="14618"/>
              </a:lnTo>
              <a:lnTo>
                <a:pt x="7694" y="14814"/>
              </a:lnTo>
              <a:lnTo>
                <a:pt x="7694" y="14912"/>
              </a:lnTo>
              <a:lnTo>
                <a:pt x="8237" y="15403"/>
              </a:lnTo>
              <a:lnTo>
                <a:pt x="8780" y="15207"/>
              </a:lnTo>
              <a:lnTo>
                <a:pt x="9595" y="15305"/>
              </a:lnTo>
              <a:lnTo>
                <a:pt x="10410" y="15501"/>
              </a:lnTo>
              <a:lnTo>
                <a:pt x="11043" y="15109"/>
              </a:lnTo>
              <a:lnTo>
                <a:pt x="11949" y="15207"/>
              </a:lnTo>
              <a:close/>
            </a:path>
          </a:pathLst>
        </a:custGeom>
        <a:solidFill>
          <a:srgbClr val="FF0000"/>
        </a:solidFill>
        <a:ln w="9525" cap="flat">
          <a:solidFill>
            <a:srgbClr val="000000"/>
          </a:solidFill>
          <a:prstDash val="solid"/>
          <a:round/>
          <a:headEnd/>
          <a:tailEnd/>
        </a:ln>
      </xdr:spPr>
    </xdr:sp>
    <xdr:clientData/>
  </xdr:twoCellAnchor>
  <xdr:twoCellAnchor editAs="oneCell">
    <xdr:from>
      <xdr:col>6</xdr:col>
      <xdr:colOff>419100</xdr:colOff>
      <xdr:row>14</xdr:row>
      <xdr:rowOff>57150</xdr:rowOff>
    </xdr:from>
    <xdr:to>
      <xdr:col>9</xdr:col>
      <xdr:colOff>342900</xdr:colOff>
      <xdr:row>26</xdr:row>
      <xdr:rowOff>57150</xdr:rowOff>
    </xdr:to>
    <xdr:sp macro="" textlink="">
      <xdr:nvSpPr>
        <xdr:cNvPr id="310" name="d14212">
          <a:extLst>
            <a:ext uri="{FF2B5EF4-FFF2-40B4-BE49-F238E27FC236}">
              <a16:creationId xmlns:a16="http://schemas.microsoft.com/office/drawing/2014/main" id="{00000000-0008-0000-0000-000036010000}"/>
            </a:ext>
          </a:extLst>
        </xdr:cNvPr>
        <xdr:cNvSpPr>
          <a:spLocks/>
        </xdr:cNvSpPr>
      </xdr:nvSpPr>
      <xdr:spPr bwMode="auto">
        <a:xfrm>
          <a:off x="4076700" y="2190750"/>
          <a:ext cx="1752600" cy="1828800"/>
        </a:xfrm>
        <a:custGeom>
          <a:avLst/>
          <a:gdLst/>
          <a:ahLst/>
          <a:cxnLst>
            <a:cxn ang="0">
              <a:pos x="13624" y="15189"/>
            </a:cxn>
            <a:cxn ang="0">
              <a:pos x="13891" y="15787"/>
            </a:cxn>
            <a:cxn ang="0">
              <a:pos x="14158" y="16384"/>
            </a:cxn>
            <a:cxn ang="0">
              <a:pos x="15494" y="15872"/>
            </a:cxn>
            <a:cxn ang="0">
              <a:pos x="15137" y="14763"/>
            </a:cxn>
            <a:cxn ang="0">
              <a:pos x="15405" y="13141"/>
            </a:cxn>
            <a:cxn ang="0">
              <a:pos x="15672" y="11093"/>
            </a:cxn>
            <a:cxn ang="0">
              <a:pos x="15315" y="9813"/>
            </a:cxn>
            <a:cxn ang="0">
              <a:pos x="16295" y="8277"/>
            </a:cxn>
            <a:cxn ang="0">
              <a:pos x="16295" y="6827"/>
            </a:cxn>
            <a:cxn ang="0">
              <a:pos x="15761" y="5461"/>
            </a:cxn>
            <a:cxn ang="0">
              <a:pos x="15761" y="4267"/>
            </a:cxn>
            <a:cxn ang="0">
              <a:pos x="15939" y="1365"/>
            </a:cxn>
            <a:cxn ang="0">
              <a:pos x="13980" y="256"/>
            </a:cxn>
            <a:cxn ang="0">
              <a:pos x="13446" y="427"/>
            </a:cxn>
            <a:cxn ang="0">
              <a:pos x="12911" y="1195"/>
            </a:cxn>
            <a:cxn ang="0">
              <a:pos x="13089" y="2133"/>
            </a:cxn>
            <a:cxn ang="0">
              <a:pos x="12822" y="2475"/>
            </a:cxn>
            <a:cxn ang="0">
              <a:pos x="12822" y="3328"/>
            </a:cxn>
            <a:cxn ang="0">
              <a:pos x="12110" y="3328"/>
            </a:cxn>
            <a:cxn ang="0">
              <a:pos x="10240" y="2560"/>
            </a:cxn>
            <a:cxn ang="0">
              <a:pos x="9439" y="1707"/>
            </a:cxn>
            <a:cxn ang="0">
              <a:pos x="8637" y="512"/>
            </a:cxn>
            <a:cxn ang="0">
              <a:pos x="7658" y="853"/>
            </a:cxn>
            <a:cxn ang="0">
              <a:pos x="5877" y="1792"/>
            </a:cxn>
            <a:cxn ang="0">
              <a:pos x="5165" y="2304"/>
            </a:cxn>
            <a:cxn ang="0">
              <a:pos x="5521" y="3243"/>
            </a:cxn>
            <a:cxn ang="0">
              <a:pos x="5966" y="4352"/>
            </a:cxn>
            <a:cxn ang="0">
              <a:pos x="6589" y="5035"/>
            </a:cxn>
            <a:cxn ang="0">
              <a:pos x="7213" y="5632"/>
            </a:cxn>
            <a:cxn ang="0">
              <a:pos x="7569" y="6571"/>
            </a:cxn>
            <a:cxn ang="0">
              <a:pos x="7302" y="7595"/>
            </a:cxn>
            <a:cxn ang="0">
              <a:pos x="6767" y="7765"/>
            </a:cxn>
            <a:cxn ang="0">
              <a:pos x="5343" y="7851"/>
            </a:cxn>
            <a:cxn ang="0">
              <a:pos x="4007" y="7936"/>
            </a:cxn>
            <a:cxn ang="0">
              <a:pos x="3117" y="8192"/>
            </a:cxn>
            <a:cxn ang="0">
              <a:pos x="1603" y="8192"/>
            </a:cxn>
            <a:cxn ang="0">
              <a:pos x="1158" y="8704"/>
            </a:cxn>
            <a:cxn ang="0">
              <a:pos x="0" y="9387"/>
            </a:cxn>
            <a:cxn ang="0">
              <a:pos x="356" y="10411"/>
            </a:cxn>
            <a:cxn ang="0">
              <a:pos x="1336" y="10240"/>
            </a:cxn>
            <a:cxn ang="0">
              <a:pos x="2493" y="9813"/>
            </a:cxn>
            <a:cxn ang="0">
              <a:pos x="3562" y="9899"/>
            </a:cxn>
            <a:cxn ang="0">
              <a:pos x="4274" y="10240"/>
            </a:cxn>
            <a:cxn ang="0">
              <a:pos x="6589" y="10667"/>
            </a:cxn>
            <a:cxn ang="0">
              <a:pos x="7302" y="11264"/>
            </a:cxn>
            <a:cxn ang="0">
              <a:pos x="8281" y="12288"/>
            </a:cxn>
            <a:cxn ang="0">
              <a:pos x="9350" y="12885"/>
            </a:cxn>
            <a:cxn ang="0">
              <a:pos x="10507" y="12203"/>
            </a:cxn>
            <a:cxn ang="0">
              <a:pos x="10863" y="12459"/>
            </a:cxn>
            <a:cxn ang="0">
              <a:pos x="12110" y="13397"/>
            </a:cxn>
            <a:cxn ang="0">
              <a:pos x="12822" y="13909"/>
            </a:cxn>
            <a:cxn ang="0">
              <a:pos x="12911" y="15275"/>
            </a:cxn>
          </a:cxnLst>
          <a:rect l="0" t="0" r="r" b="b"/>
          <a:pathLst>
            <a:path w="16384" h="16384">
              <a:moveTo>
                <a:pt x="13446" y="16213"/>
              </a:moveTo>
              <a:lnTo>
                <a:pt x="13535" y="16299"/>
              </a:lnTo>
              <a:lnTo>
                <a:pt x="13624" y="15189"/>
              </a:lnTo>
              <a:lnTo>
                <a:pt x="13802" y="15275"/>
              </a:lnTo>
              <a:lnTo>
                <a:pt x="13713" y="15616"/>
              </a:lnTo>
              <a:lnTo>
                <a:pt x="13891" y="15787"/>
              </a:lnTo>
              <a:lnTo>
                <a:pt x="13891" y="16128"/>
              </a:lnTo>
              <a:lnTo>
                <a:pt x="14069" y="16213"/>
              </a:lnTo>
              <a:lnTo>
                <a:pt x="14158" y="16384"/>
              </a:lnTo>
              <a:lnTo>
                <a:pt x="14692" y="16299"/>
              </a:lnTo>
              <a:lnTo>
                <a:pt x="15583" y="16384"/>
              </a:lnTo>
              <a:lnTo>
                <a:pt x="15494" y="15872"/>
              </a:lnTo>
              <a:lnTo>
                <a:pt x="15315" y="15616"/>
              </a:lnTo>
              <a:lnTo>
                <a:pt x="15226" y="15275"/>
              </a:lnTo>
              <a:lnTo>
                <a:pt x="15137" y="14763"/>
              </a:lnTo>
              <a:lnTo>
                <a:pt x="15226" y="14080"/>
              </a:lnTo>
              <a:lnTo>
                <a:pt x="15315" y="13653"/>
              </a:lnTo>
              <a:lnTo>
                <a:pt x="15405" y="13141"/>
              </a:lnTo>
              <a:lnTo>
                <a:pt x="15583" y="12459"/>
              </a:lnTo>
              <a:lnTo>
                <a:pt x="15761" y="11776"/>
              </a:lnTo>
              <a:lnTo>
                <a:pt x="15672" y="11093"/>
              </a:lnTo>
              <a:lnTo>
                <a:pt x="15583" y="10752"/>
              </a:lnTo>
              <a:lnTo>
                <a:pt x="15405" y="10411"/>
              </a:lnTo>
              <a:lnTo>
                <a:pt x="15315" y="9813"/>
              </a:lnTo>
              <a:lnTo>
                <a:pt x="15494" y="9387"/>
              </a:lnTo>
              <a:lnTo>
                <a:pt x="15850" y="8875"/>
              </a:lnTo>
              <a:lnTo>
                <a:pt x="16295" y="8277"/>
              </a:lnTo>
              <a:lnTo>
                <a:pt x="16384" y="7595"/>
              </a:lnTo>
              <a:lnTo>
                <a:pt x="16384" y="7083"/>
              </a:lnTo>
              <a:lnTo>
                <a:pt x="16295" y="6827"/>
              </a:lnTo>
              <a:lnTo>
                <a:pt x="16206" y="6229"/>
              </a:lnTo>
              <a:lnTo>
                <a:pt x="15939" y="5803"/>
              </a:lnTo>
              <a:lnTo>
                <a:pt x="15761" y="5461"/>
              </a:lnTo>
              <a:lnTo>
                <a:pt x="15761" y="5120"/>
              </a:lnTo>
              <a:lnTo>
                <a:pt x="15672" y="4779"/>
              </a:lnTo>
              <a:lnTo>
                <a:pt x="15761" y="4267"/>
              </a:lnTo>
              <a:lnTo>
                <a:pt x="15939" y="3499"/>
              </a:lnTo>
              <a:lnTo>
                <a:pt x="16028" y="1963"/>
              </a:lnTo>
              <a:lnTo>
                <a:pt x="15939" y="1365"/>
              </a:lnTo>
              <a:lnTo>
                <a:pt x="14959" y="768"/>
              </a:lnTo>
              <a:lnTo>
                <a:pt x="14336" y="683"/>
              </a:lnTo>
              <a:lnTo>
                <a:pt x="13980" y="256"/>
              </a:lnTo>
              <a:lnTo>
                <a:pt x="13713" y="0"/>
              </a:lnTo>
              <a:lnTo>
                <a:pt x="13446" y="256"/>
              </a:lnTo>
              <a:lnTo>
                <a:pt x="13446" y="427"/>
              </a:lnTo>
              <a:lnTo>
                <a:pt x="13802" y="427"/>
              </a:lnTo>
              <a:lnTo>
                <a:pt x="13802" y="939"/>
              </a:lnTo>
              <a:lnTo>
                <a:pt x="12911" y="1195"/>
              </a:lnTo>
              <a:lnTo>
                <a:pt x="13000" y="1621"/>
              </a:lnTo>
              <a:lnTo>
                <a:pt x="13178" y="1963"/>
              </a:lnTo>
              <a:lnTo>
                <a:pt x="13089" y="2133"/>
              </a:lnTo>
              <a:lnTo>
                <a:pt x="12911" y="2219"/>
              </a:lnTo>
              <a:lnTo>
                <a:pt x="13000" y="2389"/>
              </a:lnTo>
              <a:lnTo>
                <a:pt x="12822" y="2475"/>
              </a:lnTo>
              <a:lnTo>
                <a:pt x="12911" y="2645"/>
              </a:lnTo>
              <a:lnTo>
                <a:pt x="12733" y="2816"/>
              </a:lnTo>
              <a:lnTo>
                <a:pt x="12822" y="3328"/>
              </a:lnTo>
              <a:lnTo>
                <a:pt x="12644" y="3499"/>
              </a:lnTo>
              <a:lnTo>
                <a:pt x="12466" y="3584"/>
              </a:lnTo>
              <a:lnTo>
                <a:pt x="12110" y="3328"/>
              </a:lnTo>
              <a:lnTo>
                <a:pt x="11665" y="2816"/>
              </a:lnTo>
              <a:lnTo>
                <a:pt x="10863" y="2560"/>
              </a:lnTo>
              <a:lnTo>
                <a:pt x="10240" y="2560"/>
              </a:lnTo>
              <a:lnTo>
                <a:pt x="9973" y="2304"/>
              </a:lnTo>
              <a:lnTo>
                <a:pt x="9439" y="2389"/>
              </a:lnTo>
              <a:lnTo>
                <a:pt x="9439" y="1707"/>
              </a:lnTo>
              <a:lnTo>
                <a:pt x="9082" y="1280"/>
              </a:lnTo>
              <a:lnTo>
                <a:pt x="9171" y="768"/>
              </a:lnTo>
              <a:lnTo>
                <a:pt x="8637" y="512"/>
              </a:lnTo>
              <a:lnTo>
                <a:pt x="8192" y="853"/>
              </a:lnTo>
              <a:lnTo>
                <a:pt x="7836" y="683"/>
              </a:lnTo>
              <a:lnTo>
                <a:pt x="7658" y="853"/>
              </a:lnTo>
              <a:lnTo>
                <a:pt x="7213" y="853"/>
              </a:lnTo>
              <a:lnTo>
                <a:pt x="6678" y="1536"/>
              </a:lnTo>
              <a:lnTo>
                <a:pt x="5877" y="1792"/>
              </a:lnTo>
              <a:lnTo>
                <a:pt x="5521" y="1707"/>
              </a:lnTo>
              <a:lnTo>
                <a:pt x="5254" y="1877"/>
              </a:lnTo>
              <a:lnTo>
                <a:pt x="5165" y="2304"/>
              </a:lnTo>
              <a:lnTo>
                <a:pt x="5254" y="2560"/>
              </a:lnTo>
              <a:lnTo>
                <a:pt x="5432" y="2901"/>
              </a:lnTo>
              <a:lnTo>
                <a:pt x="5521" y="3243"/>
              </a:lnTo>
              <a:lnTo>
                <a:pt x="5877" y="3584"/>
              </a:lnTo>
              <a:lnTo>
                <a:pt x="5877" y="4096"/>
              </a:lnTo>
              <a:lnTo>
                <a:pt x="5966" y="4352"/>
              </a:lnTo>
              <a:lnTo>
                <a:pt x="6144" y="4608"/>
              </a:lnTo>
              <a:lnTo>
                <a:pt x="6500" y="4608"/>
              </a:lnTo>
              <a:lnTo>
                <a:pt x="6589" y="5035"/>
              </a:lnTo>
              <a:lnTo>
                <a:pt x="6678" y="5376"/>
              </a:lnTo>
              <a:lnTo>
                <a:pt x="6856" y="5547"/>
              </a:lnTo>
              <a:lnTo>
                <a:pt x="7213" y="5632"/>
              </a:lnTo>
              <a:lnTo>
                <a:pt x="7480" y="5803"/>
              </a:lnTo>
              <a:lnTo>
                <a:pt x="7569" y="6229"/>
              </a:lnTo>
              <a:lnTo>
                <a:pt x="7569" y="6571"/>
              </a:lnTo>
              <a:lnTo>
                <a:pt x="7569" y="6827"/>
              </a:lnTo>
              <a:lnTo>
                <a:pt x="7302" y="7083"/>
              </a:lnTo>
              <a:lnTo>
                <a:pt x="7302" y="7595"/>
              </a:lnTo>
              <a:lnTo>
                <a:pt x="7123" y="7936"/>
              </a:lnTo>
              <a:lnTo>
                <a:pt x="6856" y="7936"/>
              </a:lnTo>
              <a:lnTo>
                <a:pt x="6767" y="7765"/>
              </a:lnTo>
              <a:lnTo>
                <a:pt x="6233" y="8021"/>
              </a:lnTo>
              <a:lnTo>
                <a:pt x="5877" y="7851"/>
              </a:lnTo>
              <a:lnTo>
                <a:pt x="5343" y="7851"/>
              </a:lnTo>
              <a:lnTo>
                <a:pt x="4897" y="8021"/>
              </a:lnTo>
              <a:lnTo>
                <a:pt x="4452" y="7851"/>
              </a:lnTo>
              <a:lnTo>
                <a:pt x="4007" y="7936"/>
              </a:lnTo>
              <a:lnTo>
                <a:pt x="3740" y="8107"/>
              </a:lnTo>
              <a:lnTo>
                <a:pt x="3473" y="7936"/>
              </a:lnTo>
              <a:lnTo>
                <a:pt x="3117" y="8192"/>
              </a:lnTo>
              <a:lnTo>
                <a:pt x="2582" y="8192"/>
              </a:lnTo>
              <a:lnTo>
                <a:pt x="2048" y="7851"/>
              </a:lnTo>
              <a:lnTo>
                <a:pt x="1603" y="8192"/>
              </a:lnTo>
              <a:lnTo>
                <a:pt x="1336" y="8192"/>
              </a:lnTo>
              <a:lnTo>
                <a:pt x="1158" y="8448"/>
              </a:lnTo>
              <a:lnTo>
                <a:pt x="1158" y="8704"/>
              </a:lnTo>
              <a:lnTo>
                <a:pt x="534" y="8960"/>
              </a:lnTo>
              <a:lnTo>
                <a:pt x="89" y="9131"/>
              </a:lnTo>
              <a:lnTo>
                <a:pt x="0" y="9387"/>
              </a:lnTo>
              <a:lnTo>
                <a:pt x="356" y="9643"/>
              </a:lnTo>
              <a:lnTo>
                <a:pt x="267" y="9984"/>
              </a:lnTo>
              <a:lnTo>
                <a:pt x="356" y="10411"/>
              </a:lnTo>
              <a:lnTo>
                <a:pt x="356" y="10667"/>
              </a:lnTo>
              <a:lnTo>
                <a:pt x="979" y="10581"/>
              </a:lnTo>
              <a:lnTo>
                <a:pt x="1336" y="10240"/>
              </a:lnTo>
              <a:lnTo>
                <a:pt x="1603" y="9899"/>
              </a:lnTo>
              <a:lnTo>
                <a:pt x="1870" y="9728"/>
              </a:lnTo>
              <a:lnTo>
                <a:pt x="2493" y="9813"/>
              </a:lnTo>
              <a:lnTo>
                <a:pt x="2849" y="9643"/>
              </a:lnTo>
              <a:lnTo>
                <a:pt x="3206" y="9813"/>
              </a:lnTo>
              <a:lnTo>
                <a:pt x="3562" y="9899"/>
              </a:lnTo>
              <a:lnTo>
                <a:pt x="3740" y="10069"/>
              </a:lnTo>
              <a:lnTo>
                <a:pt x="4007" y="9984"/>
              </a:lnTo>
              <a:lnTo>
                <a:pt x="4274" y="10240"/>
              </a:lnTo>
              <a:lnTo>
                <a:pt x="5343" y="10240"/>
              </a:lnTo>
              <a:lnTo>
                <a:pt x="5521" y="10496"/>
              </a:lnTo>
              <a:lnTo>
                <a:pt x="6589" y="10667"/>
              </a:lnTo>
              <a:lnTo>
                <a:pt x="6767" y="10923"/>
              </a:lnTo>
              <a:lnTo>
                <a:pt x="6945" y="10923"/>
              </a:lnTo>
              <a:lnTo>
                <a:pt x="7302" y="11264"/>
              </a:lnTo>
              <a:lnTo>
                <a:pt x="8103" y="11349"/>
              </a:lnTo>
              <a:lnTo>
                <a:pt x="8014" y="11947"/>
              </a:lnTo>
              <a:lnTo>
                <a:pt x="8281" y="12288"/>
              </a:lnTo>
              <a:lnTo>
                <a:pt x="8548" y="12544"/>
              </a:lnTo>
              <a:lnTo>
                <a:pt x="9082" y="12715"/>
              </a:lnTo>
              <a:lnTo>
                <a:pt x="9350" y="12885"/>
              </a:lnTo>
              <a:lnTo>
                <a:pt x="10151" y="12459"/>
              </a:lnTo>
              <a:lnTo>
                <a:pt x="10151" y="12117"/>
              </a:lnTo>
              <a:lnTo>
                <a:pt x="10507" y="12203"/>
              </a:lnTo>
              <a:lnTo>
                <a:pt x="10774" y="12032"/>
              </a:lnTo>
              <a:lnTo>
                <a:pt x="10952" y="12203"/>
              </a:lnTo>
              <a:lnTo>
                <a:pt x="10863" y="12459"/>
              </a:lnTo>
              <a:lnTo>
                <a:pt x="11219" y="12715"/>
              </a:lnTo>
              <a:lnTo>
                <a:pt x="11665" y="12885"/>
              </a:lnTo>
              <a:lnTo>
                <a:pt x="12110" y="13397"/>
              </a:lnTo>
              <a:lnTo>
                <a:pt x="12466" y="13483"/>
              </a:lnTo>
              <a:lnTo>
                <a:pt x="12644" y="13739"/>
              </a:lnTo>
              <a:lnTo>
                <a:pt x="12822" y="13909"/>
              </a:lnTo>
              <a:lnTo>
                <a:pt x="12822" y="14421"/>
              </a:lnTo>
              <a:lnTo>
                <a:pt x="12822" y="14848"/>
              </a:lnTo>
              <a:lnTo>
                <a:pt x="12911" y="15275"/>
              </a:lnTo>
              <a:lnTo>
                <a:pt x="13267" y="15531"/>
              </a:lnTo>
              <a:lnTo>
                <a:pt x="13446" y="16213"/>
              </a:lnTo>
              <a:close/>
            </a:path>
          </a:pathLst>
        </a:custGeom>
        <a:solidFill>
          <a:srgbClr val="FF0000"/>
        </a:solidFill>
        <a:ln w="9525" cap="flat">
          <a:solidFill>
            <a:srgbClr val="000000"/>
          </a:solidFill>
          <a:prstDash val="solid"/>
          <a:round/>
          <a:headEnd/>
          <a:tailEnd/>
        </a:ln>
      </xdr:spPr>
    </xdr:sp>
    <xdr:clientData/>
  </xdr:twoCellAnchor>
  <xdr:twoCellAnchor editAs="oneCell">
    <xdr:from>
      <xdr:col>10</xdr:col>
      <xdr:colOff>285750</xdr:colOff>
      <xdr:row>15</xdr:row>
      <xdr:rowOff>9525</xdr:rowOff>
    </xdr:from>
    <xdr:to>
      <xdr:col>11</xdr:col>
      <xdr:colOff>257175</xdr:colOff>
      <xdr:row>23</xdr:row>
      <xdr:rowOff>123825</xdr:rowOff>
    </xdr:to>
    <xdr:sp macro="" textlink="">
      <xdr:nvSpPr>
        <xdr:cNvPr id="311" name="d14213">
          <a:extLst>
            <a:ext uri="{FF2B5EF4-FFF2-40B4-BE49-F238E27FC236}">
              <a16:creationId xmlns:a16="http://schemas.microsoft.com/office/drawing/2014/main" id="{00000000-0008-0000-0000-000037010000}"/>
            </a:ext>
          </a:extLst>
        </xdr:cNvPr>
        <xdr:cNvSpPr>
          <a:spLocks/>
        </xdr:cNvSpPr>
      </xdr:nvSpPr>
      <xdr:spPr bwMode="auto">
        <a:xfrm>
          <a:off x="6381750" y="2295525"/>
          <a:ext cx="581025" cy="1333500"/>
        </a:xfrm>
        <a:custGeom>
          <a:avLst/>
          <a:gdLst/>
          <a:ahLst/>
          <a:cxnLst>
            <a:cxn ang="0">
              <a:pos x="26" y="134"/>
            </a:cxn>
            <a:cxn ang="0">
              <a:pos x="35" y="137"/>
            </a:cxn>
            <a:cxn ang="0">
              <a:pos x="41" y="126"/>
            </a:cxn>
            <a:cxn ang="0">
              <a:pos x="44" y="137"/>
            </a:cxn>
            <a:cxn ang="0">
              <a:pos x="53" y="130"/>
            </a:cxn>
            <a:cxn ang="0">
              <a:pos x="57" y="114"/>
            </a:cxn>
            <a:cxn ang="0">
              <a:pos x="58" y="96"/>
            </a:cxn>
            <a:cxn ang="0">
              <a:pos x="52" y="81"/>
            </a:cxn>
            <a:cxn ang="0">
              <a:pos x="54" y="72"/>
            </a:cxn>
            <a:cxn ang="0">
              <a:pos x="50" y="60"/>
            </a:cxn>
            <a:cxn ang="0">
              <a:pos x="49" y="50"/>
            </a:cxn>
            <a:cxn ang="0">
              <a:pos x="47" y="36"/>
            </a:cxn>
            <a:cxn ang="0">
              <a:pos x="42" y="32"/>
            </a:cxn>
            <a:cxn ang="0">
              <a:pos x="47" y="26"/>
            </a:cxn>
            <a:cxn ang="0">
              <a:pos x="48" y="18"/>
            </a:cxn>
            <a:cxn ang="0">
              <a:pos x="44" y="11"/>
            </a:cxn>
            <a:cxn ang="0">
              <a:pos x="44" y="5"/>
            </a:cxn>
            <a:cxn ang="0">
              <a:pos x="38" y="0"/>
            </a:cxn>
            <a:cxn ang="0">
              <a:pos x="33" y="0"/>
            </a:cxn>
            <a:cxn ang="0">
              <a:pos x="23" y="5"/>
            </a:cxn>
            <a:cxn ang="0">
              <a:pos x="17" y="12"/>
            </a:cxn>
            <a:cxn ang="0">
              <a:pos x="6" y="16"/>
            </a:cxn>
            <a:cxn ang="0">
              <a:pos x="0" y="18"/>
            </a:cxn>
            <a:cxn ang="0">
              <a:pos x="3" y="31"/>
            </a:cxn>
            <a:cxn ang="0">
              <a:pos x="11" y="56"/>
            </a:cxn>
            <a:cxn ang="0">
              <a:pos x="8" y="66"/>
            </a:cxn>
            <a:cxn ang="0">
              <a:pos x="9" y="76"/>
            </a:cxn>
            <a:cxn ang="0">
              <a:pos x="27" y="86"/>
            </a:cxn>
            <a:cxn ang="0">
              <a:pos x="32" y="94"/>
            </a:cxn>
            <a:cxn ang="0">
              <a:pos x="28" y="102"/>
            </a:cxn>
            <a:cxn ang="0">
              <a:pos x="24" y="109"/>
            </a:cxn>
            <a:cxn ang="0">
              <a:pos x="26" y="124"/>
            </a:cxn>
          </a:cxnLst>
          <a:rect l="0" t="0" r="r" b="b"/>
          <a:pathLst>
            <a:path w="61" h="140">
              <a:moveTo>
                <a:pt x="23" y="131"/>
              </a:moveTo>
              <a:lnTo>
                <a:pt x="26" y="134"/>
              </a:lnTo>
              <a:lnTo>
                <a:pt x="30" y="136"/>
              </a:lnTo>
              <a:lnTo>
                <a:pt x="35" y="137"/>
              </a:lnTo>
              <a:lnTo>
                <a:pt x="39" y="138"/>
              </a:lnTo>
              <a:lnTo>
                <a:pt x="41" y="126"/>
              </a:lnTo>
              <a:lnTo>
                <a:pt x="45" y="128"/>
              </a:lnTo>
              <a:lnTo>
                <a:pt x="44" y="137"/>
              </a:lnTo>
              <a:lnTo>
                <a:pt x="51" y="140"/>
              </a:lnTo>
              <a:lnTo>
                <a:pt x="53" y="130"/>
              </a:lnTo>
              <a:lnTo>
                <a:pt x="52" y="125"/>
              </a:lnTo>
              <a:lnTo>
                <a:pt x="57" y="114"/>
              </a:lnTo>
              <a:lnTo>
                <a:pt x="61" y="105"/>
              </a:lnTo>
              <a:lnTo>
                <a:pt x="58" y="96"/>
              </a:lnTo>
              <a:lnTo>
                <a:pt x="54" y="88"/>
              </a:lnTo>
              <a:lnTo>
                <a:pt x="52" y="81"/>
              </a:lnTo>
              <a:lnTo>
                <a:pt x="54" y="77"/>
              </a:lnTo>
              <a:lnTo>
                <a:pt x="54" y="72"/>
              </a:lnTo>
              <a:lnTo>
                <a:pt x="50" y="64"/>
              </a:lnTo>
              <a:lnTo>
                <a:pt x="50" y="60"/>
              </a:lnTo>
              <a:lnTo>
                <a:pt x="50" y="55"/>
              </a:lnTo>
              <a:lnTo>
                <a:pt x="49" y="50"/>
              </a:lnTo>
              <a:lnTo>
                <a:pt x="51" y="45"/>
              </a:lnTo>
              <a:lnTo>
                <a:pt x="47" y="36"/>
              </a:lnTo>
              <a:lnTo>
                <a:pt x="44" y="35"/>
              </a:lnTo>
              <a:lnTo>
                <a:pt x="42" y="32"/>
              </a:lnTo>
              <a:lnTo>
                <a:pt x="44" y="30"/>
              </a:lnTo>
              <a:lnTo>
                <a:pt x="47" y="26"/>
              </a:lnTo>
              <a:lnTo>
                <a:pt x="48" y="22"/>
              </a:lnTo>
              <a:lnTo>
                <a:pt x="48" y="18"/>
              </a:lnTo>
              <a:lnTo>
                <a:pt x="46" y="16"/>
              </a:lnTo>
              <a:lnTo>
                <a:pt x="44" y="11"/>
              </a:lnTo>
              <a:lnTo>
                <a:pt x="44" y="8"/>
              </a:lnTo>
              <a:lnTo>
                <a:pt x="44" y="5"/>
              </a:lnTo>
              <a:lnTo>
                <a:pt x="42" y="2"/>
              </a:lnTo>
              <a:lnTo>
                <a:pt x="38" y="0"/>
              </a:lnTo>
              <a:lnTo>
                <a:pt x="34" y="1"/>
              </a:lnTo>
              <a:lnTo>
                <a:pt x="33" y="0"/>
              </a:lnTo>
              <a:lnTo>
                <a:pt x="27" y="3"/>
              </a:lnTo>
              <a:lnTo>
                <a:pt x="23" y="5"/>
              </a:lnTo>
              <a:lnTo>
                <a:pt x="20" y="7"/>
              </a:lnTo>
              <a:lnTo>
                <a:pt x="17" y="12"/>
              </a:lnTo>
              <a:lnTo>
                <a:pt x="11" y="15"/>
              </a:lnTo>
              <a:lnTo>
                <a:pt x="6" y="16"/>
              </a:lnTo>
              <a:lnTo>
                <a:pt x="2" y="16"/>
              </a:lnTo>
              <a:lnTo>
                <a:pt x="0" y="18"/>
              </a:lnTo>
              <a:lnTo>
                <a:pt x="1" y="23"/>
              </a:lnTo>
              <a:lnTo>
                <a:pt x="3" y="31"/>
              </a:lnTo>
              <a:lnTo>
                <a:pt x="9" y="49"/>
              </a:lnTo>
              <a:lnTo>
                <a:pt x="11" y="56"/>
              </a:lnTo>
              <a:lnTo>
                <a:pt x="5" y="61"/>
              </a:lnTo>
              <a:lnTo>
                <a:pt x="8" y="66"/>
              </a:lnTo>
              <a:lnTo>
                <a:pt x="9" y="71"/>
              </a:lnTo>
              <a:lnTo>
                <a:pt x="9" y="76"/>
              </a:lnTo>
              <a:lnTo>
                <a:pt x="27" y="75"/>
              </a:lnTo>
              <a:lnTo>
                <a:pt x="27" y="86"/>
              </a:lnTo>
              <a:lnTo>
                <a:pt x="30" y="89"/>
              </a:lnTo>
              <a:lnTo>
                <a:pt x="32" y="94"/>
              </a:lnTo>
              <a:lnTo>
                <a:pt x="31" y="100"/>
              </a:lnTo>
              <a:lnTo>
                <a:pt x="28" y="102"/>
              </a:lnTo>
              <a:lnTo>
                <a:pt x="25" y="108"/>
              </a:lnTo>
              <a:lnTo>
                <a:pt x="24" y="109"/>
              </a:lnTo>
              <a:lnTo>
                <a:pt x="25" y="117"/>
              </a:lnTo>
              <a:lnTo>
                <a:pt x="26" y="124"/>
              </a:lnTo>
              <a:lnTo>
                <a:pt x="23" y="131"/>
              </a:lnTo>
              <a:close/>
            </a:path>
          </a:pathLst>
        </a:custGeom>
        <a:solidFill>
          <a:srgbClr val="FF0000"/>
        </a:solidFill>
        <a:ln w="9525" cap="flat">
          <a:solidFill>
            <a:srgbClr val="000000"/>
          </a:solidFill>
          <a:prstDash val="solid"/>
          <a:round/>
          <a:headEnd/>
          <a:tailEnd/>
        </a:ln>
      </xdr:spPr>
    </xdr:sp>
    <xdr:clientData/>
  </xdr:twoCellAnchor>
  <xdr:twoCellAnchor editAs="oneCell">
    <xdr:from>
      <xdr:col>6</xdr:col>
      <xdr:colOff>447675</xdr:colOff>
      <xdr:row>21</xdr:row>
      <xdr:rowOff>66675</xdr:rowOff>
    </xdr:from>
    <xdr:to>
      <xdr:col>9</xdr:col>
      <xdr:colOff>76200</xdr:colOff>
      <xdr:row>28</xdr:row>
      <xdr:rowOff>66675</xdr:rowOff>
    </xdr:to>
    <xdr:sp macro="" textlink="">
      <xdr:nvSpPr>
        <xdr:cNvPr id="312" name="d14214">
          <a:extLst>
            <a:ext uri="{FF2B5EF4-FFF2-40B4-BE49-F238E27FC236}">
              <a16:creationId xmlns:a16="http://schemas.microsoft.com/office/drawing/2014/main" id="{00000000-0008-0000-0000-000038010000}"/>
            </a:ext>
          </a:extLst>
        </xdr:cNvPr>
        <xdr:cNvSpPr>
          <a:spLocks/>
        </xdr:cNvSpPr>
      </xdr:nvSpPr>
      <xdr:spPr bwMode="auto">
        <a:xfrm>
          <a:off x="4105275" y="3267075"/>
          <a:ext cx="1457325" cy="1066800"/>
        </a:xfrm>
        <a:custGeom>
          <a:avLst/>
          <a:gdLst/>
          <a:ahLst/>
          <a:cxnLst>
            <a:cxn ang="0">
              <a:pos x="8246" y="14043"/>
            </a:cxn>
            <a:cxn ang="0">
              <a:pos x="9102" y="13897"/>
            </a:cxn>
            <a:cxn ang="0">
              <a:pos x="9316" y="12727"/>
            </a:cxn>
            <a:cxn ang="0">
              <a:pos x="10280" y="14043"/>
            </a:cxn>
            <a:cxn ang="0">
              <a:pos x="10923" y="15067"/>
            </a:cxn>
            <a:cxn ang="0">
              <a:pos x="11565" y="16384"/>
            </a:cxn>
            <a:cxn ang="0">
              <a:pos x="11458" y="14629"/>
            </a:cxn>
            <a:cxn ang="0">
              <a:pos x="11779" y="14336"/>
            </a:cxn>
            <a:cxn ang="0">
              <a:pos x="12315" y="14482"/>
            </a:cxn>
            <a:cxn ang="0">
              <a:pos x="13171" y="14336"/>
            </a:cxn>
            <a:cxn ang="0">
              <a:pos x="14135" y="14482"/>
            </a:cxn>
            <a:cxn ang="0">
              <a:pos x="14885" y="12727"/>
            </a:cxn>
            <a:cxn ang="0">
              <a:pos x="15206" y="13751"/>
            </a:cxn>
            <a:cxn ang="0">
              <a:pos x="16170" y="13605"/>
            </a:cxn>
            <a:cxn ang="0">
              <a:pos x="16063" y="11703"/>
            </a:cxn>
            <a:cxn ang="0">
              <a:pos x="15634" y="10094"/>
            </a:cxn>
            <a:cxn ang="0">
              <a:pos x="15099" y="8923"/>
            </a:cxn>
            <a:cxn ang="0">
              <a:pos x="15099" y="7314"/>
            </a:cxn>
            <a:cxn ang="0">
              <a:pos x="14671" y="6583"/>
            </a:cxn>
            <a:cxn ang="0">
              <a:pos x="13707" y="5559"/>
            </a:cxn>
            <a:cxn ang="0">
              <a:pos x="12743" y="4827"/>
            </a:cxn>
            <a:cxn ang="0">
              <a:pos x="12636" y="4096"/>
            </a:cxn>
            <a:cxn ang="0">
              <a:pos x="11886" y="4242"/>
            </a:cxn>
            <a:cxn ang="0">
              <a:pos x="10923" y="5559"/>
            </a:cxn>
            <a:cxn ang="0">
              <a:pos x="9959" y="4974"/>
            </a:cxn>
            <a:cxn ang="0">
              <a:pos x="9316" y="3950"/>
            </a:cxn>
            <a:cxn ang="0">
              <a:pos x="8460" y="2779"/>
            </a:cxn>
            <a:cxn ang="0">
              <a:pos x="7817" y="2194"/>
            </a:cxn>
            <a:cxn ang="0">
              <a:pos x="6318" y="1463"/>
            </a:cxn>
            <a:cxn ang="0">
              <a:pos x="4819" y="1024"/>
            </a:cxn>
            <a:cxn ang="0">
              <a:pos x="4176" y="731"/>
            </a:cxn>
            <a:cxn ang="0">
              <a:pos x="3534" y="293"/>
            </a:cxn>
            <a:cxn ang="0">
              <a:pos x="2677" y="293"/>
            </a:cxn>
            <a:cxn ang="0">
              <a:pos x="1606" y="439"/>
            </a:cxn>
            <a:cxn ang="0">
              <a:pos x="857" y="1609"/>
            </a:cxn>
            <a:cxn ang="0">
              <a:pos x="0" y="2633"/>
            </a:cxn>
            <a:cxn ang="0">
              <a:pos x="857" y="5266"/>
            </a:cxn>
            <a:cxn ang="0">
              <a:pos x="2356" y="7753"/>
            </a:cxn>
            <a:cxn ang="0">
              <a:pos x="3105" y="9216"/>
            </a:cxn>
            <a:cxn ang="0">
              <a:pos x="3320" y="10679"/>
            </a:cxn>
            <a:cxn ang="0">
              <a:pos x="3105" y="11264"/>
            </a:cxn>
            <a:cxn ang="0">
              <a:pos x="2891" y="13751"/>
            </a:cxn>
            <a:cxn ang="0">
              <a:pos x="4283" y="13312"/>
            </a:cxn>
            <a:cxn ang="0">
              <a:pos x="6211" y="13019"/>
            </a:cxn>
            <a:cxn ang="0">
              <a:pos x="7817" y="14336"/>
            </a:cxn>
          </a:cxnLst>
          <a:rect l="0" t="0" r="r" b="b"/>
          <a:pathLst>
            <a:path w="16384" h="16384">
              <a:moveTo>
                <a:pt x="7817" y="14336"/>
              </a:moveTo>
              <a:lnTo>
                <a:pt x="8246" y="14043"/>
              </a:lnTo>
              <a:lnTo>
                <a:pt x="9102" y="14336"/>
              </a:lnTo>
              <a:lnTo>
                <a:pt x="9102" y="13897"/>
              </a:lnTo>
              <a:lnTo>
                <a:pt x="9102" y="13312"/>
              </a:lnTo>
              <a:lnTo>
                <a:pt x="9316" y="12727"/>
              </a:lnTo>
              <a:lnTo>
                <a:pt x="9638" y="14043"/>
              </a:lnTo>
              <a:lnTo>
                <a:pt x="10280" y="14043"/>
              </a:lnTo>
              <a:lnTo>
                <a:pt x="10601" y="14336"/>
              </a:lnTo>
              <a:lnTo>
                <a:pt x="10923" y="15067"/>
              </a:lnTo>
              <a:lnTo>
                <a:pt x="10923" y="16091"/>
              </a:lnTo>
              <a:lnTo>
                <a:pt x="11565" y="16384"/>
              </a:lnTo>
              <a:lnTo>
                <a:pt x="11565" y="15360"/>
              </a:lnTo>
              <a:lnTo>
                <a:pt x="11458" y="14629"/>
              </a:lnTo>
              <a:lnTo>
                <a:pt x="11565" y="13751"/>
              </a:lnTo>
              <a:lnTo>
                <a:pt x="11779" y="14336"/>
              </a:lnTo>
              <a:lnTo>
                <a:pt x="12208" y="14775"/>
              </a:lnTo>
              <a:lnTo>
                <a:pt x="12315" y="14482"/>
              </a:lnTo>
              <a:lnTo>
                <a:pt x="12636" y="14190"/>
              </a:lnTo>
              <a:lnTo>
                <a:pt x="13171" y="14336"/>
              </a:lnTo>
              <a:lnTo>
                <a:pt x="13600" y="13751"/>
              </a:lnTo>
              <a:lnTo>
                <a:pt x="14135" y="14482"/>
              </a:lnTo>
              <a:lnTo>
                <a:pt x="14564" y="14482"/>
              </a:lnTo>
              <a:lnTo>
                <a:pt x="14885" y="12727"/>
              </a:lnTo>
              <a:lnTo>
                <a:pt x="15206" y="12873"/>
              </a:lnTo>
              <a:lnTo>
                <a:pt x="15206" y="13751"/>
              </a:lnTo>
              <a:lnTo>
                <a:pt x="14992" y="14921"/>
              </a:lnTo>
              <a:lnTo>
                <a:pt x="16170" y="13605"/>
              </a:lnTo>
              <a:lnTo>
                <a:pt x="16384" y="12288"/>
              </a:lnTo>
              <a:lnTo>
                <a:pt x="16063" y="11703"/>
              </a:lnTo>
              <a:lnTo>
                <a:pt x="15849" y="11264"/>
              </a:lnTo>
              <a:lnTo>
                <a:pt x="15634" y="10094"/>
              </a:lnTo>
              <a:lnTo>
                <a:pt x="15206" y="9655"/>
              </a:lnTo>
              <a:lnTo>
                <a:pt x="15099" y="8923"/>
              </a:lnTo>
              <a:lnTo>
                <a:pt x="15099" y="8192"/>
              </a:lnTo>
              <a:lnTo>
                <a:pt x="15099" y="7314"/>
              </a:lnTo>
              <a:lnTo>
                <a:pt x="14885" y="7022"/>
              </a:lnTo>
              <a:lnTo>
                <a:pt x="14671" y="6583"/>
              </a:lnTo>
              <a:lnTo>
                <a:pt x="14242" y="6437"/>
              </a:lnTo>
              <a:lnTo>
                <a:pt x="13707" y="5559"/>
              </a:lnTo>
              <a:lnTo>
                <a:pt x="13171" y="5266"/>
              </a:lnTo>
              <a:lnTo>
                <a:pt x="12743" y="4827"/>
              </a:lnTo>
              <a:lnTo>
                <a:pt x="12850" y="4389"/>
              </a:lnTo>
              <a:lnTo>
                <a:pt x="12636" y="4096"/>
              </a:lnTo>
              <a:lnTo>
                <a:pt x="12315" y="4389"/>
              </a:lnTo>
              <a:lnTo>
                <a:pt x="11886" y="4242"/>
              </a:lnTo>
              <a:lnTo>
                <a:pt x="11886" y="4827"/>
              </a:lnTo>
              <a:lnTo>
                <a:pt x="10923" y="5559"/>
              </a:lnTo>
              <a:lnTo>
                <a:pt x="10601" y="5266"/>
              </a:lnTo>
              <a:lnTo>
                <a:pt x="9959" y="4974"/>
              </a:lnTo>
              <a:lnTo>
                <a:pt x="9638" y="4535"/>
              </a:lnTo>
              <a:lnTo>
                <a:pt x="9316" y="3950"/>
              </a:lnTo>
              <a:lnTo>
                <a:pt x="9423" y="2926"/>
              </a:lnTo>
              <a:lnTo>
                <a:pt x="8460" y="2779"/>
              </a:lnTo>
              <a:lnTo>
                <a:pt x="8031" y="2194"/>
              </a:lnTo>
              <a:lnTo>
                <a:pt x="7817" y="2194"/>
              </a:lnTo>
              <a:lnTo>
                <a:pt x="7603" y="1755"/>
              </a:lnTo>
              <a:lnTo>
                <a:pt x="6318" y="1463"/>
              </a:lnTo>
              <a:lnTo>
                <a:pt x="6104" y="1024"/>
              </a:lnTo>
              <a:lnTo>
                <a:pt x="4819" y="1024"/>
              </a:lnTo>
              <a:lnTo>
                <a:pt x="4498" y="585"/>
              </a:lnTo>
              <a:lnTo>
                <a:pt x="4176" y="731"/>
              </a:lnTo>
              <a:lnTo>
                <a:pt x="3962" y="439"/>
              </a:lnTo>
              <a:lnTo>
                <a:pt x="3534" y="293"/>
              </a:lnTo>
              <a:lnTo>
                <a:pt x="3105" y="0"/>
              </a:lnTo>
              <a:lnTo>
                <a:pt x="2677" y="293"/>
              </a:lnTo>
              <a:lnTo>
                <a:pt x="1928" y="146"/>
              </a:lnTo>
              <a:lnTo>
                <a:pt x="1606" y="439"/>
              </a:lnTo>
              <a:lnTo>
                <a:pt x="1285" y="1024"/>
              </a:lnTo>
              <a:lnTo>
                <a:pt x="857" y="1609"/>
              </a:lnTo>
              <a:lnTo>
                <a:pt x="107" y="1755"/>
              </a:lnTo>
              <a:lnTo>
                <a:pt x="0" y="2633"/>
              </a:lnTo>
              <a:lnTo>
                <a:pt x="321" y="3218"/>
              </a:lnTo>
              <a:lnTo>
                <a:pt x="857" y="5266"/>
              </a:lnTo>
              <a:lnTo>
                <a:pt x="1713" y="7461"/>
              </a:lnTo>
              <a:lnTo>
                <a:pt x="2356" y="7753"/>
              </a:lnTo>
              <a:lnTo>
                <a:pt x="2677" y="8777"/>
              </a:lnTo>
              <a:lnTo>
                <a:pt x="3105" y="9216"/>
              </a:lnTo>
              <a:lnTo>
                <a:pt x="3105" y="10094"/>
              </a:lnTo>
              <a:lnTo>
                <a:pt x="3320" y="10679"/>
              </a:lnTo>
              <a:lnTo>
                <a:pt x="3427" y="11118"/>
              </a:lnTo>
              <a:lnTo>
                <a:pt x="3105" y="11264"/>
              </a:lnTo>
              <a:lnTo>
                <a:pt x="2677" y="11995"/>
              </a:lnTo>
              <a:lnTo>
                <a:pt x="2891" y="13751"/>
              </a:lnTo>
              <a:lnTo>
                <a:pt x="3320" y="14043"/>
              </a:lnTo>
              <a:lnTo>
                <a:pt x="4283" y="13312"/>
              </a:lnTo>
              <a:lnTo>
                <a:pt x="5033" y="13458"/>
              </a:lnTo>
              <a:lnTo>
                <a:pt x="6211" y="13019"/>
              </a:lnTo>
              <a:lnTo>
                <a:pt x="6853" y="13897"/>
              </a:lnTo>
              <a:lnTo>
                <a:pt x="7817" y="14336"/>
              </a:lnTo>
              <a:close/>
            </a:path>
          </a:pathLst>
        </a:custGeom>
        <a:solidFill>
          <a:srgbClr val="FF0000"/>
        </a:solidFill>
        <a:ln w="9525" cap="flat">
          <a:solidFill>
            <a:srgbClr val="000000"/>
          </a:solidFill>
          <a:prstDash val="solid"/>
          <a:round/>
          <a:headEnd/>
          <a:tailEnd/>
        </a:ln>
      </xdr:spPr>
    </xdr:sp>
    <xdr:clientData/>
  </xdr:twoCellAnchor>
  <xdr:twoCellAnchor editAs="oneCell">
    <xdr:from>
      <xdr:col>2</xdr:col>
      <xdr:colOff>285750</xdr:colOff>
      <xdr:row>30</xdr:row>
      <xdr:rowOff>9525</xdr:rowOff>
    </xdr:from>
    <xdr:to>
      <xdr:col>4</xdr:col>
      <xdr:colOff>552450</xdr:colOff>
      <xdr:row>37</xdr:row>
      <xdr:rowOff>47625</xdr:rowOff>
    </xdr:to>
    <xdr:sp macro="" textlink="">
      <xdr:nvSpPr>
        <xdr:cNvPr id="313" name="d14217">
          <a:extLst>
            <a:ext uri="{FF2B5EF4-FFF2-40B4-BE49-F238E27FC236}">
              <a16:creationId xmlns:a16="http://schemas.microsoft.com/office/drawing/2014/main" id="{00000000-0008-0000-0000-000039010000}"/>
            </a:ext>
          </a:extLst>
        </xdr:cNvPr>
        <xdr:cNvSpPr>
          <a:spLocks/>
        </xdr:cNvSpPr>
      </xdr:nvSpPr>
      <xdr:spPr bwMode="auto">
        <a:xfrm>
          <a:off x="1504950" y="4581525"/>
          <a:ext cx="1485900" cy="1104900"/>
        </a:xfrm>
        <a:custGeom>
          <a:avLst/>
          <a:gdLst/>
          <a:ahLst/>
          <a:cxnLst>
            <a:cxn ang="0">
              <a:pos x="7877" y="16102"/>
            </a:cxn>
            <a:cxn ang="0">
              <a:pos x="9137" y="16102"/>
            </a:cxn>
            <a:cxn ang="0">
              <a:pos x="10713" y="15537"/>
            </a:cxn>
            <a:cxn ang="0">
              <a:pos x="13023" y="14830"/>
            </a:cxn>
            <a:cxn ang="0">
              <a:pos x="14073" y="14689"/>
            </a:cxn>
            <a:cxn ang="0">
              <a:pos x="14599" y="13842"/>
            </a:cxn>
            <a:cxn ang="0">
              <a:pos x="14914" y="13277"/>
            </a:cxn>
            <a:cxn ang="0">
              <a:pos x="15859" y="13135"/>
            </a:cxn>
            <a:cxn ang="0">
              <a:pos x="16174" y="12288"/>
            </a:cxn>
            <a:cxn ang="0">
              <a:pos x="16384" y="11723"/>
            </a:cxn>
            <a:cxn ang="0">
              <a:pos x="16174" y="10169"/>
            </a:cxn>
            <a:cxn ang="0">
              <a:pos x="16069" y="9039"/>
            </a:cxn>
            <a:cxn ang="0">
              <a:pos x="16384" y="8333"/>
            </a:cxn>
            <a:cxn ang="0">
              <a:pos x="16069" y="7486"/>
            </a:cxn>
            <a:cxn ang="0">
              <a:pos x="15649" y="6921"/>
            </a:cxn>
            <a:cxn ang="0">
              <a:pos x="14914" y="6497"/>
            </a:cxn>
            <a:cxn ang="0">
              <a:pos x="14599" y="5226"/>
            </a:cxn>
            <a:cxn ang="0">
              <a:pos x="14178" y="3390"/>
            </a:cxn>
            <a:cxn ang="0">
              <a:pos x="13653" y="2401"/>
            </a:cxn>
            <a:cxn ang="0">
              <a:pos x="13023" y="1271"/>
            </a:cxn>
            <a:cxn ang="0">
              <a:pos x="13548" y="424"/>
            </a:cxn>
            <a:cxn ang="0">
              <a:pos x="12813" y="141"/>
            </a:cxn>
            <a:cxn ang="0">
              <a:pos x="11763" y="989"/>
            </a:cxn>
            <a:cxn ang="0">
              <a:pos x="10818" y="424"/>
            </a:cxn>
            <a:cxn ang="0">
              <a:pos x="9767" y="282"/>
            </a:cxn>
            <a:cxn ang="0">
              <a:pos x="8717" y="1130"/>
            </a:cxn>
            <a:cxn ang="0">
              <a:pos x="7352" y="424"/>
            </a:cxn>
            <a:cxn ang="0">
              <a:pos x="6512" y="141"/>
            </a:cxn>
            <a:cxn ang="0">
              <a:pos x="5776" y="989"/>
            </a:cxn>
            <a:cxn ang="0">
              <a:pos x="4831" y="1130"/>
            </a:cxn>
            <a:cxn ang="0">
              <a:pos x="4096" y="2260"/>
            </a:cxn>
            <a:cxn ang="0">
              <a:pos x="3361" y="3107"/>
            </a:cxn>
            <a:cxn ang="0">
              <a:pos x="3046" y="4096"/>
            </a:cxn>
            <a:cxn ang="0">
              <a:pos x="2101" y="3955"/>
            </a:cxn>
            <a:cxn ang="0">
              <a:pos x="1785" y="5085"/>
            </a:cxn>
            <a:cxn ang="0">
              <a:pos x="1260" y="6497"/>
            </a:cxn>
            <a:cxn ang="0">
              <a:pos x="735" y="7768"/>
            </a:cxn>
            <a:cxn ang="0">
              <a:pos x="630" y="8898"/>
            </a:cxn>
            <a:cxn ang="0">
              <a:pos x="420" y="10028"/>
            </a:cxn>
            <a:cxn ang="0">
              <a:pos x="210" y="11441"/>
            </a:cxn>
            <a:cxn ang="0">
              <a:pos x="0" y="12570"/>
            </a:cxn>
            <a:cxn ang="0">
              <a:pos x="840" y="13559"/>
            </a:cxn>
            <a:cxn ang="0">
              <a:pos x="1050" y="14124"/>
            </a:cxn>
            <a:cxn ang="0">
              <a:pos x="1470" y="14548"/>
            </a:cxn>
            <a:cxn ang="0">
              <a:pos x="1890" y="14689"/>
            </a:cxn>
            <a:cxn ang="0">
              <a:pos x="2836" y="14972"/>
            </a:cxn>
            <a:cxn ang="0">
              <a:pos x="3256" y="15537"/>
            </a:cxn>
            <a:cxn ang="0">
              <a:pos x="4096" y="15254"/>
            </a:cxn>
            <a:cxn ang="0">
              <a:pos x="4726" y="14830"/>
            </a:cxn>
            <a:cxn ang="0">
              <a:pos x="5461" y="14124"/>
            </a:cxn>
            <a:cxn ang="0">
              <a:pos x="5881" y="14830"/>
            </a:cxn>
          </a:cxnLst>
          <a:rect l="0" t="0" r="r" b="b"/>
          <a:pathLst>
            <a:path w="16384" h="16384">
              <a:moveTo>
                <a:pt x="7142" y="16384"/>
              </a:moveTo>
              <a:lnTo>
                <a:pt x="7877" y="16102"/>
              </a:lnTo>
              <a:lnTo>
                <a:pt x="8717" y="16102"/>
              </a:lnTo>
              <a:lnTo>
                <a:pt x="9137" y="16102"/>
              </a:lnTo>
              <a:lnTo>
                <a:pt x="9872" y="15678"/>
              </a:lnTo>
              <a:lnTo>
                <a:pt x="10713" y="15537"/>
              </a:lnTo>
              <a:lnTo>
                <a:pt x="10923" y="15113"/>
              </a:lnTo>
              <a:lnTo>
                <a:pt x="13023" y="14830"/>
              </a:lnTo>
              <a:lnTo>
                <a:pt x="13758" y="14689"/>
              </a:lnTo>
              <a:lnTo>
                <a:pt x="14073" y="14689"/>
              </a:lnTo>
              <a:lnTo>
                <a:pt x="14704" y="14548"/>
              </a:lnTo>
              <a:lnTo>
                <a:pt x="14599" y="13842"/>
              </a:lnTo>
              <a:lnTo>
                <a:pt x="14599" y="13418"/>
              </a:lnTo>
              <a:lnTo>
                <a:pt x="14914" y="13277"/>
              </a:lnTo>
              <a:lnTo>
                <a:pt x="15439" y="13418"/>
              </a:lnTo>
              <a:lnTo>
                <a:pt x="15859" y="13135"/>
              </a:lnTo>
              <a:lnTo>
                <a:pt x="16069" y="12712"/>
              </a:lnTo>
              <a:lnTo>
                <a:pt x="16174" y="12288"/>
              </a:lnTo>
              <a:lnTo>
                <a:pt x="16069" y="11864"/>
              </a:lnTo>
              <a:lnTo>
                <a:pt x="16384" y="11723"/>
              </a:lnTo>
              <a:lnTo>
                <a:pt x="16174" y="10452"/>
              </a:lnTo>
              <a:lnTo>
                <a:pt x="16174" y="10169"/>
              </a:lnTo>
              <a:lnTo>
                <a:pt x="16069" y="9604"/>
              </a:lnTo>
              <a:lnTo>
                <a:pt x="16069" y="9039"/>
              </a:lnTo>
              <a:lnTo>
                <a:pt x="16174" y="8757"/>
              </a:lnTo>
              <a:lnTo>
                <a:pt x="16384" y="8333"/>
              </a:lnTo>
              <a:lnTo>
                <a:pt x="16279" y="7910"/>
              </a:lnTo>
              <a:lnTo>
                <a:pt x="16069" y="7486"/>
              </a:lnTo>
              <a:lnTo>
                <a:pt x="15754" y="7345"/>
              </a:lnTo>
              <a:lnTo>
                <a:pt x="15649" y="6921"/>
              </a:lnTo>
              <a:lnTo>
                <a:pt x="15334" y="6780"/>
              </a:lnTo>
              <a:lnTo>
                <a:pt x="14914" y="6497"/>
              </a:lnTo>
              <a:lnTo>
                <a:pt x="14809" y="6356"/>
              </a:lnTo>
              <a:lnTo>
                <a:pt x="14599" y="5226"/>
              </a:lnTo>
              <a:lnTo>
                <a:pt x="14283" y="4237"/>
              </a:lnTo>
              <a:lnTo>
                <a:pt x="14178" y="3390"/>
              </a:lnTo>
              <a:lnTo>
                <a:pt x="14073" y="2825"/>
              </a:lnTo>
              <a:lnTo>
                <a:pt x="13653" y="2401"/>
              </a:lnTo>
              <a:lnTo>
                <a:pt x="13338" y="2119"/>
              </a:lnTo>
              <a:lnTo>
                <a:pt x="13023" y="1271"/>
              </a:lnTo>
              <a:lnTo>
                <a:pt x="13338" y="847"/>
              </a:lnTo>
              <a:lnTo>
                <a:pt x="13548" y="424"/>
              </a:lnTo>
              <a:lnTo>
                <a:pt x="13548" y="0"/>
              </a:lnTo>
              <a:lnTo>
                <a:pt x="12813" y="141"/>
              </a:lnTo>
              <a:lnTo>
                <a:pt x="12393" y="424"/>
              </a:lnTo>
              <a:lnTo>
                <a:pt x="11763" y="989"/>
              </a:lnTo>
              <a:lnTo>
                <a:pt x="11238" y="565"/>
              </a:lnTo>
              <a:lnTo>
                <a:pt x="10818" y="424"/>
              </a:lnTo>
              <a:lnTo>
                <a:pt x="10293" y="565"/>
              </a:lnTo>
              <a:lnTo>
                <a:pt x="9767" y="282"/>
              </a:lnTo>
              <a:lnTo>
                <a:pt x="9347" y="847"/>
              </a:lnTo>
              <a:lnTo>
                <a:pt x="8717" y="1130"/>
              </a:lnTo>
              <a:lnTo>
                <a:pt x="7877" y="847"/>
              </a:lnTo>
              <a:lnTo>
                <a:pt x="7352" y="424"/>
              </a:lnTo>
              <a:lnTo>
                <a:pt x="7142" y="141"/>
              </a:lnTo>
              <a:lnTo>
                <a:pt x="6512" y="141"/>
              </a:lnTo>
              <a:lnTo>
                <a:pt x="6091" y="282"/>
              </a:lnTo>
              <a:lnTo>
                <a:pt x="5776" y="989"/>
              </a:lnTo>
              <a:lnTo>
                <a:pt x="5566" y="1130"/>
              </a:lnTo>
              <a:lnTo>
                <a:pt x="4831" y="1130"/>
              </a:lnTo>
              <a:lnTo>
                <a:pt x="4411" y="1554"/>
              </a:lnTo>
              <a:lnTo>
                <a:pt x="4096" y="2260"/>
              </a:lnTo>
              <a:lnTo>
                <a:pt x="3571" y="2542"/>
              </a:lnTo>
              <a:lnTo>
                <a:pt x="3361" y="3107"/>
              </a:lnTo>
              <a:lnTo>
                <a:pt x="3466" y="3814"/>
              </a:lnTo>
              <a:lnTo>
                <a:pt x="3046" y="4096"/>
              </a:lnTo>
              <a:lnTo>
                <a:pt x="2626" y="4096"/>
              </a:lnTo>
              <a:lnTo>
                <a:pt x="2101" y="3955"/>
              </a:lnTo>
              <a:lnTo>
                <a:pt x="1785" y="4378"/>
              </a:lnTo>
              <a:lnTo>
                <a:pt x="1785" y="5085"/>
              </a:lnTo>
              <a:lnTo>
                <a:pt x="1575" y="5932"/>
              </a:lnTo>
              <a:lnTo>
                <a:pt x="1260" y="6497"/>
              </a:lnTo>
              <a:lnTo>
                <a:pt x="1050" y="7203"/>
              </a:lnTo>
              <a:lnTo>
                <a:pt x="735" y="7768"/>
              </a:lnTo>
              <a:lnTo>
                <a:pt x="840" y="8333"/>
              </a:lnTo>
              <a:lnTo>
                <a:pt x="630" y="8898"/>
              </a:lnTo>
              <a:lnTo>
                <a:pt x="525" y="9463"/>
              </a:lnTo>
              <a:lnTo>
                <a:pt x="420" y="10028"/>
              </a:lnTo>
              <a:lnTo>
                <a:pt x="210" y="10593"/>
              </a:lnTo>
              <a:lnTo>
                <a:pt x="210" y="11441"/>
              </a:lnTo>
              <a:lnTo>
                <a:pt x="0" y="12288"/>
              </a:lnTo>
              <a:lnTo>
                <a:pt x="0" y="12570"/>
              </a:lnTo>
              <a:lnTo>
                <a:pt x="525" y="13135"/>
              </a:lnTo>
              <a:lnTo>
                <a:pt x="840" y="13559"/>
              </a:lnTo>
              <a:lnTo>
                <a:pt x="840" y="13983"/>
              </a:lnTo>
              <a:lnTo>
                <a:pt x="1050" y="14124"/>
              </a:lnTo>
              <a:lnTo>
                <a:pt x="1470" y="14124"/>
              </a:lnTo>
              <a:lnTo>
                <a:pt x="1470" y="14548"/>
              </a:lnTo>
              <a:lnTo>
                <a:pt x="1575" y="14830"/>
              </a:lnTo>
              <a:lnTo>
                <a:pt x="1890" y="14689"/>
              </a:lnTo>
              <a:lnTo>
                <a:pt x="2311" y="14689"/>
              </a:lnTo>
              <a:lnTo>
                <a:pt x="2836" y="14972"/>
              </a:lnTo>
              <a:lnTo>
                <a:pt x="3046" y="15254"/>
              </a:lnTo>
              <a:lnTo>
                <a:pt x="3256" y="15537"/>
              </a:lnTo>
              <a:lnTo>
                <a:pt x="3676" y="15537"/>
              </a:lnTo>
              <a:lnTo>
                <a:pt x="4096" y="15254"/>
              </a:lnTo>
              <a:lnTo>
                <a:pt x="4306" y="14830"/>
              </a:lnTo>
              <a:lnTo>
                <a:pt x="4726" y="14830"/>
              </a:lnTo>
              <a:lnTo>
                <a:pt x="4936" y="14548"/>
              </a:lnTo>
              <a:lnTo>
                <a:pt x="5461" y="14124"/>
              </a:lnTo>
              <a:lnTo>
                <a:pt x="5881" y="14407"/>
              </a:lnTo>
              <a:lnTo>
                <a:pt x="5881" y="14830"/>
              </a:lnTo>
              <a:lnTo>
                <a:pt x="7142" y="16384"/>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13</xdr:col>
      <xdr:colOff>28575</xdr:colOff>
      <xdr:row>35</xdr:row>
      <xdr:rowOff>104775</xdr:rowOff>
    </xdr:from>
    <xdr:to>
      <xdr:col>14</xdr:col>
      <xdr:colOff>276225</xdr:colOff>
      <xdr:row>39</xdr:row>
      <xdr:rowOff>28576</xdr:rowOff>
    </xdr:to>
    <xdr:sp macro="" textlink="">
      <xdr:nvSpPr>
        <xdr:cNvPr id="314" name="d14301">
          <a:extLst>
            <a:ext uri="{FF2B5EF4-FFF2-40B4-BE49-F238E27FC236}">
              <a16:creationId xmlns:a16="http://schemas.microsoft.com/office/drawing/2014/main" id="{00000000-0008-0000-0000-00003A010000}"/>
            </a:ext>
          </a:extLst>
        </xdr:cNvPr>
        <xdr:cNvSpPr>
          <a:spLocks/>
        </xdr:cNvSpPr>
      </xdr:nvSpPr>
      <xdr:spPr bwMode="auto">
        <a:xfrm>
          <a:off x="7953375" y="5438775"/>
          <a:ext cx="857250" cy="533401"/>
        </a:xfrm>
        <a:custGeom>
          <a:avLst/>
          <a:gdLst/>
          <a:ahLst/>
          <a:cxnLst>
            <a:cxn ang="0">
              <a:pos x="12561" y="5851"/>
            </a:cxn>
            <a:cxn ang="0">
              <a:pos x="11287" y="6729"/>
            </a:cxn>
            <a:cxn ang="0">
              <a:pos x="9830" y="5851"/>
            </a:cxn>
            <a:cxn ang="0">
              <a:pos x="8192" y="6437"/>
            </a:cxn>
            <a:cxn ang="0">
              <a:pos x="6736" y="6144"/>
            </a:cxn>
            <a:cxn ang="0">
              <a:pos x="6372" y="4389"/>
            </a:cxn>
            <a:cxn ang="0">
              <a:pos x="7828" y="3803"/>
            </a:cxn>
            <a:cxn ang="0">
              <a:pos x="9466" y="2633"/>
            </a:cxn>
            <a:cxn ang="0">
              <a:pos x="9102" y="585"/>
            </a:cxn>
            <a:cxn ang="0">
              <a:pos x="8010" y="293"/>
            </a:cxn>
            <a:cxn ang="0">
              <a:pos x="6372" y="0"/>
            </a:cxn>
            <a:cxn ang="0">
              <a:pos x="4915" y="0"/>
            </a:cxn>
            <a:cxn ang="0">
              <a:pos x="3459" y="2048"/>
            </a:cxn>
            <a:cxn ang="0">
              <a:pos x="2367" y="3218"/>
            </a:cxn>
            <a:cxn ang="0">
              <a:pos x="728" y="2341"/>
            </a:cxn>
            <a:cxn ang="0">
              <a:pos x="182" y="3803"/>
            </a:cxn>
            <a:cxn ang="0">
              <a:pos x="728" y="6729"/>
            </a:cxn>
            <a:cxn ang="0">
              <a:pos x="546" y="8777"/>
            </a:cxn>
            <a:cxn ang="0">
              <a:pos x="0" y="10533"/>
            </a:cxn>
            <a:cxn ang="0">
              <a:pos x="1456" y="11410"/>
            </a:cxn>
            <a:cxn ang="0">
              <a:pos x="2002" y="13751"/>
            </a:cxn>
            <a:cxn ang="0">
              <a:pos x="1820" y="16091"/>
            </a:cxn>
            <a:cxn ang="0">
              <a:pos x="3095" y="15506"/>
            </a:cxn>
            <a:cxn ang="0">
              <a:pos x="7100" y="14921"/>
            </a:cxn>
            <a:cxn ang="0">
              <a:pos x="7646" y="14043"/>
            </a:cxn>
            <a:cxn ang="0">
              <a:pos x="8920" y="14043"/>
            </a:cxn>
            <a:cxn ang="0">
              <a:pos x="10012" y="14043"/>
            </a:cxn>
            <a:cxn ang="0">
              <a:pos x="11105" y="12288"/>
            </a:cxn>
            <a:cxn ang="0">
              <a:pos x="11651" y="13458"/>
            </a:cxn>
            <a:cxn ang="0">
              <a:pos x="12561" y="15214"/>
            </a:cxn>
            <a:cxn ang="0">
              <a:pos x="13289" y="14336"/>
            </a:cxn>
            <a:cxn ang="0">
              <a:pos x="14382" y="13458"/>
            </a:cxn>
            <a:cxn ang="0">
              <a:pos x="16020" y="12873"/>
            </a:cxn>
            <a:cxn ang="0">
              <a:pos x="15656" y="10240"/>
            </a:cxn>
            <a:cxn ang="0">
              <a:pos x="16384" y="8192"/>
            </a:cxn>
            <a:cxn ang="0">
              <a:pos x="15474" y="7899"/>
            </a:cxn>
            <a:cxn ang="0">
              <a:pos x="13835" y="6437"/>
            </a:cxn>
            <a:cxn ang="0">
              <a:pos x="12379" y="5266"/>
            </a:cxn>
          </a:cxnLst>
          <a:rect l="0" t="0" r="r" b="b"/>
          <a:pathLst>
            <a:path w="16384" h="16384">
              <a:moveTo>
                <a:pt x="12379" y="5266"/>
              </a:moveTo>
              <a:lnTo>
                <a:pt x="12561" y="5851"/>
              </a:lnTo>
              <a:lnTo>
                <a:pt x="12197" y="6729"/>
              </a:lnTo>
              <a:lnTo>
                <a:pt x="11287" y="6729"/>
              </a:lnTo>
              <a:lnTo>
                <a:pt x="10559" y="5851"/>
              </a:lnTo>
              <a:lnTo>
                <a:pt x="9830" y="5851"/>
              </a:lnTo>
              <a:lnTo>
                <a:pt x="8920" y="6144"/>
              </a:lnTo>
              <a:lnTo>
                <a:pt x="8192" y="6437"/>
              </a:lnTo>
              <a:lnTo>
                <a:pt x="7464" y="5851"/>
              </a:lnTo>
              <a:lnTo>
                <a:pt x="6736" y="6144"/>
              </a:lnTo>
              <a:lnTo>
                <a:pt x="6372" y="4974"/>
              </a:lnTo>
              <a:lnTo>
                <a:pt x="6372" y="4389"/>
              </a:lnTo>
              <a:lnTo>
                <a:pt x="6918" y="4389"/>
              </a:lnTo>
              <a:lnTo>
                <a:pt x="7828" y="3803"/>
              </a:lnTo>
              <a:lnTo>
                <a:pt x="8374" y="3803"/>
              </a:lnTo>
              <a:lnTo>
                <a:pt x="9466" y="2633"/>
              </a:lnTo>
              <a:lnTo>
                <a:pt x="9648" y="1170"/>
              </a:lnTo>
              <a:lnTo>
                <a:pt x="9102" y="585"/>
              </a:lnTo>
              <a:lnTo>
                <a:pt x="8192" y="585"/>
              </a:lnTo>
              <a:lnTo>
                <a:pt x="8010" y="293"/>
              </a:lnTo>
              <a:lnTo>
                <a:pt x="6554" y="293"/>
              </a:lnTo>
              <a:lnTo>
                <a:pt x="6372" y="0"/>
              </a:lnTo>
              <a:lnTo>
                <a:pt x="5279" y="293"/>
              </a:lnTo>
              <a:lnTo>
                <a:pt x="4915" y="0"/>
              </a:lnTo>
              <a:lnTo>
                <a:pt x="4187" y="1463"/>
              </a:lnTo>
              <a:lnTo>
                <a:pt x="3459" y="2048"/>
              </a:lnTo>
              <a:lnTo>
                <a:pt x="2913" y="2048"/>
              </a:lnTo>
              <a:lnTo>
                <a:pt x="2367" y="3218"/>
              </a:lnTo>
              <a:lnTo>
                <a:pt x="1456" y="3803"/>
              </a:lnTo>
              <a:lnTo>
                <a:pt x="728" y="2341"/>
              </a:lnTo>
              <a:lnTo>
                <a:pt x="182" y="2633"/>
              </a:lnTo>
              <a:lnTo>
                <a:pt x="182" y="3803"/>
              </a:lnTo>
              <a:lnTo>
                <a:pt x="546" y="4974"/>
              </a:lnTo>
              <a:lnTo>
                <a:pt x="728" y="6729"/>
              </a:lnTo>
              <a:lnTo>
                <a:pt x="364" y="7899"/>
              </a:lnTo>
              <a:lnTo>
                <a:pt x="546" y="8777"/>
              </a:lnTo>
              <a:lnTo>
                <a:pt x="364" y="9655"/>
              </a:lnTo>
              <a:lnTo>
                <a:pt x="0" y="10533"/>
              </a:lnTo>
              <a:lnTo>
                <a:pt x="910" y="11118"/>
              </a:lnTo>
              <a:lnTo>
                <a:pt x="1456" y="11410"/>
              </a:lnTo>
              <a:lnTo>
                <a:pt x="1456" y="12581"/>
              </a:lnTo>
              <a:lnTo>
                <a:pt x="2002" y="13751"/>
              </a:lnTo>
              <a:lnTo>
                <a:pt x="2549" y="14629"/>
              </a:lnTo>
              <a:lnTo>
                <a:pt x="1820" y="16091"/>
              </a:lnTo>
              <a:lnTo>
                <a:pt x="2731" y="16384"/>
              </a:lnTo>
              <a:lnTo>
                <a:pt x="3095" y="15506"/>
              </a:lnTo>
              <a:lnTo>
                <a:pt x="6007" y="15214"/>
              </a:lnTo>
              <a:lnTo>
                <a:pt x="7100" y="14921"/>
              </a:lnTo>
              <a:lnTo>
                <a:pt x="7282" y="14921"/>
              </a:lnTo>
              <a:lnTo>
                <a:pt x="7646" y="14043"/>
              </a:lnTo>
              <a:lnTo>
                <a:pt x="8192" y="14043"/>
              </a:lnTo>
              <a:lnTo>
                <a:pt x="8920" y="14043"/>
              </a:lnTo>
              <a:lnTo>
                <a:pt x="9466" y="14043"/>
              </a:lnTo>
              <a:lnTo>
                <a:pt x="10012" y="14043"/>
              </a:lnTo>
              <a:lnTo>
                <a:pt x="10559" y="13458"/>
              </a:lnTo>
              <a:lnTo>
                <a:pt x="11105" y="12288"/>
              </a:lnTo>
              <a:lnTo>
                <a:pt x="11469" y="12581"/>
              </a:lnTo>
              <a:lnTo>
                <a:pt x="11651" y="13458"/>
              </a:lnTo>
              <a:lnTo>
                <a:pt x="12015" y="14336"/>
              </a:lnTo>
              <a:lnTo>
                <a:pt x="12561" y="15214"/>
              </a:lnTo>
              <a:lnTo>
                <a:pt x="13107" y="15214"/>
              </a:lnTo>
              <a:lnTo>
                <a:pt x="13289" y="14336"/>
              </a:lnTo>
              <a:lnTo>
                <a:pt x="13653" y="13751"/>
              </a:lnTo>
              <a:lnTo>
                <a:pt x="14382" y="13458"/>
              </a:lnTo>
              <a:lnTo>
                <a:pt x="15110" y="12873"/>
              </a:lnTo>
              <a:lnTo>
                <a:pt x="16020" y="12873"/>
              </a:lnTo>
              <a:lnTo>
                <a:pt x="16020" y="11995"/>
              </a:lnTo>
              <a:lnTo>
                <a:pt x="15656" y="10240"/>
              </a:lnTo>
              <a:lnTo>
                <a:pt x="15656" y="8777"/>
              </a:lnTo>
              <a:lnTo>
                <a:pt x="16384" y="8192"/>
              </a:lnTo>
              <a:lnTo>
                <a:pt x="16202" y="7899"/>
              </a:lnTo>
              <a:lnTo>
                <a:pt x="15474" y="7899"/>
              </a:lnTo>
              <a:lnTo>
                <a:pt x="14928" y="7607"/>
              </a:lnTo>
              <a:lnTo>
                <a:pt x="13835" y="6437"/>
              </a:lnTo>
              <a:lnTo>
                <a:pt x="12925" y="5266"/>
              </a:lnTo>
              <a:lnTo>
                <a:pt x="12379" y="5266"/>
              </a:lnTo>
              <a:close/>
            </a:path>
          </a:pathLst>
        </a:custGeom>
        <a:solidFill>
          <a:srgbClr val="FF6600"/>
        </a:solidFill>
        <a:ln w="9525" cap="flat">
          <a:solidFill>
            <a:srgbClr val="000000"/>
          </a:solidFill>
          <a:prstDash val="solid"/>
          <a:round/>
          <a:headEnd/>
          <a:tailEnd/>
        </a:ln>
      </xdr:spPr>
    </xdr:sp>
    <xdr:clientData/>
  </xdr:twoCellAnchor>
  <xdr:twoCellAnchor editAs="oneCell">
    <xdr:from>
      <xdr:col>9</xdr:col>
      <xdr:colOff>200025</xdr:colOff>
      <xdr:row>25</xdr:row>
      <xdr:rowOff>114300</xdr:rowOff>
    </xdr:from>
    <xdr:to>
      <xdr:col>10</xdr:col>
      <xdr:colOff>0</xdr:colOff>
      <xdr:row>30</xdr:row>
      <xdr:rowOff>57149</xdr:rowOff>
    </xdr:to>
    <xdr:sp macro="" textlink="">
      <xdr:nvSpPr>
        <xdr:cNvPr id="315" name="d14321">
          <a:extLst>
            <a:ext uri="{FF2B5EF4-FFF2-40B4-BE49-F238E27FC236}">
              <a16:creationId xmlns:a16="http://schemas.microsoft.com/office/drawing/2014/main" id="{00000000-0008-0000-0000-00003B010000}"/>
            </a:ext>
          </a:extLst>
        </xdr:cNvPr>
        <xdr:cNvSpPr>
          <a:spLocks/>
        </xdr:cNvSpPr>
      </xdr:nvSpPr>
      <xdr:spPr bwMode="auto">
        <a:xfrm>
          <a:off x="5686425" y="3924300"/>
          <a:ext cx="409575" cy="704849"/>
        </a:xfrm>
        <a:custGeom>
          <a:avLst/>
          <a:gdLst/>
          <a:ahLst/>
          <a:cxnLst>
            <a:cxn ang="0">
              <a:pos x="2286" y="2214"/>
            </a:cxn>
            <a:cxn ang="0">
              <a:pos x="3048" y="3321"/>
            </a:cxn>
            <a:cxn ang="0">
              <a:pos x="3048" y="4428"/>
            </a:cxn>
            <a:cxn ang="0">
              <a:pos x="2667" y="5978"/>
            </a:cxn>
            <a:cxn ang="0">
              <a:pos x="1524" y="7528"/>
            </a:cxn>
            <a:cxn ang="0">
              <a:pos x="1524" y="9299"/>
            </a:cxn>
            <a:cxn ang="0">
              <a:pos x="381" y="11070"/>
            </a:cxn>
            <a:cxn ang="0">
              <a:pos x="0" y="11956"/>
            </a:cxn>
            <a:cxn ang="0">
              <a:pos x="1524" y="13284"/>
            </a:cxn>
            <a:cxn ang="0">
              <a:pos x="1905" y="14391"/>
            </a:cxn>
            <a:cxn ang="0">
              <a:pos x="762" y="14834"/>
            </a:cxn>
            <a:cxn ang="0">
              <a:pos x="381" y="16384"/>
            </a:cxn>
            <a:cxn ang="0">
              <a:pos x="3048" y="16384"/>
            </a:cxn>
            <a:cxn ang="0">
              <a:pos x="6477" y="15941"/>
            </a:cxn>
            <a:cxn ang="0">
              <a:pos x="11431" y="15720"/>
            </a:cxn>
            <a:cxn ang="0">
              <a:pos x="12574" y="14391"/>
            </a:cxn>
            <a:cxn ang="0">
              <a:pos x="12574" y="13506"/>
            </a:cxn>
            <a:cxn ang="0">
              <a:pos x="11431" y="12842"/>
            </a:cxn>
            <a:cxn ang="0">
              <a:pos x="11812" y="11956"/>
            </a:cxn>
            <a:cxn ang="0">
              <a:pos x="13717" y="11070"/>
            </a:cxn>
            <a:cxn ang="0">
              <a:pos x="15241" y="10185"/>
            </a:cxn>
            <a:cxn ang="0">
              <a:pos x="16003" y="8635"/>
            </a:cxn>
            <a:cxn ang="0">
              <a:pos x="16384" y="7528"/>
            </a:cxn>
            <a:cxn ang="0">
              <a:pos x="15622" y="6864"/>
            </a:cxn>
            <a:cxn ang="0">
              <a:pos x="14098" y="5314"/>
            </a:cxn>
            <a:cxn ang="0">
              <a:pos x="14479" y="3321"/>
            </a:cxn>
            <a:cxn ang="0">
              <a:pos x="12193" y="3321"/>
            </a:cxn>
            <a:cxn ang="0">
              <a:pos x="12955" y="1328"/>
            </a:cxn>
            <a:cxn ang="0">
              <a:pos x="11431" y="1107"/>
            </a:cxn>
            <a:cxn ang="0">
              <a:pos x="12193" y="0"/>
            </a:cxn>
            <a:cxn ang="0">
              <a:pos x="9907" y="221"/>
            </a:cxn>
            <a:cxn ang="0">
              <a:pos x="7620" y="443"/>
            </a:cxn>
            <a:cxn ang="0">
              <a:pos x="6477" y="0"/>
            </a:cxn>
            <a:cxn ang="0">
              <a:pos x="3048" y="221"/>
            </a:cxn>
            <a:cxn ang="0">
              <a:pos x="1143" y="221"/>
            </a:cxn>
            <a:cxn ang="0">
              <a:pos x="1905" y="886"/>
            </a:cxn>
            <a:cxn ang="0">
              <a:pos x="2286" y="2214"/>
            </a:cxn>
          </a:cxnLst>
          <a:rect l="0" t="0" r="r" b="b"/>
          <a:pathLst>
            <a:path w="16384" h="16384">
              <a:moveTo>
                <a:pt x="2286" y="2214"/>
              </a:moveTo>
              <a:lnTo>
                <a:pt x="3048" y="3321"/>
              </a:lnTo>
              <a:lnTo>
                <a:pt x="3048" y="4428"/>
              </a:lnTo>
              <a:lnTo>
                <a:pt x="2667" y="5978"/>
              </a:lnTo>
              <a:lnTo>
                <a:pt x="1524" y="7528"/>
              </a:lnTo>
              <a:lnTo>
                <a:pt x="1524" y="9299"/>
              </a:lnTo>
              <a:lnTo>
                <a:pt x="381" y="11070"/>
              </a:lnTo>
              <a:lnTo>
                <a:pt x="0" y="11956"/>
              </a:lnTo>
              <a:lnTo>
                <a:pt x="1524" y="13284"/>
              </a:lnTo>
              <a:lnTo>
                <a:pt x="1905" y="14391"/>
              </a:lnTo>
              <a:lnTo>
                <a:pt x="762" y="14834"/>
              </a:lnTo>
              <a:lnTo>
                <a:pt x="381" y="16384"/>
              </a:lnTo>
              <a:lnTo>
                <a:pt x="3048" y="16384"/>
              </a:lnTo>
              <a:lnTo>
                <a:pt x="6477" y="15941"/>
              </a:lnTo>
              <a:lnTo>
                <a:pt x="11431" y="15720"/>
              </a:lnTo>
              <a:lnTo>
                <a:pt x="12574" y="14391"/>
              </a:lnTo>
              <a:lnTo>
                <a:pt x="12574" y="13506"/>
              </a:lnTo>
              <a:lnTo>
                <a:pt x="11431" y="12842"/>
              </a:lnTo>
              <a:lnTo>
                <a:pt x="11812" y="11956"/>
              </a:lnTo>
              <a:lnTo>
                <a:pt x="13717" y="11070"/>
              </a:lnTo>
              <a:lnTo>
                <a:pt x="15241" y="10185"/>
              </a:lnTo>
              <a:lnTo>
                <a:pt x="16003" y="8635"/>
              </a:lnTo>
              <a:lnTo>
                <a:pt x="16384" y="7528"/>
              </a:lnTo>
              <a:lnTo>
                <a:pt x="15622" y="6864"/>
              </a:lnTo>
              <a:lnTo>
                <a:pt x="14098" y="5314"/>
              </a:lnTo>
              <a:lnTo>
                <a:pt x="14479" y="3321"/>
              </a:lnTo>
              <a:lnTo>
                <a:pt x="12193" y="3321"/>
              </a:lnTo>
              <a:lnTo>
                <a:pt x="12955" y="1328"/>
              </a:lnTo>
              <a:lnTo>
                <a:pt x="11431" y="1107"/>
              </a:lnTo>
              <a:lnTo>
                <a:pt x="12193" y="0"/>
              </a:lnTo>
              <a:lnTo>
                <a:pt x="9907" y="221"/>
              </a:lnTo>
              <a:lnTo>
                <a:pt x="7620" y="443"/>
              </a:lnTo>
              <a:lnTo>
                <a:pt x="6477" y="0"/>
              </a:lnTo>
              <a:lnTo>
                <a:pt x="3048" y="221"/>
              </a:lnTo>
              <a:lnTo>
                <a:pt x="1143" y="221"/>
              </a:lnTo>
              <a:lnTo>
                <a:pt x="1905" y="886"/>
              </a:lnTo>
              <a:lnTo>
                <a:pt x="2286" y="2214"/>
              </a:lnTo>
              <a:close/>
            </a:path>
          </a:pathLst>
        </a:custGeom>
        <a:solidFill>
          <a:srgbClr val="FF0000"/>
        </a:solidFill>
        <a:ln w="9525" cap="flat">
          <a:solidFill>
            <a:srgbClr val="000000"/>
          </a:solidFill>
          <a:prstDash val="solid"/>
          <a:round/>
          <a:headEnd/>
          <a:tailEnd/>
        </a:ln>
      </xdr:spPr>
    </xdr:sp>
    <xdr:clientData/>
  </xdr:twoCellAnchor>
  <xdr:twoCellAnchor editAs="oneCell">
    <xdr:from>
      <xdr:col>7</xdr:col>
      <xdr:colOff>66675</xdr:colOff>
      <xdr:row>31</xdr:row>
      <xdr:rowOff>114300</xdr:rowOff>
    </xdr:from>
    <xdr:to>
      <xdr:col>8</xdr:col>
      <xdr:colOff>419100</xdr:colOff>
      <xdr:row>35</xdr:row>
      <xdr:rowOff>9524</xdr:rowOff>
    </xdr:to>
    <xdr:sp macro="" textlink="">
      <xdr:nvSpPr>
        <xdr:cNvPr id="316" name="d14341">
          <a:extLst>
            <a:ext uri="{FF2B5EF4-FFF2-40B4-BE49-F238E27FC236}">
              <a16:creationId xmlns:a16="http://schemas.microsoft.com/office/drawing/2014/main" id="{00000000-0008-0000-0000-00003C010000}"/>
            </a:ext>
          </a:extLst>
        </xdr:cNvPr>
        <xdr:cNvSpPr>
          <a:spLocks/>
        </xdr:cNvSpPr>
      </xdr:nvSpPr>
      <xdr:spPr bwMode="auto">
        <a:xfrm>
          <a:off x="4333875" y="4838700"/>
          <a:ext cx="962025" cy="504824"/>
        </a:xfrm>
        <a:custGeom>
          <a:avLst/>
          <a:gdLst/>
          <a:ahLst/>
          <a:cxnLst>
            <a:cxn ang="0">
              <a:pos x="15573" y="9892"/>
            </a:cxn>
            <a:cxn ang="0">
              <a:pos x="14762" y="8656"/>
            </a:cxn>
            <a:cxn ang="0">
              <a:pos x="15086" y="6492"/>
            </a:cxn>
            <a:cxn ang="0">
              <a:pos x="15573" y="6183"/>
            </a:cxn>
            <a:cxn ang="0">
              <a:pos x="16384" y="5255"/>
            </a:cxn>
            <a:cxn ang="0">
              <a:pos x="15897" y="4019"/>
            </a:cxn>
            <a:cxn ang="0">
              <a:pos x="14762" y="4019"/>
            </a:cxn>
            <a:cxn ang="0">
              <a:pos x="14437" y="2473"/>
            </a:cxn>
            <a:cxn ang="0">
              <a:pos x="14113" y="4019"/>
            </a:cxn>
            <a:cxn ang="0">
              <a:pos x="12815" y="4946"/>
            </a:cxn>
            <a:cxn ang="0">
              <a:pos x="11842" y="6492"/>
            </a:cxn>
            <a:cxn ang="0">
              <a:pos x="10544" y="6801"/>
            </a:cxn>
            <a:cxn ang="0">
              <a:pos x="10382" y="5874"/>
            </a:cxn>
            <a:cxn ang="0">
              <a:pos x="9409" y="5255"/>
            </a:cxn>
            <a:cxn ang="0">
              <a:pos x="8922" y="4019"/>
            </a:cxn>
            <a:cxn ang="0">
              <a:pos x="8435" y="4019"/>
            </a:cxn>
            <a:cxn ang="0">
              <a:pos x="8922" y="2164"/>
            </a:cxn>
            <a:cxn ang="0">
              <a:pos x="8435" y="1546"/>
            </a:cxn>
            <a:cxn ang="0">
              <a:pos x="6489" y="1546"/>
            </a:cxn>
            <a:cxn ang="0">
              <a:pos x="6002" y="618"/>
            </a:cxn>
            <a:cxn ang="0">
              <a:pos x="5029" y="618"/>
            </a:cxn>
            <a:cxn ang="0">
              <a:pos x="4380" y="0"/>
            </a:cxn>
            <a:cxn ang="0">
              <a:pos x="3082" y="309"/>
            </a:cxn>
            <a:cxn ang="0">
              <a:pos x="2109" y="0"/>
            </a:cxn>
            <a:cxn ang="0">
              <a:pos x="1298" y="1855"/>
            </a:cxn>
            <a:cxn ang="0">
              <a:pos x="0" y="2164"/>
            </a:cxn>
            <a:cxn ang="0">
              <a:pos x="811" y="5874"/>
            </a:cxn>
            <a:cxn ang="0">
              <a:pos x="1298" y="8656"/>
            </a:cxn>
            <a:cxn ang="0">
              <a:pos x="2433" y="8656"/>
            </a:cxn>
            <a:cxn ang="0">
              <a:pos x="2758" y="10820"/>
            </a:cxn>
            <a:cxn ang="0">
              <a:pos x="2758" y="12674"/>
            </a:cxn>
            <a:cxn ang="0">
              <a:pos x="3244" y="14529"/>
            </a:cxn>
            <a:cxn ang="0">
              <a:pos x="3407" y="16384"/>
            </a:cxn>
            <a:cxn ang="0">
              <a:pos x="9895" y="13911"/>
            </a:cxn>
            <a:cxn ang="0">
              <a:pos x="12815" y="12674"/>
            </a:cxn>
            <a:cxn ang="0">
              <a:pos x="13140" y="11438"/>
            </a:cxn>
            <a:cxn ang="0">
              <a:pos x="15573" y="9892"/>
            </a:cxn>
          </a:cxnLst>
          <a:rect l="0" t="0" r="r" b="b"/>
          <a:pathLst>
            <a:path w="16384" h="16384">
              <a:moveTo>
                <a:pt x="15573" y="9892"/>
              </a:moveTo>
              <a:lnTo>
                <a:pt x="14762" y="8656"/>
              </a:lnTo>
              <a:lnTo>
                <a:pt x="15086" y="6492"/>
              </a:lnTo>
              <a:lnTo>
                <a:pt x="15573" y="6183"/>
              </a:lnTo>
              <a:lnTo>
                <a:pt x="16384" y="5255"/>
              </a:lnTo>
              <a:lnTo>
                <a:pt x="15897" y="4019"/>
              </a:lnTo>
              <a:lnTo>
                <a:pt x="14762" y="4019"/>
              </a:lnTo>
              <a:lnTo>
                <a:pt x="14437" y="2473"/>
              </a:lnTo>
              <a:lnTo>
                <a:pt x="14113" y="4019"/>
              </a:lnTo>
              <a:lnTo>
                <a:pt x="12815" y="4946"/>
              </a:lnTo>
              <a:lnTo>
                <a:pt x="11842" y="6492"/>
              </a:lnTo>
              <a:lnTo>
                <a:pt x="10544" y="6801"/>
              </a:lnTo>
              <a:lnTo>
                <a:pt x="10382" y="5874"/>
              </a:lnTo>
              <a:lnTo>
                <a:pt x="9409" y="5255"/>
              </a:lnTo>
              <a:lnTo>
                <a:pt x="8922" y="4019"/>
              </a:lnTo>
              <a:lnTo>
                <a:pt x="8435" y="4019"/>
              </a:lnTo>
              <a:lnTo>
                <a:pt x="8922" y="2164"/>
              </a:lnTo>
              <a:lnTo>
                <a:pt x="8435" y="1546"/>
              </a:lnTo>
              <a:lnTo>
                <a:pt x="6489" y="1546"/>
              </a:lnTo>
              <a:lnTo>
                <a:pt x="6002" y="618"/>
              </a:lnTo>
              <a:lnTo>
                <a:pt x="5029" y="618"/>
              </a:lnTo>
              <a:lnTo>
                <a:pt x="4380" y="0"/>
              </a:lnTo>
              <a:lnTo>
                <a:pt x="3082" y="309"/>
              </a:lnTo>
              <a:lnTo>
                <a:pt x="2109" y="0"/>
              </a:lnTo>
              <a:lnTo>
                <a:pt x="1298" y="1855"/>
              </a:lnTo>
              <a:lnTo>
                <a:pt x="0" y="2164"/>
              </a:lnTo>
              <a:lnTo>
                <a:pt x="811" y="5874"/>
              </a:lnTo>
              <a:lnTo>
                <a:pt x="1298" y="8656"/>
              </a:lnTo>
              <a:lnTo>
                <a:pt x="2433" y="8656"/>
              </a:lnTo>
              <a:lnTo>
                <a:pt x="2758" y="10820"/>
              </a:lnTo>
              <a:lnTo>
                <a:pt x="2758" y="12674"/>
              </a:lnTo>
              <a:lnTo>
                <a:pt x="3244" y="14529"/>
              </a:lnTo>
              <a:lnTo>
                <a:pt x="3407" y="16384"/>
              </a:lnTo>
              <a:lnTo>
                <a:pt x="9895" y="13911"/>
              </a:lnTo>
              <a:lnTo>
                <a:pt x="12815" y="12674"/>
              </a:lnTo>
              <a:lnTo>
                <a:pt x="13140" y="11438"/>
              </a:lnTo>
              <a:lnTo>
                <a:pt x="15573" y="9892"/>
              </a:lnTo>
              <a:close/>
            </a:path>
          </a:pathLst>
        </a:custGeom>
        <a:solidFill>
          <a:srgbClr val="FF0000"/>
        </a:solidFill>
        <a:ln w="9525" cap="flat">
          <a:solidFill>
            <a:srgbClr val="000000"/>
          </a:solidFill>
          <a:prstDash val="solid"/>
          <a:round/>
          <a:headEnd/>
          <a:tailEnd/>
        </a:ln>
      </xdr:spPr>
    </xdr:sp>
    <xdr:clientData/>
  </xdr:twoCellAnchor>
  <xdr:twoCellAnchor editAs="oneCell">
    <xdr:from>
      <xdr:col>6</xdr:col>
      <xdr:colOff>466725</xdr:colOff>
      <xdr:row>32</xdr:row>
      <xdr:rowOff>19050</xdr:rowOff>
    </xdr:from>
    <xdr:to>
      <xdr:col>7</xdr:col>
      <xdr:colOff>266700</xdr:colOff>
      <xdr:row>36</xdr:row>
      <xdr:rowOff>1</xdr:rowOff>
    </xdr:to>
    <xdr:sp macro="" textlink="">
      <xdr:nvSpPr>
        <xdr:cNvPr id="317" name="d14342">
          <a:extLst>
            <a:ext uri="{FF2B5EF4-FFF2-40B4-BE49-F238E27FC236}">
              <a16:creationId xmlns:a16="http://schemas.microsoft.com/office/drawing/2014/main" id="{00000000-0008-0000-0000-00003D010000}"/>
            </a:ext>
          </a:extLst>
        </xdr:cNvPr>
        <xdr:cNvSpPr>
          <a:spLocks/>
        </xdr:cNvSpPr>
      </xdr:nvSpPr>
      <xdr:spPr bwMode="auto">
        <a:xfrm>
          <a:off x="4124325" y="4895850"/>
          <a:ext cx="409575" cy="590551"/>
        </a:xfrm>
        <a:custGeom>
          <a:avLst/>
          <a:gdLst/>
          <a:ahLst/>
          <a:cxnLst>
            <a:cxn ang="0">
              <a:pos x="8383" y="264"/>
            </a:cxn>
            <a:cxn ang="0">
              <a:pos x="7620" y="529"/>
            </a:cxn>
            <a:cxn ang="0">
              <a:pos x="7239" y="0"/>
            </a:cxn>
            <a:cxn ang="0">
              <a:pos x="4191" y="1586"/>
            </a:cxn>
            <a:cxn ang="0">
              <a:pos x="1524" y="3700"/>
            </a:cxn>
            <a:cxn ang="0">
              <a:pos x="0" y="3700"/>
            </a:cxn>
            <a:cxn ang="0">
              <a:pos x="381" y="4492"/>
            </a:cxn>
            <a:cxn ang="0">
              <a:pos x="1143" y="5285"/>
            </a:cxn>
            <a:cxn ang="0">
              <a:pos x="2667" y="5814"/>
            </a:cxn>
            <a:cxn ang="0">
              <a:pos x="2286" y="7663"/>
            </a:cxn>
            <a:cxn ang="0">
              <a:pos x="1905" y="8456"/>
            </a:cxn>
            <a:cxn ang="0">
              <a:pos x="2286" y="9513"/>
            </a:cxn>
            <a:cxn ang="0">
              <a:pos x="2286" y="10042"/>
            </a:cxn>
            <a:cxn ang="0">
              <a:pos x="2286" y="11363"/>
            </a:cxn>
            <a:cxn ang="0">
              <a:pos x="1143" y="12420"/>
            </a:cxn>
            <a:cxn ang="0">
              <a:pos x="1905" y="12684"/>
            </a:cxn>
            <a:cxn ang="0">
              <a:pos x="1905" y="12949"/>
            </a:cxn>
            <a:cxn ang="0">
              <a:pos x="1143" y="13741"/>
            </a:cxn>
            <a:cxn ang="0">
              <a:pos x="762" y="14798"/>
            </a:cxn>
            <a:cxn ang="0">
              <a:pos x="1524" y="16384"/>
            </a:cxn>
            <a:cxn ang="0">
              <a:pos x="5334" y="15063"/>
            </a:cxn>
            <a:cxn ang="0">
              <a:pos x="9526" y="13741"/>
            </a:cxn>
            <a:cxn ang="0">
              <a:pos x="13336" y="12949"/>
            </a:cxn>
            <a:cxn ang="0">
              <a:pos x="16384" y="12420"/>
            </a:cxn>
            <a:cxn ang="0">
              <a:pos x="16003" y="10835"/>
            </a:cxn>
            <a:cxn ang="0">
              <a:pos x="14860" y="9249"/>
            </a:cxn>
            <a:cxn ang="0">
              <a:pos x="14860" y="7663"/>
            </a:cxn>
            <a:cxn ang="0">
              <a:pos x="14098" y="5814"/>
            </a:cxn>
            <a:cxn ang="0">
              <a:pos x="11431" y="5814"/>
            </a:cxn>
            <a:cxn ang="0">
              <a:pos x="10288" y="3435"/>
            </a:cxn>
            <a:cxn ang="0">
              <a:pos x="8383" y="264"/>
            </a:cxn>
          </a:cxnLst>
          <a:rect l="0" t="0" r="r" b="b"/>
          <a:pathLst>
            <a:path w="16384" h="16384">
              <a:moveTo>
                <a:pt x="8383" y="264"/>
              </a:moveTo>
              <a:lnTo>
                <a:pt x="7620" y="529"/>
              </a:lnTo>
              <a:lnTo>
                <a:pt x="7239" y="0"/>
              </a:lnTo>
              <a:lnTo>
                <a:pt x="4191" y="1586"/>
              </a:lnTo>
              <a:lnTo>
                <a:pt x="1524" y="3700"/>
              </a:lnTo>
              <a:lnTo>
                <a:pt x="0" y="3700"/>
              </a:lnTo>
              <a:lnTo>
                <a:pt x="381" y="4492"/>
              </a:lnTo>
              <a:lnTo>
                <a:pt x="1143" y="5285"/>
              </a:lnTo>
              <a:lnTo>
                <a:pt x="2667" y="5814"/>
              </a:lnTo>
              <a:lnTo>
                <a:pt x="2286" y="7663"/>
              </a:lnTo>
              <a:lnTo>
                <a:pt x="1905" y="8456"/>
              </a:lnTo>
              <a:lnTo>
                <a:pt x="2286" y="9513"/>
              </a:lnTo>
              <a:lnTo>
                <a:pt x="2286" y="10042"/>
              </a:lnTo>
              <a:lnTo>
                <a:pt x="2286" y="11363"/>
              </a:lnTo>
              <a:lnTo>
                <a:pt x="1143" y="12420"/>
              </a:lnTo>
              <a:lnTo>
                <a:pt x="1905" y="12684"/>
              </a:lnTo>
              <a:lnTo>
                <a:pt x="1905" y="12949"/>
              </a:lnTo>
              <a:lnTo>
                <a:pt x="1143" y="13741"/>
              </a:lnTo>
              <a:lnTo>
                <a:pt x="762" y="14798"/>
              </a:lnTo>
              <a:lnTo>
                <a:pt x="1524" y="16384"/>
              </a:lnTo>
              <a:lnTo>
                <a:pt x="5334" y="15063"/>
              </a:lnTo>
              <a:lnTo>
                <a:pt x="9526" y="13741"/>
              </a:lnTo>
              <a:lnTo>
                <a:pt x="13336" y="12949"/>
              </a:lnTo>
              <a:lnTo>
                <a:pt x="16384" y="12420"/>
              </a:lnTo>
              <a:lnTo>
                <a:pt x="16003" y="10835"/>
              </a:lnTo>
              <a:lnTo>
                <a:pt x="14860" y="9249"/>
              </a:lnTo>
              <a:lnTo>
                <a:pt x="14860" y="7663"/>
              </a:lnTo>
              <a:lnTo>
                <a:pt x="14098" y="5814"/>
              </a:lnTo>
              <a:lnTo>
                <a:pt x="11431" y="5814"/>
              </a:lnTo>
              <a:lnTo>
                <a:pt x="10288" y="3435"/>
              </a:lnTo>
              <a:lnTo>
                <a:pt x="8383" y="264"/>
              </a:lnTo>
              <a:close/>
            </a:path>
          </a:pathLst>
        </a:custGeom>
        <a:solidFill>
          <a:srgbClr val="FF0000"/>
        </a:solidFill>
        <a:ln w="9525" cap="flat">
          <a:solidFill>
            <a:srgbClr val="000000"/>
          </a:solidFill>
          <a:prstDash val="solid"/>
          <a:round/>
          <a:headEnd/>
          <a:tailEnd/>
        </a:ln>
      </xdr:spPr>
    </xdr:sp>
    <xdr:clientData/>
  </xdr:twoCellAnchor>
  <xdr:twoCellAnchor editAs="oneCell">
    <xdr:from>
      <xdr:col>5</xdr:col>
      <xdr:colOff>542925</xdr:colOff>
      <xdr:row>29</xdr:row>
      <xdr:rowOff>38100</xdr:rowOff>
    </xdr:from>
    <xdr:to>
      <xdr:col>7</xdr:col>
      <xdr:colOff>85725</xdr:colOff>
      <xdr:row>33</xdr:row>
      <xdr:rowOff>142876</xdr:rowOff>
    </xdr:to>
    <xdr:sp macro="" textlink="">
      <xdr:nvSpPr>
        <xdr:cNvPr id="318" name="d14361">
          <a:extLst>
            <a:ext uri="{FF2B5EF4-FFF2-40B4-BE49-F238E27FC236}">
              <a16:creationId xmlns:a16="http://schemas.microsoft.com/office/drawing/2014/main" id="{00000000-0008-0000-0000-00003E010000}"/>
            </a:ext>
          </a:extLst>
        </xdr:cNvPr>
        <xdr:cNvSpPr>
          <a:spLocks/>
        </xdr:cNvSpPr>
      </xdr:nvSpPr>
      <xdr:spPr bwMode="auto">
        <a:xfrm>
          <a:off x="3590925" y="4457700"/>
          <a:ext cx="762000" cy="714376"/>
        </a:xfrm>
        <a:custGeom>
          <a:avLst/>
          <a:gdLst/>
          <a:ahLst/>
          <a:cxnLst>
            <a:cxn ang="0">
              <a:pos x="410" y="12233"/>
            </a:cxn>
            <a:cxn ang="0">
              <a:pos x="1024" y="13107"/>
            </a:cxn>
            <a:cxn ang="0">
              <a:pos x="1843" y="13763"/>
            </a:cxn>
            <a:cxn ang="0">
              <a:pos x="3072" y="14418"/>
            </a:cxn>
            <a:cxn ang="0">
              <a:pos x="3482" y="14636"/>
            </a:cxn>
            <a:cxn ang="0">
              <a:pos x="4096" y="15292"/>
            </a:cxn>
            <a:cxn ang="0">
              <a:pos x="4301" y="16384"/>
            </a:cxn>
            <a:cxn ang="0">
              <a:pos x="5325" y="15729"/>
            </a:cxn>
            <a:cxn ang="0">
              <a:pos x="6144" y="14855"/>
            </a:cxn>
            <a:cxn ang="0">
              <a:pos x="7168" y="13763"/>
            </a:cxn>
            <a:cxn ang="0">
              <a:pos x="8806" y="14199"/>
            </a:cxn>
            <a:cxn ang="0">
              <a:pos x="10035" y="14418"/>
            </a:cxn>
            <a:cxn ang="0">
              <a:pos x="11059" y="13326"/>
            </a:cxn>
            <a:cxn ang="0">
              <a:pos x="11469" y="13107"/>
            </a:cxn>
            <a:cxn ang="0">
              <a:pos x="12288" y="13107"/>
            </a:cxn>
            <a:cxn ang="0">
              <a:pos x="13722" y="11360"/>
            </a:cxn>
            <a:cxn ang="0">
              <a:pos x="15360" y="10049"/>
            </a:cxn>
            <a:cxn ang="0">
              <a:pos x="14746" y="8738"/>
            </a:cxn>
            <a:cxn ang="0">
              <a:pos x="13312" y="7646"/>
            </a:cxn>
            <a:cxn ang="0">
              <a:pos x="13312" y="3932"/>
            </a:cxn>
            <a:cxn ang="0">
              <a:pos x="14541" y="2840"/>
            </a:cxn>
            <a:cxn ang="0">
              <a:pos x="16384" y="2403"/>
            </a:cxn>
            <a:cxn ang="0">
              <a:pos x="14336" y="2185"/>
            </a:cxn>
            <a:cxn ang="0">
              <a:pos x="12902" y="3058"/>
            </a:cxn>
            <a:cxn ang="0">
              <a:pos x="11059" y="2621"/>
            </a:cxn>
            <a:cxn ang="0">
              <a:pos x="9216" y="2403"/>
            </a:cxn>
            <a:cxn ang="0">
              <a:pos x="7987" y="2840"/>
            </a:cxn>
            <a:cxn ang="0">
              <a:pos x="6758" y="1748"/>
            </a:cxn>
            <a:cxn ang="0">
              <a:pos x="6758" y="1529"/>
            </a:cxn>
            <a:cxn ang="0">
              <a:pos x="6554" y="1092"/>
            </a:cxn>
            <a:cxn ang="0">
              <a:pos x="6554" y="655"/>
            </a:cxn>
            <a:cxn ang="0">
              <a:pos x="5734" y="437"/>
            </a:cxn>
            <a:cxn ang="0">
              <a:pos x="5530" y="0"/>
            </a:cxn>
            <a:cxn ang="0">
              <a:pos x="4915" y="0"/>
            </a:cxn>
            <a:cxn ang="0">
              <a:pos x="4506" y="655"/>
            </a:cxn>
            <a:cxn ang="0">
              <a:pos x="3686" y="655"/>
            </a:cxn>
            <a:cxn ang="0">
              <a:pos x="3277" y="1966"/>
            </a:cxn>
            <a:cxn ang="0">
              <a:pos x="1843" y="1748"/>
            </a:cxn>
            <a:cxn ang="0">
              <a:pos x="0" y="3058"/>
            </a:cxn>
            <a:cxn ang="0">
              <a:pos x="0" y="3714"/>
            </a:cxn>
            <a:cxn ang="0">
              <a:pos x="410" y="4588"/>
            </a:cxn>
            <a:cxn ang="0">
              <a:pos x="1024" y="5461"/>
            </a:cxn>
            <a:cxn ang="0">
              <a:pos x="1434" y="6335"/>
            </a:cxn>
            <a:cxn ang="0">
              <a:pos x="1229" y="7209"/>
            </a:cxn>
            <a:cxn ang="0">
              <a:pos x="614" y="8301"/>
            </a:cxn>
            <a:cxn ang="0">
              <a:pos x="819" y="8520"/>
            </a:cxn>
            <a:cxn ang="0">
              <a:pos x="1434" y="8301"/>
            </a:cxn>
            <a:cxn ang="0">
              <a:pos x="1638" y="9175"/>
            </a:cxn>
            <a:cxn ang="0">
              <a:pos x="1638" y="9830"/>
            </a:cxn>
            <a:cxn ang="0">
              <a:pos x="2048" y="10049"/>
            </a:cxn>
            <a:cxn ang="0">
              <a:pos x="1434" y="10923"/>
            </a:cxn>
            <a:cxn ang="0">
              <a:pos x="1024" y="11578"/>
            </a:cxn>
            <a:cxn ang="0">
              <a:pos x="410" y="12233"/>
            </a:cxn>
          </a:cxnLst>
          <a:rect l="0" t="0" r="r" b="b"/>
          <a:pathLst>
            <a:path w="16384" h="16384">
              <a:moveTo>
                <a:pt x="410" y="12233"/>
              </a:moveTo>
              <a:lnTo>
                <a:pt x="1024" y="13107"/>
              </a:lnTo>
              <a:lnTo>
                <a:pt x="1843" y="13763"/>
              </a:lnTo>
              <a:lnTo>
                <a:pt x="3072" y="14418"/>
              </a:lnTo>
              <a:lnTo>
                <a:pt x="3482" y="14636"/>
              </a:lnTo>
              <a:lnTo>
                <a:pt x="4096" y="15292"/>
              </a:lnTo>
              <a:lnTo>
                <a:pt x="4301" y="16384"/>
              </a:lnTo>
              <a:lnTo>
                <a:pt x="5325" y="15729"/>
              </a:lnTo>
              <a:lnTo>
                <a:pt x="6144" y="14855"/>
              </a:lnTo>
              <a:lnTo>
                <a:pt x="7168" y="13763"/>
              </a:lnTo>
              <a:lnTo>
                <a:pt x="8806" y="14199"/>
              </a:lnTo>
              <a:lnTo>
                <a:pt x="10035" y="14418"/>
              </a:lnTo>
              <a:lnTo>
                <a:pt x="11059" y="13326"/>
              </a:lnTo>
              <a:lnTo>
                <a:pt x="11469" y="13107"/>
              </a:lnTo>
              <a:lnTo>
                <a:pt x="12288" y="13107"/>
              </a:lnTo>
              <a:lnTo>
                <a:pt x="13722" y="11360"/>
              </a:lnTo>
              <a:lnTo>
                <a:pt x="15360" y="10049"/>
              </a:lnTo>
              <a:lnTo>
                <a:pt x="14746" y="8738"/>
              </a:lnTo>
              <a:lnTo>
                <a:pt x="13312" y="7646"/>
              </a:lnTo>
              <a:lnTo>
                <a:pt x="13312" y="3932"/>
              </a:lnTo>
              <a:lnTo>
                <a:pt x="14541" y="2840"/>
              </a:lnTo>
              <a:lnTo>
                <a:pt x="16384" y="2403"/>
              </a:lnTo>
              <a:lnTo>
                <a:pt x="14336" y="2185"/>
              </a:lnTo>
              <a:lnTo>
                <a:pt x="12902" y="3058"/>
              </a:lnTo>
              <a:lnTo>
                <a:pt x="11059" y="2621"/>
              </a:lnTo>
              <a:lnTo>
                <a:pt x="9216" y="2403"/>
              </a:lnTo>
              <a:lnTo>
                <a:pt x="7987" y="2840"/>
              </a:lnTo>
              <a:lnTo>
                <a:pt x="6758" y="1748"/>
              </a:lnTo>
              <a:lnTo>
                <a:pt x="6758" y="1529"/>
              </a:lnTo>
              <a:lnTo>
                <a:pt x="6554" y="1092"/>
              </a:lnTo>
              <a:lnTo>
                <a:pt x="6554" y="655"/>
              </a:lnTo>
              <a:lnTo>
                <a:pt x="5734" y="437"/>
              </a:lnTo>
              <a:lnTo>
                <a:pt x="5530" y="0"/>
              </a:lnTo>
              <a:lnTo>
                <a:pt x="4915" y="0"/>
              </a:lnTo>
              <a:lnTo>
                <a:pt x="4506" y="655"/>
              </a:lnTo>
              <a:lnTo>
                <a:pt x="3686" y="655"/>
              </a:lnTo>
              <a:lnTo>
                <a:pt x="3277" y="1966"/>
              </a:lnTo>
              <a:lnTo>
                <a:pt x="1843" y="1748"/>
              </a:lnTo>
              <a:lnTo>
                <a:pt x="0" y="3058"/>
              </a:lnTo>
              <a:lnTo>
                <a:pt x="0" y="3714"/>
              </a:lnTo>
              <a:lnTo>
                <a:pt x="410" y="4588"/>
              </a:lnTo>
              <a:lnTo>
                <a:pt x="1024" y="5461"/>
              </a:lnTo>
              <a:lnTo>
                <a:pt x="1434" y="6335"/>
              </a:lnTo>
              <a:lnTo>
                <a:pt x="1229" y="7209"/>
              </a:lnTo>
              <a:lnTo>
                <a:pt x="614" y="8301"/>
              </a:lnTo>
              <a:lnTo>
                <a:pt x="819" y="8520"/>
              </a:lnTo>
              <a:lnTo>
                <a:pt x="1434" y="8301"/>
              </a:lnTo>
              <a:lnTo>
                <a:pt x="1638" y="9175"/>
              </a:lnTo>
              <a:lnTo>
                <a:pt x="1638" y="9830"/>
              </a:lnTo>
              <a:lnTo>
                <a:pt x="2048" y="10049"/>
              </a:lnTo>
              <a:lnTo>
                <a:pt x="1434" y="10923"/>
              </a:lnTo>
              <a:lnTo>
                <a:pt x="1024" y="11578"/>
              </a:lnTo>
              <a:lnTo>
                <a:pt x="410" y="12233"/>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571500</xdr:colOff>
      <xdr:row>29</xdr:row>
      <xdr:rowOff>76200</xdr:rowOff>
    </xdr:from>
    <xdr:to>
      <xdr:col>6</xdr:col>
      <xdr:colOff>28575</xdr:colOff>
      <xdr:row>33</xdr:row>
      <xdr:rowOff>85726</xdr:rowOff>
    </xdr:to>
    <xdr:sp macro="" textlink="">
      <xdr:nvSpPr>
        <xdr:cNvPr id="319" name="d14362">
          <a:extLst>
            <a:ext uri="{FF2B5EF4-FFF2-40B4-BE49-F238E27FC236}">
              <a16:creationId xmlns:a16="http://schemas.microsoft.com/office/drawing/2014/main" id="{00000000-0008-0000-0000-00003F010000}"/>
            </a:ext>
          </a:extLst>
        </xdr:cNvPr>
        <xdr:cNvSpPr>
          <a:spLocks/>
        </xdr:cNvSpPr>
      </xdr:nvSpPr>
      <xdr:spPr bwMode="auto">
        <a:xfrm>
          <a:off x="3009900" y="4495800"/>
          <a:ext cx="676275" cy="619126"/>
        </a:xfrm>
        <a:custGeom>
          <a:avLst/>
          <a:gdLst/>
          <a:ahLst/>
          <a:cxnLst>
            <a:cxn ang="0">
              <a:pos x="2077" y="12351"/>
            </a:cxn>
            <a:cxn ang="0">
              <a:pos x="4154" y="16384"/>
            </a:cxn>
            <a:cxn ang="0">
              <a:pos x="5769" y="16384"/>
            </a:cxn>
            <a:cxn ang="0">
              <a:pos x="6923" y="15628"/>
            </a:cxn>
            <a:cxn ang="0">
              <a:pos x="8077" y="14620"/>
            </a:cxn>
            <a:cxn ang="0">
              <a:pos x="8307" y="15124"/>
            </a:cxn>
            <a:cxn ang="0">
              <a:pos x="8769" y="14368"/>
            </a:cxn>
            <a:cxn ang="0">
              <a:pos x="9230" y="13611"/>
            </a:cxn>
            <a:cxn ang="0">
              <a:pos x="9923" y="13107"/>
            </a:cxn>
            <a:cxn ang="0">
              <a:pos x="10153" y="11847"/>
            </a:cxn>
            <a:cxn ang="0">
              <a:pos x="10384" y="11343"/>
            </a:cxn>
            <a:cxn ang="0">
              <a:pos x="12230" y="11091"/>
            </a:cxn>
            <a:cxn ang="0">
              <a:pos x="12692" y="10587"/>
            </a:cxn>
            <a:cxn ang="0">
              <a:pos x="13153" y="10839"/>
            </a:cxn>
            <a:cxn ang="0">
              <a:pos x="13384" y="11343"/>
            </a:cxn>
            <a:cxn ang="0">
              <a:pos x="14538" y="13107"/>
            </a:cxn>
            <a:cxn ang="0">
              <a:pos x="15230" y="12351"/>
            </a:cxn>
            <a:cxn ang="0">
              <a:pos x="15692" y="11595"/>
            </a:cxn>
            <a:cxn ang="0">
              <a:pos x="16384" y="10587"/>
            </a:cxn>
            <a:cxn ang="0">
              <a:pos x="15922" y="10335"/>
            </a:cxn>
            <a:cxn ang="0">
              <a:pos x="15922" y="9578"/>
            </a:cxn>
            <a:cxn ang="0">
              <a:pos x="15692" y="8570"/>
            </a:cxn>
            <a:cxn ang="0">
              <a:pos x="14999" y="8822"/>
            </a:cxn>
            <a:cxn ang="0">
              <a:pos x="14769" y="8570"/>
            </a:cxn>
            <a:cxn ang="0">
              <a:pos x="15461" y="7310"/>
            </a:cxn>
            <a:cxn ang="0">
              <a:pos x="15692" y="6302"/>
            </a:cxn>
            <a:cxn ang="0">
              <a:pos x="15230" y="5293"/>
            </a:cxn>
            <a:cxn ang="0">
              <a:pos x="14538" y="4285"/>
            </a:cxn>
            <a:cxn ang="0">
              <a:pos x="14076" y="3277"/>
            </a:cxn>
            <a:cxn ang="0">
              <a:pos x="14076" y="2521"/>
            </a:cxn>
            <a:cxn ang="0">
              <a:pos x="13384" y="3277"/>
            </a:cxn>
            <a:cxn ang="0">
              <a:pos x="11769" y="4789"/>
            </a:cxn>
            <a:cxn ang="0">
              <a:pos x="10846" y="3529"/>
            </a:cxn>
            <a:cxn ang="0">
              <a:pos x="9461" y="1260"/>
            </a:cxn>
            <a:cxn ang="0">
              <a:pos x="9000" y="0"/>
            </a:cxn>
            <a:cxn ang="0">
              <a:pos x="7384" y="504"/>
            </a:cxn>
            <a:cxn ang="0">
              <a:pos x="7384" y="2016"/>
            </a:cxn>
            <a:cxn ang="0">
              <a:pos x="7384" y="3277"/>
            </a:cxn>
            <a:cxn ang="0">
              <a:pos x="6923" y="4285"/>
            </a:cxn>
            <a:cxn ang="0">
              <a:pos x="6231" y="5041"/>
            </a:cxn>
            <a:cxn ang="0">
              <a:pos x="5077" y="4789"/>
            </a:cxn>
            <a:cxn ang="0">
              <a:pos x="4384" y="5545"/>
            </a:cxn>
            <a:cxn ang="0">
              <a:pos x="3231" y="5797"/>
            </a:cxn>
            <a:cxn ang="0">
              <a:pos x="2538" y="6302"/>
            </a:cxn>
            <a:cxn ang="0">
              <a:pos x="2308" y="7562"/>
            </a:cxn>
            <a:cxn ang="0">
              <a:pos x="1385" y="7814"/>
            </a:cxn>
            <a:cxn ang="0">
              <a:pos x="0" y="7058"/>
            </a:cxn>
            <a:cxn ang="0">
              <a:pos x="0" y="8570"/>
            </a:cxn>
            <a:cxn ang="0">
              <a:pos x="231" y="9830"/>
            </a:cxn>
            <a:cxn ang="0">
              <a:pos x="1154" y="10839"/>
            </a:cxn>
            <a:cxn ang="0">
              <a:pos x="1846" y="12099"/>
            </a:cxn>
            <a:cxn ang="0">
              <a:pos x="2077" y="12351"/>
            </a:cxn>
          </a:cxnLst>
          <a:rect l="0" t="0" r="r" b="b"/>
          <a:pathLst>
            <a:path w="16384" h="16384">
              <a:moveTo>
                <a:pt x="2077" y="12351"/>
              </a:moveTo>
              <a:lnTo>
                <a:pt x="4154" y="16384"/>
              </a:lnTo>
              <a:lnTo>
                <a:pt x="5769" y="16384"/>
              </a:lnTo>
              <a:lnTo>
                <a:pt x="6923" y="15628"/>
              </a:lnTo>
              <a:lnTo>
                <a:pt x="8077" y="14620"/>
              </a:lnTo>
              <a:lnTo>
                <a:pt x="8307" y="15124"/>
              </a:lnTo>
              <a:lnTo>
                <a:pt x="8769" y="14368"/>
              </a:lnTo>
              <a:lnTo>
                <a:pt x="9230" y="13611"/>
              </a:lnTo>
              <a:lnTo>
                <a:pt x="9923" y="13107"/>
              </a:lnTo>
              <a:lnTo>
                <a:pt x="10153" y="11847"/>
              </a:lnTo>
              <a:lnTo>
                <a:pt x="10384" y="11343"/>
              </a:lnTo>
              <a:lnTo>
                <a:pt x="12230" y="11091"/>
              </a:lnTo>
              <a:lnTo>
                <a:pt x="12692" y="10587"/>
              </a:lnTo>
              <a:lnTo>
                <a:pt x="13153" y="10839"/>
              </a:lnTo>
              <a:lnTo>
                <a:pt x="13384" y="11343"/>
              </a:lnTo>
              <a:lnTo>
                <a:pt x="14538" y="13107"/>
              </a:lnTo>
              <a:lnTo>
                <a:pt x="15230" y="12351"/>
              </a:lnTo>
              <a:lnTo>
                <a:pt x="15692" y="11595"/>
              </a:lnTo>
              <a:lnTo>
                <a:pt x="16384" y="10587"/>
              </a:lnTo>
              <a:lnTo>
                <a:pt x="15922" y="10335"/>
              </a:lnTo>
              <a:lnTo>
                <a:pt x="15922" y="9578"/>
              </a:lnTo>
              <a:lnTo>
                <a:pt x="15692" y="8570"/>
              </a:lnTo>
              <a:lnTo>
                <a:pt x="14999" y="8822"/>
              </a:lnTo>
              <a:lnTo>
                <a:pt x="14769" y="8570"/>
              </a:lnTo>
              <a:lnTo>
                <a:pt x="15461" y="7310"/>
              </a:lnTo>
              <a:lnTo>
                <a:pt x="15692" y="6302"/>
              </a:lnTo>
              <a:lnTo>
                <a:pt x="15230" y="5293"/>
              </a:lnTo>
              <a:lnTo>
                <a:pt x="14538" y="4285"/>
              </a:lnTo>
              <a:lnTo>
                <a:pt x="14076" y="3277"/>
              </a:lnTo>
              <a:lnTo>
                <a:pt x="14076" y="2521"/>
              </a:lnTo>
              <a:lnTo>
                <a:pt x="13384" y="3277"/>
              </a:lnTo>
              <a:lnTo>
                <a:pt x="11769" y="4789"/>
              </a:lnTo>
              <a:lnTo>
                <a:pt x="10846" y="3529"/>
              </a:lnTo>
              <a:lnTo>
                <a:pt x="9461" y="1260"/>
              </a:lnTo>
              <a:lnTo>
                <a:pt x="9000" y="0"/>
              </a:lnTo>
              <a:lnTo>
                <a:pt x="7384" y="504"/>
              </a:lnTo>
              <a:lnTo>
                <a:pt x="7384" y="2016"/>
              </a:lnTo>
              <a:lnTo>
                <a:pt x="7384" y="3277"/>
              </a:lnTo>
              <a:lnTo>
                <a:pt x="6923" y="4285"/>
              </a:lnTo>
              <a:lnTo>
                <a:pt x="6231" y="5041"/>
              </a:lnTo>
              <a:lnTo>
                <a:pt x="5077" y="4789"/>
              </a:lnTo>
              <a:lnTo>
                <a:pt x="4384" y="5545"/>
              </a:lnTo>
              <a:lnTo>
                <a:pt x="3231" y="5797"/>
              </a:lnTo>
              <a:lnTo>
                <a:pt x="2538" y="6302"/>
              </a:lnTo>
              <a:lnTo>
                <a:pt x="2308" y="7562"/>
              </a:lnTo>
              <a:lnTo>
                <a:pt x="1385" y="7814"/>
              </a:lnTo>
              <a:lnTo>
                <a:pt x="0" y="7058"/>
              </a:lnTo>
              <a:lnTo>
                <a:pt x="0" y="8570"/>
              </a:lnTo>
              <a:lnTo>
                <a:pt x="231" y="9830"/>
              </a:lnTo>
              <a:lnTo>
                <a:pt x="1154" y="10839"/>
              </a:lnTo>
              <a:lnTo>
                <a:pt x="1846" y="12099"/>
              </a:lnTo>
              <a:lnTo>
                <a:pt x="2077" y="12351"/>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161925</xdr:colOff>
      <xdr:row>21</xdr:row>
      <xdr:rowOff>95250</xdr:rowOff>
    </xdr:from>
    <xdr:to>
      <xdr:col>5</xdr:col>
      <xdr:colOff>266700</xdr:colOff>
      <xdr:row>31</xdr:row>
      <xdr:rowOff>66676</xdr:rowOff>
    </xdr:to>
    <xdr:sp macro="" textlink="">
      <xdr:nvSpPr>
        <xdr:cNvPr id="320" name="d14363">
          <a:extLst>
            <a:ext uri="{FF2B5EF4-FFF2-40B4-BE49-F238E27FC236}">
              <a16:creationId xmlns:a16="http://schemas.microsoft.com/office/drawing/2014/main" id="{00000000-0008-0000-0000-000040010000}"/>
            </a:ext>
          </a:extLst>
        </xdr:cNvPr>
        <xdr:cNvSpPr>
          <a:spLocks/>
        </xdr:cNvSpPr>
      </xdr:nvSpPr>
      <xdr:spPr bwMode="auto">
        <a:xfrm>
          <a:off x="2600325" y="3295650"/>
          <a:ext cx="714375" cy="1495426"/>
        </a:xfrm>
        <a:custGeom>
          <a:avLst/>
          <a:gdLst/>
          <a:ahLst/>
          <a:cxnLst>
            <a:cxn ang="0">
              <a:pos x="15292" y="12314"/>
            </a:cxn>
            <a:cxn ang="0">
              <a:pos x="12015" y="9496"/>
            </a:cxn>
            <a:cxn ang="0">
              <a:pos x="12670" y="8349"/>
            </a:cxn>
            <a:cxn ang="0">
              <a:pos x="13763" y="7827"/>
            </a:cxn>
            <a:cxn ang="0">
              <a:pos x="13107" y="6783"/>
            </a:cxn>
            <a:cxn ang="0">
              <a:pos x="12233" y="5740"/>
            </a:cxn>
            <a:cxn ang="0">
              <a:pos x="12670" y="5218"/>
            </a:cxn>
            <a:cxn ang="0">
              <a:pos x="12670" y="4174"/>
            </a:cxn>
            <a:cxn ang="0">
              <a:pos x="12670" y="3339"/>
            </a:cxn>
            <a:cxn ang="0">
              <a:pos x="12452" y="2505"/>
            </a:cxn>
            <a:cxn ang="0">
              <a:pos x="11360" y="1461"/>
            </a:cxn>
            <a:cxn ang="0">
              <a:pos x="11360" y="626"/>
            </a:cxn>
            <a:cxn ang="0">
              <a:pos x="8520" y="0"/>
            </a:cxn>
            <a:cxn ang="0">
              <a:pos x="7646" y="626"/>
            </a:cxn>
            <a:cxn ang="0">
              <a:pos x="6554" y="1148"/>
            </a:cxn>
            <a:cxn ang="0">
              <a:pos x="4588" y="1983"/>
            </a:cxn>
            <a:cxn ang="0">
              <a:pos x="3495" y="2505"/>
            </a:cxn>
            <a:cxn ang="0">
              <a:pos x="1966" y="2922"/>
            </a:cxn>
            <a:cxn ang="0">
              <a:pos x="1748" y="3548"/>
            </a:cxn>
            <a:cxn ang="0">
              <a:pos x="655" y="4487"/>
            </a:cxn>
            <a:cxn ang="0">
              <a:pos x="1748" y="5218"/>
            </a:cxn>
            <a:cxn ang="0">
              <a:pos x="1311" y="5844"/>
            </a:cxn>
            <a:cxn ang="0">
              <a:pos x="655" y="6261"/>
            </a:cxn>
            <a:cxn ang="0">
              <a:pos x="218" y="7305"/>
            </a:cxn>
            <a:cxn ang="0">
              <a:pos x="0" y="8244"/>
            </a:cxn>
            <a:cxn ang="0">
              <a:pos x="2621" y="9079"/>
            </a:cxn>
            <a:cxn ang="0">
              <a:pos x="5898" y="9810"/>
            </a:cxn>
            <a:cxn ang="0">
              <a:pos x="7646" y="10540"/>
            </a:cxn>
            <a:cxn ang="0">
              <a:pos x="6554" y="10644"/>
            </a:cxn>
            <a:cxn ang="0">
              <a:pos x="6335" y="11584"/>
            </a:cxn>
            <a:cxn ang="0">
              <a:pos x="6117" y="12627"/>
            </a:cxn>
            <a:cxn ang="0">
              <a:pos x="3714" y="13358"/>
            </a:cxn>
            <a:cxn ang="0">
              <a:pos x="3058" y="14088"/>
            </a:cxn>
            <a:cxn ang="0">
              <a:pos x="4588" y="14297"/>
            </a:cxn>
            <a:cxn ang="0">
              <a:pos x="6554" y="14923"/>
            </a:cxn>
            <a:cxn ang="0">
              <a:pos x="8738" y="15549"/>
            </a:cxn>
            <a:cxn ang="0">
              <a:pos x="10704" y="16384"/>
            </a:cxn>
            <a:cxn ang="0">
              <a:pos x="11796" y="15758"/>
            </a:cxn>
            <a:cxn ang="0">
              <a:pos x="13544" y="15445"/>
            </a:cxn>
            <a:cxn ang="0">
              <a:pos x="15292" y="15236"/>
            </a:cxn>
            <a:cxn ang="0">
              <a:pos x="16384" y="14506"/>
            </a:cxn>
            <a:cxn ang="0">
              <a:pos x="16384" y="13358"/>
            </a:cxn>
          </a:cxnLst>
          <a:rect l="0" t="0" r="r" b="b"/>
          <a:pathLst>
            <a:path w="16384" h="16384">
              <a:moveTo>
                <a:pt x="16384" y="13358"/>
              </a:moveTo>
              <a:lnTo>
                <a:pt x="15292" y="12314"/>
              </a:lnTo>
              <a:lnTo>
                <a:pt x="12015" y="10018"/>
              </a:lnTo>
              <a:lnTo>
                <a:pt x="12015" y="9496"/>
              </a:lnTo>
              <a:lnTo>
                <a:pt x="12233" y="8766"/>
              </a:lnTo>
              <a:lnTo>
                <a:pt x="12670" y="8349"/>
              </a:lnTo>
              <a:lnTo>
                <a:pt x="13544" y="8140"/>
              </a:lnTo>
              <a:lnTo>
                <a:pt x="13763" y="7827"/>
              </a:lnTo>
              <a:lnTo>
                <a:pt x="13544" y="7305"/>
              </a:lnTo>
              <a:lnTo>
                <a:pt x="13107" y="6783"/>
              </a:lnTo>
              <a:lnTo>
                <a:pt x="13326" y="6366"/>
              </a:lnTo>
              <a:lnTo>
                <a:pt x="12233" y="5740"/>
              </a:lnTo>
              <a:lnTo>
                <a:pt x="12452" y="5427"/>
              </a:lnTo>
              <a:lnTo>
                <a:pt x="12670" y="5218"/>
              </a:lnTo>
              <a:lnTo>
                <a:pt x="12889" y="4800"/>
              </a:lnTo>
              <a:lnTo>
                <a:pt x="12670" y="4174"/>
              </a:lnTo>
              <a:lnTo>
                <a:pt x="12889" y="3757"/>
              </a:lnTo>
              <a:lnTo>
                <a:pt x="12670" y="3339"/>
              </a:lnTo>
              <a:lnTo>
                <a:pt x="12452" y="3026"/>
              </a:lnTo>
              <a:lnTo>
                <a:pt x="12452" y="2505"/>
              </a:lnTo>
              <a:lnTo>
                <a:pt x="11796" y="2087"/>
              </a:lnTo>
              <a:lnTo>
                <a:pt x="11360" y="1461"/>
              </a:lnTo>
              <a:lnTo>
                <a:pt x="11578" y="939"/>
              </a:lnTo>
              <a:lnTo>
                <a:pt x="11360" y="626"/>
              </a:lnTo>
              <a:lnTo>
                <a:pt x="9393" y="313"/>
              </a:lnTo>
              <a:lnTo>
                <a:pt x="8520" y="0"/>
              </a:lnTo>
              <a:lnTo>
                <a:pt x="7646" y="209"/>
              </a:lnTo>
              <a:lnTo>
                <a:pt x="7646" y="626"/>
              </a:lnTo>
              <a:lnTo>
                <a:pt x="6991" y="939"/>
              </a:lnTo>
              <a:lnTo>
                <a:pt x="6554" y="1148"/>
              </a:lnTo>
              <a:lnTo>
                <a:pt x="5243" y="1461"/>
              </a:lnTo>
              <a:lnTo>
                <a:pt x="4588" y="1983"/>
              </a:lnTo>
              <a:lnTo>
                <a:pt x="4369" y="2296"/>
              </a:lnTo>
              <a:lnTo>
                <a:pt x="3495" y="2505"/>
              </a:lnTo>
              <a:lnTo>
                <a:pt x="2621" y="2609"/>
              </a:lnTo>
              <a:lnTo>
                <a:pt x="1966" y="2922"/>
              </a:lnTo>
              <a:lnTo>
                <a:pt x="1748" y="3235"/>
              </a:lnTo>
              <a:lnTo>
                <a:pt x="1748" y="3548"/>
              </a:lnTo>
              <a:lnTo>
                <a:pt x="874" y="4070"/>
              </a:lnTo>
              <a:lnTo>
                <a:pt x="655" y="4487"/>
              </a:lnTo>
              <a:lnTo>
                <a:pt x="1311" y="4800"/>
              </a:lnTo>
              <a:lnTo>
                <a:pt x="1748" y="5218"/>
              </a:lnTo>
              <a:lnTo>
                <a:pt x="1748" y="5531"/>
              </a:lnTo>
              <a:lnTo>
                <a:pt x="1311" y="5844"/>
              </a:lnTo>
              <a:lnTo>
                <a:pt x="655" y="5948"/>
              </a:lnTo>
              <a:lnTo>
                <a:pt x="655" y="6261"/>
              </a:lnTo>
              <a:lnTo>
                <a:pt x="437" y="6888"/>
              </a:lnTo>
              <a:lnTo>
                <a:pt x="218" y="7305"/>
              </a:lnTo>
              <a:lnTo>
                <a:pt x="218" y="7827"/>
              </a:lnTo>
              <a:lnTo>
                <a:pt x="0" y="8244"/>
              </a:lnTo>
              <a:lnTo>
                <a:pt x="1092" y="8557"/>
              </a:lnTo>
              <a:lnTo>
                <a:pt x="2621" y="9079"/>
              </a:lnTo>
              <a:lnTo>
                <a:pt x="4369" y="9496"/>
              </a:lnTo>
              <a:lnTo>
                <a:pt x="5898" y="9810"/>
              </a:lnTo>
              <a:lnTo>
                <a:pt x="6117" y="10227"/>
              </a:lnTo>
              <a:lnTo>
                <a:pt x="7646" y="10540"/>
              </a:lnTo>
              <a:lnTo>
                <a:pt x="7646" y="10749"/>
              </a:lnTo>
              <a:lnTo>
                <a:pt x="6554" y="10644"/>
              </a:lnTo>
              <a:lnTo>
                <a:pt x="6335" y="10957"/>
              </a:lnTo>
              <a:lnTo>
                <a:pt x="6335" y="11584"/>
              </a:lnTo>
              <a:lnTo>
                <a:pt x="6554" y="12001"/>
              </a:lnTo>
              <a:lnTo>
                <a:pt x="6117" y="12627"/>
              </a:lnTo>
              <a:lnTo>
                <a:pt x="5024" y="13045"/>
              </a:lnTo>
              <a:lnTo>
                <a:pt x="3714" y="13358"/>
              </a:lnTo>
              <a:lnTo>
                <a:pt x="3277" y="13671"/>
              </a:lnTo>
              <a:lnTo>
                <a:pt x="3058" y="14088"/>
              </a:lnTo>
              <a:lnTo>
                <a:pt x="3714" y="14088"/>
              </a:lnTo>
              <a:lnTo>
                <a:pt x="4588" y="14297"/>
              </a:lnTo>
              <a:lnTo>
                <a:pt x="5680" y="14714"/>
              </a:lnTo>
              <a:lnTo>
                <a:pt x="6554" y="14923"/>
              </a:lnTo>
              <a:lnTo>
                <a:pt x="7864" y="15236"/>
              </a:lnTo>
              <a:lnTo>
                <a:pt x="8738" y="15549"/>
              </a:lnTo>
              <a:lnTo>
                <a:pt x="9393" y="16071"/>
              </a:lnTo>
              <a:lnTo>
                <a:pt x="10704" y="16384"/>
              </a:lnTo>
              <a:lnTo>
                <a:pt x="11578" y="16280"/>
              </a:lnTo>
              <a:lnTo>
                <a:pt x="11796" y="15758"/>
              </a:lnTo>
              <a:lnTo>
                <a:pt x="12452" y="15549"/>
              </a:lnTo>
              <a:lnTo>
                <a:pt x="13544" y="15445"/>
              </a:lnTo>
              <a:lnTo>
                <a:pt x="14199" y="15132"/>
              </a:lnTo>
              <a:lnTo>
                <a:pt x="15292" y="15236"/>
              </a:lnTo>
              <a:lnTo>
                <a:pt x="15947" y="14923"/>
              </a:lnTo>
              <a:lnTo>
                <a:pt x="16384" y="14506"/>
              </a:lnTo>
              <a:lnTo>
                <a:pt x="16384" y="13984"/>
              </a:lnTo>
              <a:lnTo>
                <a:pt x="16384" y="13358"/>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0</xdr:col>
      <xdr:colOff>495300</xdr:colOff>
      <xdr:row>15</xdr:row>
      <xdr:rowOff>104775</xdr:rowOff>
    </xdr:from>
    <xdr:to>
      <xdr:col>5</xdr:col>
      <xdr:colOff>323850</xdr:colOff>
      <xdr:row>32</xdr:row>
      <xdr:rowOff>0</xdr:rowOff>
    </xdr:to>
    <xdr:sp macro="" textlink="">
      <xdr:nvSpPr>
        <xdr:cNvPr id="321" name="d14364">
          <a:extLst>
            <a:ext uri="{FF2B5EF4-FFF2-40B4-BE49-F238E27FC236}">
              <a16:creationId xmlns:a16="http://schemas.microsoft.com/office/drawing/2014/main" id="{00000000-0008-0000-0000-000041010000}"/>
            </a:ext>
          </a:extLst>
        </xdr:cNvPr>
        <xdr:cNvSpPr>
          <a:spLocks/>
        </xdr:cNvSpPr>
      </xdr:nvSpPr>
      <xdr:spPr bwMode="auto">
        <a:xfrm>
          <a:off x="495300" y="2390775"/>
          <a:ext cx="2876550" cy="2486025"/>
        </a:xfrm>
        <a:custGeom>
          <a:avLst/>
          <a:gdLst/>
          <a:ahLst/>
          <a:cxnLst>
            <a:cxn ang="0">
              <a:pos x="25" y="161"/>
            </a:cxn>
            <a:cxn ang="0">
              <a:pos x="45" y="157"/>
            </a:cxn>
            <a:cxn ang="0">
              <a:pos x="62" y="158"/>
            </a:cxn>
            <a:cxn ang="0">
              <a:pos x="83" y="155"/>
            </a:cxn>
            <a:cxn ang="0">
              <a:pos x="98" y="155"/>
            </a:cxn>
            <a:cxn ang="0">
              <a:pos x="105" y="172"/>
            </a:cxn>
            <a:cxn ang="0">
              <a:pos x="105" y="191"/>
            </a:cxn>
            <a:cxn ang="0">
              <a:pos x="111" y="212"/>
            </a:cxn>
            <a:cxn ang="0">
              <a:pos x="111" y="231"/>
            </a:cxn>
            <a:cxn ang="0">
              <a:pos x="116" y="254"/>
            </a:cxn>
            <a:cxn ang="0">
              <a:pos x="131" y="259"/>
            </a:cxn>
            <a:cxn ang="0">
              <a:pos x="140" y="248"/>
            </a:cxn>
            <a:cxn ang="0">
              <a:pos x="159" y="238"/>
            </a:cxn>
            <a:cxn ang="0">
              <a:pos x="174" y="231"/>
            </a:cxn>
            <a:cxn ang="0">
              <a:pos x="195" y="236"/>
            </a:cxn>
            <a:cxn ang="0">
              <a:pos x="213" y="234"/>
            </a:cxn>
            <a:cxn ang="0">
              <a:pos x="235" y="230"/>
            </a:cxn>
            <a:cxn ang="0">
              <a:pos x="249" y="216"/>
            </a:cxn>
            <a:cxn ang="0">
              <a:pos x="251" y="197"/>
            </a:cxn>
            <a:cxn ang="0">
              <a:pos x="248" y="189"/>
            </a:cxn>
            <a:cxn ang="0">
              <a:pos x="221" y="174"/>
            </a:cxn>
            <a:cxn ang="0">
              <a:pos x="224" y="155"/>
            </a:cxn>
            <a:cxn ang="0">
              <a:pos x="229" y="145"/>
            </a:cxn>
            <a:cxn ang="0">
              <a:pos x="229" y="129"/>
            </a:cxn>
            <a:cxn ang="0">
              <a:pos x="237" y="119"/>
            </a:cxn>
            <a:cxn ang="0">
              <a:pos x="251" y="106"/>
            </a:cxn>
            <a:cxn ang="0">
              <a:pos x="260" y="95"/>
            </a:cxn>
            <a:cxn ang="0">
              <a:pos x="281" y="97"/>
            </a:cxn>
            <a:cxn ang="0">
              <a:pos x="299" y="83"/>
            </a:cxn>
            <a:cxn ang="0">
              <a:pos x="302" y="63"/>
            </a:cxn>
            <a:cxn ang="0">
              <a:pos x="296" y="50"/>
            </a:cxn>
            <a:cxn ang="0">
              <a:pos x="280" y="48"/>
            </a:cxn>
            <a:cxn ang="0">
              <a:pos x="262" y="42"/>
            </a:cxn>
            <a:cxn ang="0">
              <a:pos x="234" y="48"/>
            </a:cxn>
            <a:cxn ang="0">
              <a:pos x="220" y="35"/>
            </a:cxn>
            <a:cxn ang="0">
              <a:pos x="195" y="23"/>
            </a:cxn>
            <a:cxn ang="0">
              <a:pos x="189" y="9"/>
            </a:cxn>
            <a:cxn ang="0">
              <a:pos x="179" y="4"/>
            </a:cxn>
            <a:cxn ang="0">
              <a:pos x="162" y="0"/>
            </a:cxn>
            <a:cxn ang="0">
              <a:pos x="153" y="21"/>
            </a:cxn>
            <a:cxn ang="0">
              <a:pos x="138" y="38"/>
            </a:cxn>
            <a:cxn ang="0">
              <a:pos x="120" y="46"/>
            </a:cxn>
            <a:cxn ang="0">
              <a:pos x="95" y="54"/>
            </a:cxn>
            <a:cxn ang="0">
              <a:pos x="81" y="63"/>
            </a:cxn>
            <a:cxn ang="0">
              <a:pos x="69" y="64"/>
            </a:cxn>
            <a:cxn ang="0">
              <a:pos x="55" y="70"/>
            </a:cxn>
            <a:cxn ang="0">
              <a:pos x="35" y="86"/>
            </a:cxn>
            <a:cxn ang="0">
              <a:pos x="21" y="100"/>
            </a:cxn>
            <a:cxn ang="0">
              <a:pos x="18" y="119"/>
            </a:cxn>
            <a:cxn ang="0">
              <a:pos x="15" y="137"/>
            </a:cxn>
            <a:cxn ang="0">
              <a:pos x="4" y="158"/>
            </a:cxn>
          </a:cxnLst>
          <a:rect l="0" t="0" r="r" b="b"/>
          <a:pathLst>
            <a:path w="302" h="261">
              <a:moveTo>
                <a:pt x="4" y="158"/>
              </a:moveTo>
              <a:lnTo>
                <a:pt x="15" y="159"/>
              </a:lnTo>
              <a:lnTo>
                <a:pt x="20" y="158"/>
              </a:lnTo>
              <a:lnTo>
                <a:pt x="25" y="161"/>
              </a:lnTo>
              <a:lnTo>
                <a:pt x="30" y="161"/>
              </a:lnTo>
              <a:lnTo>
                <a:pt x="36" y="161"/>
              </a:lnTo>
              <a:lnTo>
                <a:pt x="40" y="159"/>
              </a:lnTo>
              <a:lnTo>
                <a:pt x="45" y="157"/>
              </a:lnTo>
              <a:lnTo>
                <a:pt x="51" y="158"/>
              </a:lnTo>
              <a:lnTo>
                <a:pt x="54" y="156"/>
              </a:lnTo>
              <a:lnTo>
                <a:pt x="59" y="158"/>
              </a:lnTo>
              <a:lnTo>
                <a:pt x="62" y="158"/>
              </a:lnTo>
              <a:lnTo>
                <a:pt x="68" y="153"/>
              </a:lnTo>
              <a:lnTo>
                <a:pt x="72" y="154"/>
              </a:lnTo>
              <a:lnTo>
                <a:pt x="75" y="154"/>
              </a:lnTo>
              <a:lnTo>
                <a:pt x="83" y="155"/>
              </a:lnTo>
              <a:lnTo>
                <a:pt x="85" y="158"/>
              </a:lnTo>
              <a:lnTo>
                <a:pt x="89" y="156"/>
              </a:lnTo>
              <a:lnTo>
                <a:pt x="94" y="155"/>
              </a:lnTo>
              <a:lnTo>
                <a:pt x="98" y="155"/>
              </a:lnTo>
              <a:lnTo>
                <a:pt x="102" y="157"/>
              </a:lnTo>
              <a:lnTo>
                <a:pt x="104" y="160"/>
              </a:lnTo>
              <a:lnTo>
                <a:pt x="105" y="167"/>
              </a:lnTo>
              <a:lnTo>
                <a:pt x="105" y="172"/>
              </a:lnTo>
              <a:lnTo>
                <a:pt x="101" y="180"/>
              </a:lnTo>
              <a:lnTo>
                <a:pt x="101" y="186"/>
              </a:lnTo>
              <a:lnTo>
                <a:pt x="104" y="188"/>
              </a:lnTo>
              <a:lnTo>
                <a:pt x="105" y="191"/>
              </a:lnTo>
              <a:lnTo>
                <a:pt x="108" y="195"/>
              </a:lnTo>
              <a:lnTo>
                <a:pt x="108" y="202"/>
              </a:lnTo>
              <a:lnTo>
                <a:pt x="110" y="206"/>
              </a:lnTo>
              <a:lnTo>
                <a:pt x="111" y="212"/>
              </a:lnTo>
              <a:lnTo>
                <a:pt x="112" y="218"/>
              </a:lnTo>
              <a:lnTo>
                <a:pt x="116" y="221"/>
              </a:lnTo>
              <a:lnTo>
                <a:pt x="115" y="226"/>
              </a:lnTo>
              <a:lnTo>
                <a:pt x="111" y="231"/>
              </a:lnTo>
              <a:lnTo>
                <a:pt x="113" y="238"/>
              </a:lnTo>
              <a:lnTo>
                <a:pt x="115" y="241"/>
              </a:lnTo>
              <a:lnTo>
                <a:pt x="114" y="246"/>
              </a:lnTo>
              <a:lnTo>
                <a:pt x="116" y="254"/>
              </a:lnTo>
              <a:lnTo>
                <a:pt x="121" y="257"/>
              </a:lnTo>
              <a:lnTo>
                <a:pt x="123" y="261"/>
              </a:lnTo>
              <a:lnTo>
                <a:pt x="126" y="258"/>
              </a:lnTo>
              <a:lnTo>
                <a:pt x="131" y="259"/>
              </a:lnTo>
              <a:lnTo>
                <a:pt x="135" y="259"/>
              </a:lnTo>
              <a:lnTo>
                <a:pt x="139" y="257"/>
              </a:lnTo>
              <a:lnTo>
                <a:pt x="138" y="252"/>
              </a:lnTo>
              <a:lnTo>
                <a:pt x="140" y="248"/>
              </a:lnTo>
              <a:lnTo>
                <a:pt x="145" y="246"/>
              </a:lnTo>
              <a:lnTo>
                <a:pt x="148" y="241"/>
              </a:lnTo>
              <a:lnTo>
                <a:pt x="152" y="238"/>
              </a:lnTo>
              <a:lnTo>
                <a:pt x="159" y="238"/>
              </a:lnTo>
              <a:lnTo>
                <a:pt x="161" y="237"/>
              </a:lnTo>
              <a:lnTo>
                <a:pt x="164" y="232"/>
              </a:lnTo>
              <a:lnTo>
                <a:pt x="168" y="231"/>
              </a:lnTo>
              <a:lnTo>
                <a:pt x="174" y="231"/>
              </a:lnTo>
              <a:lnTo>
                <a:pt x="176" y="233"/>
              </a:lnTo>
              <a:lnTo>
                <a:pt x="181" y="236"/>
              </a:lnTo>
              <a:lnTo>
                <a:pt x="189" y="238"/>
              </a:lnTo>
              <a:lnTo>
                <a:pt x="195" y="236"/>
              </a:lnTo>
              <a:lnTo>
                <a:pt x="199" y="232"/>
              </a:lnTo>
              <a:lnTo>
                <a:pt x="204" y="234"/>
              </a:lnTo>
              <a:lnTo>
                <a:pt x="209" y="233"/>
              </a:lnTo>
              <a:lnTo>
                <a:pt x="213" y="234"/>
              </a:lnTo>
              <a:lnTo>
                <a:pt x="218" y="237"/>
              </a:lnTo>
              <a:lnTo>
                <a:pt x="224" y="233"/>
              </a:lnTo>
              <a:lnTo>
                <a:pt x="228" y="231"/>
              </a:lnTo>
              <a:lnTo>
                <a:pt x="235" y="230"/>
              </a:lnTo>
              <a:lnTo>
                <a:pt x="236" y="226"/>
              </a:lnTo>
              <a:lnTo>
                <a:pt x="238" y="223"/>
              </a:lnTo>
              <a:lnTo>
                <a:pt x="244" y="220"/>
              </a:lnTo>
              <a:lnTo>
                <a:pt x="249" y="216"/>
              </a:lnTo>
              <a:lnTo>
                <a:pt x="251" y="210"/>
              </a:lnTo>
              <a:lnTo>
                <a:pt x="250" y="206"/>
              </a:lnTo>
              <a:lnTo>
                <a:pt x="250" y="200"/>
              </a:lnTo>
              <a:lnTo>
                <a:pt x="251" y="197"/>
              </a:lnTo>
              <a:lnTo>
                <a:pt x="256" y="198"/>
              </a:lnTo>
              <a:lnTo>
                <a:pt x="256" y="196"/>
              </a:lnTo>
              <a:lnTo>
                <a:pt x="249" y="193"/>
              </a:lnTo>
              <a:lnTo>
                <a:pt x="248" y="189"/>
              </a:lnTo>
              <a:lnTo>
                <a:pt x="241" y="186"/>
              </a:lnTo>
              <a:lnTo>
                <a:pt x="233" y="182"/>
              </a:lnTo>
              <a:lnTo>
                <a:pt x="226" y="177"/>
              </a:lnTo>
              <a:lnTo>
                <a:pt x="221" y="174"/>
              </a:lnTo>
              <a:lnTo>
                <a:pt x="222" y="170"/>
              </a:lnTo>
              <a:lnTo>
                <a:pt x="222" y="165"/>
              </a:lnTo>
              <a:lnTo>
                <a:pt x="223" y="161"/>
              </a:lnTo>
              <a:lnTo>
                <a:pt x="224" y="155"/>
              </a:lnTo>
              <a:lnTo>
                <a:pt x="224" y="152"/>
              </a:lnTo>
              <a:lnTo>
                <a:pt x="227" y="151"/>
              </a:lnTo>
              <a:lnTo>
                <a:pt x="229" y="148"/>
              </a:lnTo>
              <a:lnTo>
                <a:pt x="229" y="145"/>
              </a:lnTo>
              <a:lnTo>
                <a:pt x="227" y="141"/>
              </a:lnTo>
              <a:lnTo>
                <a:pt x="224" y="138"/>
              </a:lnTo>
              <a:lnTo>
                <a:pt x="225" y="134"/>
              </a:lnTo>
              <a:lnTo>
                <a:pt x="229" y="129"/>
              </a:lnTo>
              <a:lnTo>
                <a:pt x="229" y="126"/>
              </a:lnTo>
              <a:lnTo>
                <a:pt x="230" y="123"/>
              </a:lnTo>
              <a:lnTo>
                <a:pt x="233" y="120"/>
              </a:lnTo>
              <a:lnTo>
                <a:pt x="237" y="119"/>
              </a:lnTo>
              <a:lnTo>
                <a:pt x="241" y="117"/>
              </a:lnTo>
              <a:lnTo>
                <a:pt x="242" y="114"/>
              </a:lnTo>
              <a:lnTo>
                <a:pt x="245" y="109"/>
              </a:lnTo>
              <a:lnTo>
                <a:pt x="251" y="106"/>
              </a:lnTo>
              <a:lnTo>
                <a:pt x="253" y="104"/>
              </a:lnTo>
              <a:lnTo>
                <a:pt x="256" y="101"/>
              </a:lnTo>
              <a:lnTo>
                <a:pt x="256" y="97"/>
              </a:lnTo>
              <a:lnTo>
                <a:pt x="260" y="95"/>
              </a:lnTo>
              <a:lnTo>
                <a:pt x="264" y="98"/>
              </a:lnTo>
              <a:lnTo>
                <a:pt x="273" y="101"/>
              </a:lnTo>
              <a:lnTo>
                <a:pt x="274" y="98"/>
              </a:lnTo>
              <a:lnTo>
                <a:pt x="281" y="97"/>
              </a:lnTo>
              <a:lnTo>
                <a:pt x="288" y="96"/>
              </a:lnTo>
              <a:lnTo>
                <a:pt x="292" y="90"/>
              </a:lnTo>
              <a:lnTo>
                <a:pt x="296" y="89"/>
              </a:lnTo>
              <a:lnTo>
                <a:pt x="299" y="83"/>
              </a:lnTo>
              <a:lnTo>
                <a:pt x="301" y="79"/>
              </a:lnTo>
              <a:lnTo>
                <a:pt x="300" y="75"/>
              </a:lnTo>
              <a:lnTo>
                <a:pt x="302" y="71"/>
              </a:lnTo>
              <a:lnTo>
                <a:pt x="302" y="63"/>
              </a:lnTo>
              <a:lnTo>
                <a:pt x="300" y="61"/>
              </a:lnTo>
              <a:lnTo>
                <a:pt x="299" y="58"/>
              </a:lnTo>
              <a:lnTo>
                <a:pt x="299" y="53"/>
              </a:lnTo>
              <a:lnTo>
                <a:pt x="296" y="50"/>
              </a:lnTo>
              <a:lnTo>
                <a:pt x="292" y="49"/>
              </a:lnTo>
              <a:lnTo>
                <a:pt x="287" y="51"/>
              </a:lnTo>
              <a:lnTo>
                <a:pt x="283" y="50"/>
              </a:lnTo>
              <a:lnTo>
                <a:pt x="280" y="48"/>
              </a:lnTo>
              <a:lnTo>
                <a:pt x="279" y="41"/>
              </a:lnTo>
              <a:lnTo>
                <a:pt x="274" y="38"/>
              </a:lnTo>
              <a:lnTo>
                <a:pt x="267" y="37"/>
              </a:lnTo>
              <a:lnTo>
                <a:pt x="262" y="42"/>
              </a:lnTo>
              <a:lnTo>
                <a:pt x="256" y="47"/>
              </a:lnTo>
              <a:lnTo>
                <a:pt x="252" y="51"/>
              </a:lnTo>
              <a:lnTo>
                <a:pt x="247" y="52"/>
              </a:lnTo>
              <a:lnTo>
                <a:pt x="234" y="48"/>
              </a:lnTo>
              <a:lnTo>
                <a:pt x="227" y="47"/>
              </a:lnTo>
              <a:lnTo>
                <a:pt x="225" y="41"/>
              </a:lnTo>
              <a:lnTo>
                <a:pt x="222" y="38"/>
              </a:lnTo>
              <a:lnTo>
                <a:pt x="220" y="35"/>
              </a:lnTo>
              <a:lnTo>
                <a:pt x="215" y="34"/>
              </a:lnTo>
              <a:lnTo>
                <a:pt x="212" y="29"/>
              </a:lnTo>
              <a:lnTo>
                <a:pt x="209" y="27"/>
              </a:lnTo>
              <a:lnTo>
                <a:pt x="195" y="23"/>
              </a:lnTo>
              <a:lnTo>
                <a:pt x="193" y="21"/>
              </a:lnTo>
              <a:lnTo>
                <a:pt x="192" y="15"/>
              </a:lnTo>
              <a:lnTo>
                <a:pt x="188" y="11"/>
              </a:lnTo>
              <a:lnTo>
                <a:pt x="189" y="9"/>
              </a:lnTo>
              <a:lnTo>
                <a:pt x="189" y="5"/>
              </a:lnTo>
              <a:lnTo>
                <a:pt x="187" y="1"/>
              </a:lnTo>
              <a:lnTo>
                <a:pt x="183" y="3"/>
              </a:lnTo>
              <a:lnTo>
                <a:pt x="179" y="4"/>
              </a:lnTo>
              <a:lnTo>
                <a:pt x="174" y="5"/>
              </a:lnTo>
              <a:lnTo>
                <a:pt x="171" y="4"/>
              </a:lnTo>
              <a:lnTo>
                <a:pt x="167" y="3"/>
              </a:lnTo>
              <a:lnTo>
                <a:pt x="162" y="0"/>
              </a:lnTo>
              <a:lnTo>
                <a:pt x="158" y="7"/>
              </a:lnTo>
              <a:lnTo>
                <a:pt x="157" y="11"/>
              </a:lnTo>
              <a:lnTo>
                <a:pt x="158" y="17"/>
              </a:lnTo>
              <a:lnTo>
                <a:pt x="153" y="21"/>
              </a:lnTo>
              <a:lnTo>
                <a:pt x="150" y="28"/>
              </a:lnTo>
              <a:lnTo>
                <a:pt x="145" y="30"/>
              </a:lnTo>
              <a:lnTo>
                <a:pt x="140" y="33"/>
              </a:lnTo>
              <a:lnTo>
                <a:pt x="138" y="38"/>
              </a:lnTo>
              <a:lnTo>
                <a:pt x="135" y="45"/>
              </a:lnTo>
              <a:lnTo>
                <a:pt x="131" y="44"/>
              </a:lnTo>
              <a:lnTo>
                <a:pt x="127" y="46"/>
              </a:lnTo>
              <a:lnTo>
                <a:pt x="120" y="46"/>
              </a:lnTo>
              <a:lnTo>
                <a:pt x="116" y="50"/>
              </a:lnTo>
              <a:lnTo>
                <a:pt x="109" y="52"/>
              </a:lnTo>
              <a:lnTo>
                <a:pt x="102" y="52"/>
              </a:lnTo>
              <a:lnTo>
                <a:pt x="95" y="54"/>
              </a:lnTo>
              <a:lnTo>
                <a:pt x="92" y="53"/>
              </a:lnTo>
              <a:lnTo>
                <a:pt x="87" y="57"/>
              </a:lnTo>
              <a:lnTo>
                <a:pt x="86" y="61"/>
              </a:lnTo>
              <a:lnTo>
                <a:pt x="81" y="63"/>
              </a:lnTo>
              <a:lnTo>
                <a:pt x="79" y="67"/>
              </a:lnTo>
              <a:lnTo>
                <a:pt x="76" y="67"/>
              </a:lnTo>
              <a:lnTo>
                <a:pt x="73" y="63"/>
              </a:lnTo>
              <a:lnTo>
                <a:pt x="69" y="64"/>
              </a:lnTo>
              <a:lnTo>
                <a:pt x="67" y="68"/>
              </a:lnTo>
              <a:lnTo>
                <a:pt x="62" y="68"/>
              </a:lnTo>
              <a:lnTo>
                <a:pt x="59" y="70"/>
              </a:lnTo>
              <a:lnTo>
                <a:pt x="55" y="70"/>
              </a:lnTo>
              <a:lnTo>
                <a:pt x="49" y="73"/>
              </a:lnTo>
              <a:lnTo>
                <a:pt x="45" y="78"/>
              </a:lnTo>
              <a:lnTo>
                <a:pt x="40" y="81"/>
              </a:lnTo>
              <a:lnTo>
                <a:pt x="35" y="86"/>
              </a:lnTo>
              <a:lnTo>
                <a:pt x="30" y="89"/>
              </a:lnTo>
              <a:lnTo>
                <a:pt x="27" y="94"/>
              </a:lnTo>
              <a:lnTo>
                <a:pt x="25" y="95"/>
              </a:lnTo>
              <a:lnTo>
                <a:pt x="21" y="100"/>
              </a:lnTo>
              <a:lnTo>
                <a:pt x="17" y="104"/>
              </a:lnTo>
              <a:lnTo>
                <a:pt x="16" y="110"/>
              </a:lnTo>
              <a:lnTo>
                <a:pt x="15" y="116"/>
              </a:lnTo>
              <a:lnTo>
                <a:pt x="18" y="119"/>
              </a:lnTo>
              <a:lnTo>
                <a:pt x="19" y="124"/>
              </a:lnTo>
              <a:lnTo>
                <a:pt x="19" y="130"/>
              </a:lnTo>
              <a:lnTo>
                <a:pt x="14" y="133"/>
              </a:lnTo>
              <a:lnTo>
                <a:pt x="15" y="137"/>
              </a:lnTo>
              <a:lnTo>
                <a:pt x="11" y="140"/>
              </a:lnTo>
              <a:lnTo>
                <a:pt x="4" y="144"/>
              </a:lnTo>
              <a:lnTo>
                <a:pt x="0" y="155"/>
              </a:lnTo>
              <a:lnTo>
                <a:pt x="4" y="158"/>
              </a:lnTo>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247650</xdr:colOff>
      <xdr:row>30</xdr:row>
      <xdr:rowOff>9525</xdr:rowOff>
    </xdr:from>
    <xdr:to>
      <xdr:col>5</xdr:col>
      <xdr:colOff>47625</xdr:colOff>
      <xdr:row>33</xdr:row>
      <xdr:rowOff>57151</xdr:rowOff>
    </xdr:to>
    <xdr:sp macro="" textlink="">
      <xdr:nvSpPr>
        <xdr:cNvPr id="322" name="d14366">
          <a:extLst>
            <a:ext uri="{FF2B5EF4-FFF2-40B4-BE49-F238E27FC236}">
              <a16:creationId xmlns:a16="http://schemas.microsoft.com/office/drawing/2014/main" id="{00000000-0008-0000-0000-000042010000}"/>
            </a:ext>
          </a:extLst>
        </xdr:cNvPr>
        <xdr:cNvSpPr>
          <a:spLocks/>
        </xdr:cNvSpPr>
      </xdr:nvSpPr>
      <xdr:spPr bwMode="auto">
        <a:xfrm>
          <a:off x="2686050" y="4581525"/>
          <a:ext cx="409575" cy="504826"/>
        </a:xfrm>
        <a:custGeom>
          <a:avLst/>
          <a:gdLst/>
          <a:ahLst/>
          <a:cxnLst>
            <a:cxn ang="0">
              <a:pos x="12955" y="5874"/>
            </a:cxn>
            <a:cxn ang="0">
              <a:pos x="11812" y="4328"/>
            </a:cxn>
            <a:cxn ang="0">
              <a:pos x="10288" y="3400"/>
            </a:cxn>
            <a:cxn ang="0">
              <a:pos x="8001" y="2473"/>
            </a:cxn>
            <a:cxn ang="0">
              <a:pos x="6477" y="1855"/>
            </a:cxn>
            <a:cxn ang="0">
              <a:pos x="4572" y="618"/>
            </a:cxn>
            <a:cxn ang="0">
              <a:pos x="3048" y="0"/>
            </a:cxn>
            <a:cxn ang="0">
              <a:pos x="1905" y="0"/>
            </a:cxn>
            <a:cxn ang="0">
              <a:pos x="1905" y="927"/>
            </a:cxn>
            <a:cxn ang="0">
              <a:pos x="1143" y="1855"/>
            </a:cxn>
            <a:cxn ang="0">
              <a:pos x="0" y="2782"/>
            </a:cxn>
            <a:cxn ang="0">
              <a:pos x="1143" y="4637"/>
            </a:cxn>
            <a:cxn ang="0">
              <a:pos x="2286" y="5255"/>
            </a:cxn>
            <a:cxn ang="0">
              <a:pos x="3810" y="6183"/>
            </a:cxn>
            <a:cxn ang="0">
              <a:pos x="4191" y="7419"/>
            </a:cxn>
            <a:cxn ang="0">
              <a:pos x="4572" y="9274"/>
            </a:cxn>
            <a:cxn ang="0">
              <a:pos x="5715" y="11438"/>
            </a:cxn>
            <a:cxn ang="0">
              <a:pos x="6477" y="13911"/>
            </a:cxn>
            <a:cxn ang="0">
              <a:pos x="6858" y="14220"/>
            </a:cxn>
            <a:cxn ang="0">
              <a:pos x="8383" y="14838"/>
            </a:cxn>
            <a:cxn ang="0">
              <a:pos x="9526" y="15147"/>
            </a:cxn>
            <a:cxn ang="0">
              <a:pos x="9907" y="16075"/>
            </a:cxn>
            <a:cxn ang="0">
              <a:pos x="11050" y="16384"/>
            </a:cxn>
            <a:cxn ang="0">
              <a:pos x="11431" y="15147"/>
            </a:cxn>
            <a:cxn ang="0">
              <a:pos x="12574" y="14529"/>
            </a:cxn>
            <a:cxn ang="0">
              <a:pos x="14479" y="14220"/>
            </a:cxn>
            <a:cxn ang="0">
              <a:pos x="14860" y="12674"/>
            </a:cxn>
            <a:cxn ang="0">
              <a:pos x="16384" y="12365"/>
            </a:cxn>
            <a:cxn ang="0">
              <a:pos x="16003" y="12056"/>
            </a:cxn>
            <a:cxn ang="0">
              <a:pos x="14860" y="10510"/>
            </a:cxn>
            <a:cxn ang="0">
              <a:pos x="13336" y="9274"/>
            </a:cxn>
            <a:cxn ang="0">
              <a:pos x="12955" y="7728"/>
            </a:cxn>
            <a:cxn ang="0">
              <a:pos x="12955" y="5874"/>
            </a:cxn>
          </a:cxnLst>
          <a:rect l="0" t="0" r="r" b="b"/>
          <a:pathLst>
            <a:path w="16384" h="16384">
              <a:moveTo>
                <a:pt x="12955" y="5874"/>
              </a:moveTo>
              <a:lnTo>
                <a:pt x="11812" y="4328"/>
              </a:lnTo>
              <a:lnTo>
                <a:pt x="10288" y="3400"/>
              </a:lnTo>
              <a:lnTo>
                <a:pt x="8001" y="2473"/>
              </a:lnTo>
              <a:lnTo>
                <a:pt x="6477" y="1855"/>
              </a:lnTo>
              <a:lnTo>
                <a:pt x="4572" y="618"/>
              </a:lnTo>
              <a:lnTo>
                <a:pt x="3048" y="0"/>
              </a:lnTo>
              <a:lnTo>
                <a:pt x="1905" y="0"/>
              </a:lnTo>
              <a:lnTo>
                <a:pt x="1905" y="927"/>
              </a:lnTo>
              <a:lnTo>
                <a:pt x="1143" y="1855"/>
              </a:lnTo>
              <a:lnTo>
                <a:pt x="0" y="2782"/>
              </a:lnTo>
              <a:lnTo>
                <a:pt x="1143" y="4637"/>
              </a:lnTo>
              <a:lnTo>
                <a:pt x="2286" y="5255"/>
              </a:lnTo>
              <a:lnTo>
                <a:pt x="3810" y="6183"/>
              </a:lnTo>
              <a:lnTo>
                <a:pt x="4191" y="7419"/>
              </a:lnTo>
              <a:lnTo>
                <a:pt x="4572" y="9274"/>
              </a:lnTo>
              <a:lnTo>
                <a:pt x="5715" y="11438"/>
              </a:lnTo>
              <a:lnTo>
                <a:pt x="6477" y="13911"/>
              </a:lnTo>
              <a:lnTo>
                <a:pt x="6858" y="14220"/>
              </a:lnTo>
              <a:lnTo>
                <a:pt x="8383" y="14838"/>
              </a:lnTo>
              <a:lnTo>
                <a:pt x="9526" y="15147"/>
              </a:lnTo>
              <a:lnTo>
                <a:pt x="9907" y="16075"/>
              </a:lnTo>
              <a:lnTo>
                <a:pt x="11050" y="16384"/>
              </a:lnTo>
              <a:lnTo>
                <a:pt x="11431" y="15147"/>
              </a:lnTo>
              <a:lnTo>
                <a:pt x="12574" y="14529"/>
              </a:lnTo>
              <a:lnTo>
                <a:pt x="14479" y="14220"/>
              </a:lnTo>
              <a:lnTo>
                <a:pt x="14860" y="12674"/>
              </a:lnTo>
              <a:lnTo>
                <a:pt x="16384" y="12365"/>
              </a:lnTo>
              <a:lnTo>
                <a:pt x="16003" y="12056"/>
              </a:lnTo>
              <a:lnTo>
                <a:pt x="14860" y="10510"/>
              </a:lnTo>
              <a:lnTo>
                <a:pt x="13336" y="9274"/>
              </a:lnTo>
              <a:lnTo>
                <a:pt x="12955" y="7728"/>
              </a:lnTo>
              <a:lnTo>
                <a:pt x="12955" y="5874"/>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1</xdr:col>
      <xdr:colOff>533400</xdr:colOff>
      <xdr:row>35</xdr:row>
      <xdr:rowOff>95250</xdr:rowOff>
    </xdr:from>
    <xdr:to>
      <xdr:col>4</xdr:col>
      <xdr:colOff>400050</xdr:colOff>
      <xdr:row>45</xdr:row>
      <xdr:rowOff>142876</xdr:rowOff>
    </xdr:to>
    <xdr:sp macro="" textlink="">
      <xdr:nvSpPr>
        <xdr:cNvPr id="323" name="d14382">
          <a:extLst>
            <a:ext uri="{FF2B5EF4-FFF2-40B4-BE49-F238E27FC236}">
              <a16:creationId xmlns:a16="http://schemas.microsoft.com/office/drawing/2014/main" id="{00000000-0008-0000-0000-000043010000}"/>
            </a:ext>
          </a:extLst>
        </xdr:cNvPr>
        <xdr:cNvSpPr>
          <a:spLocks/>
        </xdr:cNvSpPr>
      </xdr:nvSpPr>
      <xdr:spPr bwMode="auto">
        <a:xfrm>
          <a:off x="1143000" y="5429250"/>
          <a:ext cx="1695450" cy="1571626"/>
        </a:xfrm>
        <a:custGeom>
          <a:avLst/>
          <a:gdLst/>
          <a:ahLst/>
          <a:cxnLst>
            <a:cxn ang="0">
              <a:pos x="69" y="163"/>
            </a:cxn>
            <a:cxn ang="0">
              <a:pos x="80" y="164"/>
            </a:cxn>
            <a:cxn ang="0">
              <a:pos x="85" y="159"/>
            </a:cxn>
            <a:cxn ang="0">
              <a:pos x="87" y="153"/>
            </a:cxn>
            <a:cxn ang="0">
              <a:pos x="100" y="145"/>
            </a:cxn>
            <a:cxn ang="0">
              <a:pos x="111" y="136"/>
            </a:cxn>
            <a:cxn ang="0">
              <a:pos x="118" y="132"/>
            </a:cxn>
            <a:cxn ang="0">
              <a:pos x="126" y="129"/>
            </a:cxn>
            <a:cxn ang="0">
              <a:pos x="131" y="121"/>
            </a:cxn>
            <a:cxn ang="0">
              <a:pos x="135" y="113"/>
            </a:cxn>
            <a:cxn ang="0">
              <a:pos x="137" y="106"/>
            </a:cxn>
            <a:cxn ang="0">
              <a:pos x="143" y="101"/>
            </a:cxn>
            <a:cxn ang="0">
              <a:pos x="152" y="95"/>
            </a:cxn>
            <a:cxn ang="0">
              <a:pos x="158" y="92"/>
            </a:cxn>
            <a:cxn ang="0">
              <a:pos x="168" y="92"/>
            </a:cxn>
            <a:cxn ang="0">
              <a:pos x="172" y="87"/>
            </a:cxn>
            <a:cxn ang="0">
              <a:pos x="173" y="81"/>
            </a:cxn>
            <a:cxn ang="0">
              <a:pos x="178" y="73"/>
            </a:cxn>
            <a:cxn ang="0">
              <a:pos x="168" y="74"/>
            </a:cxn>
            <a:cxn ang="0">
              <a:pos x="160" y="73"/>
            </a:cxn>
            <a:cxn ang="0">
              <a:pos x="154" y="72"/>
            </a:cxn>
            <a:cxn ang="0">
              <a:pos x="149" y="68"/>
            </a:cxn>
            <a:cxn ang="0">
              <a:pos x="143" y="68"/>
            </a:cxn>
            <a:cxn ang="0">
              <a:pos x="142" y="74"/>
            </a:cxn>
            <a:cxn ang="0">
              <a:pos x="132" y="78"/>
            </a:cxn>
            <a:cxn ang="0">
              <a:pos x="124" y="72"/>
            </a:cxn>
            <a:cxn ang="0">
              <a:pos x="119" y="68"/>
            </a:cxn>
            <a:cxn ang="0">
              <a:pos x="113" y="70"/>
            </a:cxn>
            <a:cxn ang="0">
              <a:pos x="107" y="64"/>
            </a:cxn>
            <a:cxn ang="0">
              <a:pos x="106" y="58"/>
            </a:cxn>
            <a:cxn ang="0">
              <a:pos x="114" y="53"/>
            </a:cxn>
            <a:cxn ang="0">
              <a:pos x="112" y="49"/>
            </a:cxn>
            <a:cxn ang="0">
              <a:pos x="110" y="41"/>
            </a:cxn>
            <a:cxn ang="0">
              <a:pos x="107" y="32"/>
            </a:cxn>
            <a:cxn ang="0">
              <a:pos x="106" y="27"/>
            </a:cxn>
            <a:cxn ang="0">
              <a:pos x="94" y="13"/>
            </a:cxn>
            <a:cxn ang="0">
              <a:pos x="85" y="14"/>
            </a:cxn>
            <a:cxn ang="0">
              <a:pos x="79" y="16"/>
            </a:cxn>
            <a:cxn ang="0">
              <a:pos x="73" y="21"/>
            </a:cxn>
            <a:cxn ang="0">
              <a:pos x="67" y="19"/>
            </a:cxn>
            <a:cxn ang="0">
              <a:pos x="60" y="15"/>
            </a:cxn>
            <a:cxn ang="0">
              <a:pos x="53" y="16"/>
            </a:cxn>
            <a:cxn ang="0">
              <a:pos x="52" y="11"/>
            </a:cxn>
            <a:cxn ang="0">
              <a:pos x="46" y="10"/>
            </a:cxn>
            <a:cxn ang="0">
              <a:pos x="43" y="4"/>
            </a:cxn>
            <a:cxn ang="0">
              <a:pos x="31" y="3"/>
            </a:cxn>
            <a:cxn ang="0">
              <a:pos x="25" y="7"/>
            </a:cxn>
            <a:cxn ang="0">
              <a:pos x="16" y="17"/>
            </a:cxn>
            <a:cxn ang="0">
              <a:pos x="10" y="28"/>
            </a:cxn>
            <a:cxn ang="0">
              <a:pos x="1" y="41"/>
            </a:cxn>
            <a:cxn ang="0">
              <a:pos x="3" y="52"/>
            </a:cxn>
            <a:cxn ang="0">
              <a:pos x="2" y="66"/>
            </a:cxn>
            <a:cxn ang="0">
              <a:pos x="6" y="72"/>
            </a:cxn>
            <a:cxn ang="0">
              <a:pos x="8" y="84"/>
            </a:cxn>
            <a:cxn ang="0">
              <a:pos x="12" y="98"/>
            </a:cxn>
            <a:cxn ang="0">
              <a:pos x="13" y="106"/>
            </a:cxn>
            <a:cxn ang="0">
              <a:pos x="17" y="117"/>
            </a:cxn>
            <a:cxn ang="0">
              <a:pos x="19" y="128"/>
            </a:cxn>
            <a:cxn ang="0">
              <a:pos x="28" y="136"/>
            </a:cxn>
            <a:cxn ang="0">
              <a:pos x="34" y="146"/>
            </a:cxn>
            <a:cxn ang="0">
              <a:pos x="42" y="152"/>
            </a:cxn>
            <a:cxn ang="0">
              <a:pos x="48" y="155"/>
            </a:cxn>
            <a:cxn ang="0">
              <a:pos x="63" y="165"/>
            </a:cxn>
          </a:cxnLst>
          <a:rect l="0" t="0" r="r" b="b"/>
          <a:pathLst>
            <a:path w="178" h="165">
              <a:moveTo>
                <a:pt x="63" y="165"/>
              </a:moveTo>
              <a:lnTo>
                <a:pt x="69" y="163"/>
              </a:lnTo>
              <a:lnTo>
                <a:pt x="74" y="165"/>
              </a:lnTo>
              <a:lnTo>
                <a:pt x="80" y="164"/>
              </a:lnTo>
              <a:lnTo>
                <a:pt x="82" y="159"/>
              </a:lnTo>
              <a:lnTo>
                <a:pt x="85" y="159"/>
              </a:lnTo>
              <a:lnTo>
                <a:pt x="87" y="156"/>
              </a:lnTo>
              <a:lnTo>
                <a:pt x="87" y="153"/>
              </a:lnTo>
              <a:lnTo>
                <a:pt x="92" y="147"/>
              </a:lnTo>
              <a:lnTo>
                <a:pt x="100" y="145"/>
              </a:lnTo>
              <a:lnTo>
                <a:pt x="107" y="142"/>
              </a:lnTo>
              <a:lnTo>
                <a:pt x="111" y="136"/>
              </a:lnTo>
              <a:lnTo>
                <a:pt x="115" y="135"/>
              </a:lnTo>
              <a:lnTo>
                <a:pt x="118" y="132"/>
              </a:lnTo>
              <a:lnTo>
                <a:pt x="122" y="128"/>
              </a:lnTo>
              <a:lnTo>
                <a:pt x="126" y="129"/>
              </a:lnTo>
              <a:lnTo>
                <a:pt x="130" y="127"/>
              </a:lnTo>
              <a:lnTo>
                <a:pt x="131" y="121"/>
              </a:lnTo>
              <a:lnTo>
                <a:pt x="134" y="117"/>
              </a:lnTo>
              <a:lnTo>
                <a:pt x="135" y="113"/>
              </a:lnTo>
              <a:lnTo>
                <a:pt x="134" y="109"/>
              </a:lnTo>
              <a:lnTo>
                <a:pt x="137" y="106"/>
              </a:lnTo>
              <a:lnTo>
                <a:pt x="140" y="105"/>
              </a:lnTo>
              <a:lnTo>
                <a:pt x="143" y="101"/>
              </a:lnTo>
              <a:lnTo>
                <a:pt x="147" y="98"/>
              </a:lnTo>
              <a:lnTo>
                <a:pt x="152" y="95"/>
              </a:lnTo>
              <a:lnTo>
                <a:pt x="156" y="94"/>
              </a:lnTo>
              <a:lnTo>
                <a:pt x="158" y="92"/>
              </a:lnTo>
              <a:lnTo>
                <a:pt x="163" y="92"/>
              </a:lnTo>
              <a:lnTo>
                <a:pt x="168" y="92"/>
              </a:lnTo>
              <a:lnTo>
                <a:pt x="172" y="90"/>
              </a:lnTo>
              <a:lnTo>
                <a:pt x="172" y="87"/>
              </a:lnTo>
              <a:lnTo>
                <a:pt x="172" y="84"/>
              </a:lnTo>
              <a:lnTo>
                <a:pt x="173" y="81"/>
              </a:lnTo>
              <a:lnTo>
                <a:pt x="177" y="78"/>
              </a:lnTo>
              <a:lnTo>
                <a:pt x="178" y="73"/>
              </a:lnTo>
              <a:lnTo>
                <a:pt x="177" y="72"/>
              </a:lnTo>
              <a:lnTo>
                <a:pt x="168" y="74"/>
              </a:lnTo>
              <a:lnTo>
                <a:pt x="164" y="74"/>
              </a:lnTo>
              <a:lnTo>
                <a:pt x="160" y="73"/>
              </a:lnTo>
              <a:lnTo>
                <a:pt x="156" y="73"/>
              </a:lnTo>
              <a:lnTo>
                <a:pt x="154" y="72"/>
              </a:lnTo>
              <a:lnTo>
                <a:pt x="151" y="69"/>
              </a:lnTo>
              <a:lnTo>
                <a:pt x="149" y="68"/>
              </a:lnTo>
              <a:lnTo>
                <a:pt x="146" y="67"/>
              </a:lnTo>
              <a:lnTo>
                <a:pt x="143" y="68"/>
              </a:lnTo>
              <a:lnTo>
                <a:pt x="142" y="73"/>
              </a:lnTo>
              <a:lnTo>
                <a:pt x="142" y="74"/>
              </a:lnTo>
              <a:lnTo>
                <a:pt x="135" y="77"/>
              </a:lnTo>
              <a:lnTo>
                <a:pt x="132" y="78"/>
              </a:lnTo>
              <a:lnTo>
                <a:pt x="127" y="76"/>
              </a:lnTo>
              <a:lnTo>
                <a:pt x="124" y="72"/>
              </a:lnTo>
              <a:lnTo>
                <a:pt x="121" y="68"/>
              </a:lnTo>
              <a:lnTo>
                <a:pt x="119" y="68"/>
              </a:lnTo>
              <a:lnTo>
                <a:pt x="116" y="70"/>
              </a:lnTo>
              <a:lnTo>
                <a:pt x="113" y="70"/>
              </a:lnTo>
              <a:lnTo>
                <a:pt x="110" y="63"/>
              </a:lnTo>
              <a:lnTo>
                <a:pt x="107" y="64"/>
              </a:lnTo>
              <a:lnTo>
                <a:pt x="106" y="62"/>
              </a:lnTo>
              <a:lnTo>
                <a:pt x="106" y="58"/>
              </a:lnTo>
              <a:lnTo>
                <a:pt x="110" y="55"/>
              </a:lnTo>
              <a:lnTo>
                <a:pt x="114" y="53"/>
              </a:lnTo>
              <a:lnTo>
                <a:pt x="115" y="49"/>
              </a:lnTo>
              <a:lnTo>
                <a:pt x="112" y="49"/>
              </a:lnTo>
              <a:lnTo>
                <a:pt x="111" y="46"/>
              </a:lnTo>
              <a:lnTo>
                <a:pt x="110" y="41"/>
              </a:lnTo>
              <a:lnTo>
                <a:pt x="110" y="36"/>
              </a:lnTo>
              <a:lnTo>
                <a:pt x="107" y="32"/>
              </a:lnTo>
              <a:lnTo>
                <a:pt x="106" y="29"/>
              </a:lnTo>
              <a:lnTo>
                <a:pt x="106" y="27"/>
              </a:lnTo>
              <a:lnTo>
                <a:pt x="94" y="16"/>
              </a:lnTo>
              <a:lnTo>
                <a:pt x="94" y="13"/>
              </a:lnTo>
              <a:lnTo>
                <a:pt x="90" y="11"/>
              </a:lnTo>
              <a:lnTo>
                <a:pt x="85" y="14"/>
              </a:lnTo>
              <a:lnTo>
                <a:pt x="83" y="16"/>
              </a:lnTo>
              <a:lnTo>
                <a:pt x="79" y="16"/>
              </a:lnTo>
              <a:lnTo>
                <a:pt x="77" y="19"/>
              </a:lnTo>
              <a:lnTo>
                <a:pt x="73" y="21"/>
              </a:lnTo>
              <a:lnTo>
                <a:pt x="69" y="21"/>
              </a:lnTo>
              <a:lnTo>
                <a:pt x="67" y="19"/>
              </a:lnTo>
              <a:lnTo>
                <a:pt x="65" y="17"/>
              </a:lnTo>
              <a:lnTo>
                <a:pt x="60" y="15"/>
              </a:lnTo>
              <a:lnTo>
                <a:pt x="56" y="15"/>
              </a:lnTo>
              <a:lnTo>
                <a:pt x="53" y="16"/>
              </a:lnTo>
              <a:lnTo>
                <a:pt x="52" y="14"/>
              </a:lnTo>
              <a:lnTo>
                <a:pt x="52" y="11"/>
              </a:lnTo>
              <a:lnTo>
                <a:pt x="48" y="11"/>
              </a:lnTo>
              <a:lnTo>
                <a:pt x="46" y="10"/>
              </a:lnTo>
              <a:lnTo>
                <a:pt x="46" y="7"/>
              </a:lnTo>
              <a:lnTo>
                <a:pt x="43" y="4"/>
              </a:lnTo>
              <a:lnTo>
                <a:pt x="38" y="0"/>
              </a:lnTo>
              <a:lnTo>
                <a:pt x="31" y="3"/>
              </a:lnTo>
              <a:lnTo>
                <a:pt x="26" y="5"/>
              </a:lnTo>
              <a:lnTo>
                <a:pt x="25" y="7"/>
              </a:lnTo>
              <a:lnTo>
                <a:pt x="22" y="11"/>
              </a:lnTo>
              <a:lnTo>
                <a:pt x="16" y="17"/>
              </a:lnTo>
              <a:lnTo>
                <a:pt x="12" y="23"/>
              </a:lnTo>
              <a:lnTo>
                <a:pt x="10" y="28"/>
              </a:lnTo>
              <a:lnTo>
                <a:pt x="5" y="34"/>
              </a:lnTo>
              <a:lnTo>
                <a:pt x="1" y="41"/>
              </a:lnTo>
              <a:lnTo>
                <a:pt x="0" y="47"/>
              </a:lnTo>
              <a:lnTo>
                <a:pt x="3" y="52"/>
              </a:lnTo>
              <a:lnTo>
                <a:pt x="1" y="57"/>
              </a:lnTo>
              <a:lnTo>
                <a:pt x="2" y="66"/>
              </a:lnTo>
              <a:lnTo>
                <a:pt x="3" y="70"/>
              </a:lnTo>
              <a:lnTo>
                <a:pt x="6" y="72"/>
              </a:lnTo>
              <a:lnTo>
                <a:pt x="5" y="79"/>
              </a:lnTo>
              <a:lnTo>
                <a:pt x="8" y="84"/>
              </a:lnTo>
              <a:lnTo>
                <a:pt x="8" y="87"/>
              </a:lnTo>
              <a:lnTo>
                <a:pt x="12" y="98"/>
              </a:lnTo>
              <a:lnTo>
                <a:pt x="11" y="103"/>
              </a:lnTo>
              <a:lnTo>
                <a:pt x="13" y="106"/>
              </a:lnTo>
              <a:lnTo>
                <a:pt x="17" y="112"/>
              </a:lnTo>
              <a:lnTo>
                <a:pt x="17" y="117"/>
              </a:lnTo>
              <a:lnTo>
                <a:pt x="18" y="124"/>
              </a:lnTo>
              <a:lnTo>
                <a:pt x="19" y="128"/>
              </a:lnTo>
              <a:lnTo>
                <a:pt x="23" y="131"/>
              </a:lnTo>
              <a:lnTo>
                <a:pt x="28" y="136"/>
              </a:lnTo>
              <a:lnTo>
                <a:pt x="31" y="138"/>
              </a:lnTo>
              <a:lnTo>
                <a:pt x="34" y="146"/>
              </a:lnTo>
              <a:lnTo>
                <a:pt x="36" y="145"/>
              </a:lnTo>
              <a:lnTo>
                <a:pt x="42" y="152"/>
              </a:lnTo>
              <a:lnTo>
                <a:pt x="46" y="156"/>
              </a:lnTo>
              <a:lnTo>
                <a:pt x="48" y="155"/>
              </a:lnTo>
              <a:lnTo>
                <a:pt x="51" y="156"/>
              </a:lnTo>
              <a:lnTo>
                <a:pt x="63" y="165"/>
              </a:lnTo>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4</xdr:col>
      <xdr:colOff>200025</xdr:colOff>
      <xdr:row>44</xdr:row>
      <xdr:rowOff>133350</xdr:rowOff>
    </xdr:from>
    <xdr:to>
      <xdr:col>5</xdr:col>
      <xdr:colOff>228600</xdr:colOff>
      <xdr:row>49</xdr:row>
      <xdr:rowOff>28573</xdr:rowOff>
    </xdr:to>
    <xdr:sp macro="" textlink="">
      <xdr:nvSpPr>
        <xdr:cNvPr id="324" name="d14383">
          <a:extLst>
            <a:ext uri="{FF2B5EF4-FFF2-40B4-BE49-F238E27FC236}">
              <a16:creationId xmlns:a16="http://schemas.microsoft.com/office/drawing/2014/main" id="{00000000-0008-0000-0000-000044010000}"/>
            </a:ext>
          </a:extLst>
        </xdr:cNvPr>
        <xdr:cNvSpPr>
          <a:spLocks/>
        </xdr:cNvSpPr>
      </xdr:nvSpPr>
      <xdr:spPr bwMode="auto">
        <a:xfrm>
          <a:off x="2638425" y="6838950"/>
          <a:ext cx="638175" cy="657223"/>
        </a:xfrm>
        <a:custGeom>
          <a:avLst/>
          <a:gdLst/>
          <a:ahLst/>
          <a:cxnLst>
            <a:cxn ang="0">
              <a:pos x="10026" y="3562"/>
            </a:cxn>
            <a:cxn ang="0">
              <a:pos x="9292" y="4037"/>
            </a:cxn>
            <a:cxn ang="0">
              <a:pos x="5380" y="1662"/>
            </a:cxn>
            <a:cxn ang="0">
              <a:pos x="2690" y="712"/>
            </a:cxn>
            <a:cxn ang="0">
              <a:pos x="1467" y="237"/>
            </a:cxn>
            <a:cxn ang="0">
              <a:pos x="245" y="0"/>
            </a:cxn>
            <a:cxn ang="0">
              <a:pos x="0" y="1187"/>
            </a:cxn>
            <a:cxn ang="0">
              <a:pos x="1467" y="1900"/>
            </a:cxn>
            <a:cxn ang="0">
              <a:pos x="1956" y="2374"/>
            </a:cxn>
            <a:cxn ang="0">
              <a:pos x="3179" y="2849"/>
            </a:cxn>
            <a:cxn ang="0">
              <a:pos x="3668" y="4986"/>
            </a:cxn>
            <a:cxn ang="0">
              <a:pos x="6113" y="6649"/>
            </a:cxn>
            <a:cxn ang="0">
              <a:pos x="6847" y="7836"/>
            </a:cxn>
            <a:cxn ang="0">
              <a:pos x="6603" y="8548"/>
            </a:cxn>
            <a:cxn ang="0">
              <a:pos x="6358" y="9261"/>
            </a:cxn>
            <a:cxn ang="0">
              <a:pos x="6603" y="9973"/>
            </a:cxn>
            <a:cxn ang="0">
              <a:pos x="7825" y="10685"/>
            </a:cxn>
            <a:cxn ang="0">
              <a:pos x="9048" y="12110"/>
            </a:cxn>
            <a:cxn ang="0">
              <a:pos x="10026" y="13297"/>
            </a:cxn>
            <a:cxn ang="0">
              <a:pos x="9781" y="13535"/>
            </a:cxn>
            <a:cxn ang="0">
              <a:pos x="10271" y="14247"/>
            </a:cxn>
            <a:cxn ang="0">
              <a:pos x="11004" y="14484"/>
            </a:cxn>
            <a:cxn ang="0">
              <a:pos x="11982" y="14722"/>
            </a:cxn>
            <a:cxn ang="0">
              <a:pos x="12716" y="14722"/>
            </a:cxn>
            <a:cxn ang="0">
              <a:pos x="12716" y="15672"/>
            </a:cxn>
            <a:cxn ang="0">
              <a:pos x="13450" y="15909"/>
            </a:cxn>
            <a:cxn ang="0">
              <a:pos x="13694" y="16384"/>
            </a:cxn>
            <a:cxn ang="0">
              <a:pos x="14183" y="16147"/>
            </a:cxn>
            <a:cxn ang="0">
              <a:pos x="14672" y="16384"/>
            </a:cxn>
            <a:cxn ang="0">
              <a:pos x="14917" y="16147"/>
            </a:cxn>
            <a:cxn ang="0">
              <a:pos x="15406" y="15909"/>
            </a:cxn>
            <a:cxn ang="0">
              <a:pos x="15895" y="16147"/>
            </a:cxn>
            <a:cxn ang="0">
              <a:pos x="16384" y="16147"/>
            </a:cxn>
            <a:cxn ang="0">
              <a:pos x="15895" y="15434"/>
            </a:cxn>
            <a:cxn ang="0">
              <a:pos x="15895" y="14247"/>
            </a:cxn>
            <a:cxn ang="0">
              <a:pos x="15161" y="14010"/>
            </a:cxn>
            <a:cxn ang="0">
              <a:pos x="13939" y="14010"/>
            </a:cxn>
            <a:cxn ang="0">
              <a:pos x="12960" y="13535"/>
            </a:cxn>
            <a:cxn ang="0">
              <a:pos x="11982" y="12585"/>
            </a:cxn>
            <a:cxn ang="0">
              <a:pos x="11249" y="11872"/>
            </a:cxn>
            <a:cxn ang="0">
              <a:pos x="11738" y="11872"/>
            </a:cxn>
            <a:cxn ang="0">
              <a:pos x="11982" y="10923"/>
            </a:cxn>
            <a:cxn ang="0">
              <a:pos x="11493" y="10210"/>
            </a:cxn>
            <a:cxn ang="0">
              <a:pos x="11249" y="9498"/>
            </a:cxn>
            <a:cxn ang="0">
              <a:pos x="10760" y="9261"/>
            </a:cxn>
            <a:cxn ang="0">
              <a:pos x="11249" y="8311"/>
            </a:cxn>
            <a:cxn ang="0">
              <a:pos x="11493" y="7123"/>
            </a:cxn>
            <a:cxn ang="0">
              <a:pos x="12227" y="6174"/>
            </a:cxn>
            <a:cxn ang="0">
              <a:pos x="11738" y="5224"/>
            </a:cxn>
            <a:cxn ang="0">
              <a:pos x="10760" y="4512"/>
            </a:cxn>
            <a:cxn ang="0">
              <a:pos x="10271" y="4037"/>
            </a:cxn>
            <a:cxn ang="0">
              <a:pos x="10026" y="3562"/>
            </a:cxn>
          </a:cxnLst>
          <a:rect l="0" t="0" r="r" b="b"/>
          <a:pathLst>
            <a:path w="16384" h="16384">
              <a:moveTo>
                <a:pt x="10026" y="3562"/>
              </a:moveTo>
              <a:lnTo>
                <a:pt x="9292" y="4037"/>
              </a:lnTo>
              <a:lnTo>
                <a:pt x="5380" y="1662"/>
              </a:lnTo>
              <a:lnTo>
                <a:pt x="2690" y="712"/>
              </a:lnTo>
              <a:lnTo>
                <a:pt x="1467" y="237"/>
              </a:lnTo>
              <a:lnTo>
                <a:pt x="245" y="0"/>
              </a:lnTo>
              <a:lnTo>
                <a:pt x="0" y="1187"/>
              </a:lnTo>
              <a:lnTo>
                <a:pt x="1467" y="1900"/>
              </a:lnTo>
              <a:lnTo>
                <a:pt x="1956" y="2374"/>
              </a:lnTo>
              <a:lnTo>
                <a:pt x="3179" y="2849"/>
              </a:lnTo>
              <a:lnTo>
                <a:pt x="3668" y="4986"/>
              </a:lnTo>
              <a:lnTo>
                <a:pt x="6113" y="6649"/>
              </a:lnTo>
              <a:lnTo>
                <a:pt x="6847" y="7836"/>
              </a:lnTo>
              <a:lnTo>
                <a:pt x="6603" y="8548"/>
              </a:lnTo>
              <a:lnTo>
                <a:pt x="6358" y="9261"/>
              </a:lnTo>
              <a:lnTo>
                <a:pt x="6603" y="9973"/>
              </a:lnTo>
              <a:lnTo>
                <a:pt x="7825" y="10685"/>
              </a:lnTo>
              <a:lnTo>
                <a:pt x="9048" y="12110"/>
              </a:lnTo>
              <a:lnTo>
                <a:pt x="10026" y="13297"/>
              </a:lnTo>
              <a:lnTo>
                <a:pt x="9781" y="13535"/>
              </a:lnTo>
              <a:lnTo>
                <a:pt x="10271" y="14247"/>
              </a:lnTo>
              <a:lnTo>
                <a:pt x="11004" y="14484"/>
              </a:lnTo>
              <a:lnTo>
                <a:pt x="11982" y="14722"/>
              </a:lnTo>
              <a:lnTo>
                <a:pt x="12716" y="14722"/>
              </a:lnTo>
              <a:lnTo>
                <a:pt x="12716" y="15672"/>
              </a:lnTo>
              <a:lnTo>
                <a:pt x="13450" y="15909"/>
              </a:lnTo>
              <a:lnTo>
                <a:pt x="13694" y="16384"/>
              </a:lnTo>
              <a:lnTo>
                <a:pt x="14183" y="16147"/>
              </a:lnTo>
              <a:lnTo>
                <a:pt x="14672" y="16384"/>
              </a:lnTo>
              <a:lnTo>
                <a:pt x="14917" y="16147"/>
              </a:lnTo>
              <a:lnTo>
                <a:pt x="15406" y="15909"/>
              </a:lnTo>
              <a:lnTo>
                <a:pt x="15895" y="16147"/>
              </a:lnTo>
              <a:lnTo>
                <a:pt x="16384" y="16147"/>
              </a:lnTo>
              <a:lnTo>
                <a:pt x="15895" y="15434"/>
              </a:lnTo>
              <a:lnTo>
                <a:pt x="15895" y="14247"/>
              </a:lnTo>
              <a:lnTo>
                <a:pt x="15161" y="14010"/>
              </a:lnTo>
              <a:lnTo>
                <a:pt x="13939" y="14010"/>
              </a:lnTo>
              <a:lnTo>
                <a:pt x="12960" y="13535"/>
              </a:lnTo>
              <a:lnTo>
                <a:pt x="11982" y="12585"/>
              </a:lnTo>
              <a:lnTo>
                <a:pt x="11249" y="11872"/>
              </a:lnTo>
              <a:lnTo>
                <a:pt x="11738" y="11872"/>
              </a:lnTo>
              <a:lnTo>
                <a:pt x="11982" y="10923"/>
              </a:lnTo>
              <a:lnTo>
                <a:pt x="11493" y="10210"/>
              </a:lnTo>
              <a:lnTo>
                <a:pt x="11249" y="9498"/>
              </a:lnTo>
              <a:lnTo>
                <a:pt x="10760" y="9261"/>
              </a:lnTo>
              <a:lnTo>
                <a:pt x="11249" y="8311"/>
              </a:lnTo>
              <a:lnTo>
                <a:pt x="11493" y="7123"/>
              </a:lnTo>
              <a:lnTo>
                <a:pt x="12227" y="6174"/>
              </a:lnTo>
              <a:lnTo>
                <a:pt x="11738" y="5224"/>
              </a:lnTo>
              <a:lnTo>
                <a:pt x="10760" y="4512"/>
              </a:lnTo>
              <a:lnTo>
                <a:pt x="10271" y="4037"/>
              </a:lnTo>
              <a:lnTo>
                <a:pt x="10026" y="3562"/>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2</xdr:col>
      <xdr:colOff>523875</xdr:colOff>
      <xdr:row>43</xdr:row>
      <xdr:rowOff>95250</xdr:rowOff>
    </xdr:from>
    <xdr:to>
      <xdr:col>4</xdr:col>
      <xdr:colOff>590550</xdr:colOff>
      <xdr:row>49</xdr:row>
      <xdr:rowOff>28574</xdr:rowOff>
    </xdr:to>
    <xdr:sp macro="" textlink="">
      <xdr:nvSpPr>
        <xdr:cNvPr id="325" name="d14384">
          <a:extLst>
            <a:ext uri="{FF2B5EF4-FFF2-40B4-BE49-F238E27FC236}">
              <a16:creationId xmlns:a16="http://schemas.microsoft.com/office/drawing/2014/main" id="{00000000-0008-0000-0000-000045010000}"/>
            </a:ext>
          </a:extLst>
        </xdr:cNvPr>
        <xdr:cNvSpPr>
          <a:spLocks/>
        </xdr:cNvSpPr>
      </xdr:nvSpPr>
      <xdr:spPr bwMode="auto">
        <a:xfrm>
          <a:off x="1743075" y="6648450"/>
          <a:ext cx="1285875" cy="847724"/>
        </a:xfrm>
        <a:custGeom>
          <a:avLst/>
          <a:gdLst/>
          <a:ahLst/>
          <a:cxnLst>
            <a:cxn ang="0">
              <a:pos x="10801" y="3314"/>
            </a:cxn>
            <a:cxn ang="0">
              <a:pos x="9588" y="2209"/>
            </a:cxn>
            <a:cxn ang="0">
              <a:pos x="8738" y="1841"/>
            </a:cxn>
            <a:cxn ang="0">
              <a:pos x="7646" y="1105"/>
            </a:cxn>
            <a:cxn ang="0">
              <a:pos x="7160" y="0"/>
            </a:cxn>
            <a:cxn ang="0">
              <a:pos x="6311" y="1289"/>
            </a:cxn>
            <a:cxn ang="0">
              <a:pos x="5340" y="2577"/>
            </a:cxn>
            <a:cxn ang="0">
              <a:pos x="3520" y="3498"/>
            </a:cxn>
            <a:cxn ang="0">
              <a:pos x="2913" y="5155"/>
            </a:cxn>
            <a:cxn ang="0">
              <a:pos x="2306" y="5707"/>
            </a:cxn>
            <a:cxn ang="0">
              <a:pos x="1335" y="6811"/>
            </a:cxn>
            <a:cxn ang="0">
              <a:pos x="0" y="6811"/>
            </a:cxn>
            <a:cxn ang="0">
              <a:pos x="485" y="8468"/>
            </a:cxn>
            <a:cxn ang="0">
              <a:pos x="485" y="9757"/>
            </a:cxn>
            <a:cxn ang="0">
              <a:pos x="728" y="11229"/>
            </a:cxn>
            <a:cxn ang="0">
              <a:pos x="243" y="12886"/>
            </a:cxn>
            <a:cxn ang="0">
              <a:pos x="1214" y="13070"/>
            </a:cxn>
            <a:cxn ang="0">
              <a:pos x="2306" y="14175"/>
            </a:cxn>
            <a:cxn ang="0">
              <a:pos x="3884" y="14543"/>
            </a:cxn>
            <a:cxn ang="0">
              <a:pos x="5219" y="15095"/>
            </a:cxn>
            <a:cxn ang="0">
              <a:pos x="7039" y="14911"/>
            </a:cxn>
            <a:cxn ang="0">
              <a:pos x="7646" y="15832"/>
            </a:cxn>
            <a:cxn ang="0">
              <a:pos x="8253" y="16200"/>
            </a:cxn>
            <a:cxn ang="0">
              <a:pos x="9224" y="16384"/>
            </a:cxn>
            <a:cxn ang="0">
              <a:pos x="9952" y="16200"/>
            </a:cxn>
            <a:cxn ang="0">
              <a:pos x="10680" y="16384"/>
            </a:cxn>
            <a:cxn ang="0">
              <a:pos x="11651" y="16016"/>
            </a:cxn>
            <a:cxn ang="0">
              <a:pos x="12500" y="16200"/>
            </a:cxn>
            <a:cxn ang="0">
              <a:pos x="13350" y="14359"/>
            </a:cxn>
            <a:cxn ang="0">
              <a:pos x="14928" y="13807"/>
            </a:cxn>
            <a:cxn ang="0">
              <a:pos x="16020" y="13991"/>
            </a:cxn>
            <a:cxn ang="0">
              <a:pos x="16384" y="13991"/>
            </a:cxn>
            <a:cxn ang="0">
              <a:pos x="15292" y="11966"/>
            </a:cxn>
            <a:cxn ang="0">
              <a:pos x="14564" y="10861"/>
            </a:cxn>
            <a:cxn ang="0">
              <a:pos x="14806" y="9757"/>
            </a:cxn>
            <a:cxn ang="0">
              <a:pos x="13229" y="7548"/>
            </a:cxn>
            <a:cxn ang="0">
              <a:pos x="12379" y="5523"/>
            </a:cxn>
            <a:cxn ang="0">
              <a:pos x="11408" y="4602"/>
            </a:cxn>
          </a:cxnLst>
          <a:rect l="0" t="0" r="r" b="b"/>
          <a:pathLst>
            <a:path w="16384" h="16384">
              <a:moveTo>
                <a:pt x="11529" y="3682"/>
              </a:moveTo>
              <a:lnTo>
                <a:pt x="10801" y="3314"/>
              </a:lnTo>
              <a:lnTo>
                <a:pt x="10073" y="3130"/>
              </a:lnTo>
              <a:lnTo>
                <a:pt x="9588" y="2209"/>
              </a:lnTo>
              <a:lnTo>
                <a:pt x="9102" y="1841"/>
              </a:lnTo>
              <a:lnTo>
                <a:pt x="8738" y="1841"/>
              </a:lnTo>
              <a:lnTo>
                <a:pt x="8010" y="1473"/>
              </a:lnTo>
              <a:lnTo>
                <a:pt x="7646" y="1105"/>
              </a:lnTo>
              <a:lnTo>
                <a:pt x="7646" y="184"/>
              </a:lnTo>
              <a:lnTo>
                <a:pt x="7160" y="0"/>
              </a:lnTo>
              <a:lnTo>
                <a:pt x="6675" y="736"/>
              </a:lnTo>
              <a:lnTo>
                <a:pt x="6311" y="1289"/>
              </a:lnTo>
              <a:lnTo>
                <a:pt x="5825" y="1473"/>
              </a:lnTo>
              <a:lnTo>
                <a:pt x="5340" y="2577"/>
              </a:lnTo>
              <a:lnTo>
                <a:pt x="4490" y="3130"/>
              </a:lnTo>
              <a:lnTo>
                <a:pt x="3520" y="3498"/>
              </a:lnTo>
              <a:lnTo>
                <a:pt x="2913" y="4602"/>
              </a:lnTo>
              <a:lnTo>
                <a:pt x="2913" y="5155"/>
              </a:lnTo>
              <a:lnTo>
                <a:pt x="2670" y="5707"/>
              </a:lnTo>
              <a:lnTo>
                <a:pt x="2306" y="5707"/>
              </a:lnTo>
              <a:lnTo>
                <a:pt x="2063" y="6627"/>
              </a:lnTo>
              <a:lnTo>
                <a:pt x="1335" y="6811"/>
              </a:lnTo>
              <a:lnTo>
                <a:pt x="728" y="6443"/>
              </a:lnTo>
              <a:lnTo>
                <a:pt x="0" y="6811"/>
              </a:lnTo>
              <a:lnTo>
                <a:pt x="243" y="7916"/>
              </a:lnTo>
              <a:lnTo>
                <a:pt x="485" y="8468"/>
              </a:lnTo>
              <a:lnTo>
                <a:pt x="364" y="8836"/>
              </a:lnTo>
              <a:lnTo>
                <a:pt x="485" y="9757"/>
              </a:lnTo>
              <a:lnTo>
                <a:pt x="0" y="10861"/>
              </a:lnTo>
              <a:lnTo>
                <a:pt x="728" y="11229"/>
              </a:lnTo>
              <a:lnTo>
                <a:pt x="364" y="11966"/>
              </a:lnTo>
              <a:lnTo>
                <a:pt x="243" y="12886"/>
              </a:lnTo>
              <a:lnTo>
                <a:pt x="485" y="13623"/>
              </a:lnTo>
              <a:lnTo>
                <a:pt x="1214" y="13070"/>
              </a:lnTo>
              <a:lnTo>
                <a:pt x="1578" y="13254"/>
              </a:lnTo>
              <a:lnTo>
                <a:pt x="2306" y="14175"/>
              </a:lnTo>
              <a:lnTo>
                <a:pt x="3155" y="13807"/>
              </a:lnTo>
              <a:lnTo>
                <a:pt x="3884" y="14543"/>
              </a:lnTo>
              <a:lnTo>
                <a:pt x="4369" y="14543"/>
              </a:lnTo>
              <a:lnTo>
                <a:pt x="5219" y="15095"/>
              </a:lnTo>
              <a:lnTo>
                <a:pt x="6190" y="15279"/>
              </a:lnTo>
              <a:lnTo>
                <a:pt x="7039" y="14911"/>
              </a:lnTo>
              <a:lnTo>
                <a:pt x="7403" y="15279"/>
              </a:lnTo>
              <a:lnTo>
                <a:pt x="7646" y="15832"/>
              </a:lnTo>
              <a:lnTo>
                <a:pt x="7889" y="16016"/>
              </a:lnTo>
              <a:lnTo>
                <a:pt x="8253" y="16200"/>
              </a:lnTo>
              <a:lnTo>
                <a:pt x="8738" y="16200"/>
              </a:lnTo>
              <a:lnTo>
                <a:pt x="9224" y="16384"/>
              </a:lnTo>
              <a:lnTo>
                <a:pt x="9588" y="16200"/>
              </a:lnTo>
              <a:lnTo>
                <a:pt x="9952" y="16200"/>
              </a:lnTo>
              <a:lnTo>
                <a:pt x="10316" y="16384"/>
              </a:lnTo>
              <a:lnTo>
                <a:pt x="10680" y="16384"/>
              </a:lnTo>
              <a:lnTo>
                <a:pt x="11165" y="16200"/>
              </a:lnTo>
              <a:lnTo>
                <a:pt x="11651" y="16016"/>
              </a:lnTo>
              <a:lnTo>
                <a:pt x="12136" y="15832"/>
              </a:lnTo>
              <a:lnTo>
                <a:pt x="12500" y="16200"/>
              </a:lnTo>
              <a:lnTo>
                <a:pt x="12986" y="15279"/>
              </a:lnTo>
              <a:lnTo>
                <a:pt x="13350" y="14359"/>
              </a:lnTo>
              <a:lnTo>
                <a:pt x="14078" y="13807"/>
              </a:lnTo>
              <a:lnTo>
                <a:pt x="14928" y="13807"/>
              </a:lnTo>
              <a:lnTo>
                <a:pt x="15899" y="13623"/>
              </a:lnTo>
              <a:lnTo>
                <a:pt x="16020" y="13991"/>
              </a:lnTo>
              <a:lnTo>
                <a:pt x="16263" y="14175"/>
              </a:lnTo>
              <a:lnTo>
                <a:pt x="16384" y="13991"/>
              </a:lnTo>
              <a:lnTo>
                <a:pt x="15899" y="13070"/>
              </a:lnTo>
              <a:lnTo>
                <a:pt x="15292" y="11966"/>
              </a:lnTo>
              <a:lnTo>
                <a:pt x="14685" y="11414"/>
              </a:lnTo>
              <a:lnTo>
                <a:pt x="14564" y="10861"/>
              </a:lnTo>
              <a:lnTo>
                <a:pt x="14685" y="10309"/>
              </a:lnTo>
              <a:lnTo>
                <a:pt x="14806" y="9757"/>
              </a:lnTo>
              <a:lnTo>
                <a:pt x="14442" y="8836"/>
              </a:lnTo>
              <a:lnTo>
                <a:pt x="13229" y="7548"/>
              </a:lnTo>
              <a:lnTo>
                <a:pt x="12986" y="5891"/>
              </a:lnTo>
              <a:lnTo>
                <a:pt x="12379" y="5523"/>
              </a:lnTo>
              <a:lnTo>
                <a:pt x="12136" y="5155"/>
              </a:lnTo>
              <a:lnTo>
                <a:pt x="11408" y="4602"/>
              </a:lnTo>
              <a:lnTo>
                <a:pt x="11529" y="3682"/>
              </a:lnTo>
              <a:close/>
            </a:path>
          </a:pathLst>
        </a:custGeom>
        <a:solidFill>
          <a:schemeClr val="accent2">
            <a:lumMod val="60000"/>
            <a:lumOff val="40000"/>
          </a:schemeClr>
        </a:solidFill>
        <a:ln w="9525" cap="flat">
          <a:solidFill>
            <a:srgbClr val="000000"/>
          </a:solidFill>
          <a:prstDash val="solid"/>
          <a:round/>
          <a:headEnd/>
          <a:tailEnd/>
        </a:ln>
      </xdr:spPr>
    </xdr:sp>
    <xdr:clientData/>
  </xdr:twoCellAnchor>
  <xdr:twoCellAnchor editAs="oneCell">
    <xdr:from>
      <xdr:col>7</xdr:col>
      <xdr:colOff>19050</xdr:colOff>
      <xdr:row>11</xdr:row>
      <xdr:rowOff>95250</xdr:rowOff>
    </xdr:from>
    <xdr:to>
      <xdr:col>9</xdr:col>
      <xdr:colOff>66675</xdr:colOff>
      <xdr:row>17</xdr:row>
      <xdr:rowOff>1996</xdr:rowOff>
    </xdr:to>
    <xdr:sp macro="" textlink="">
      <xdr:nvSpPr>
        <xdr:cNvPr id="326" name="d14401">
          <a:extLst>
            <a:ext uri="{FF2B5EF4-FFF2-40B4-BE49-F238E27FC236}">
              <a16:creationId xmlns:a16="http://schemas.microsoft.com/office/drawing/2014/main" id="{00000000-0008-0000-0000-000046010000}"/>
            </a:ext>
          </a:extLst>
        </xdr:cNvPr>
        <xdr:cNvSpPr>
          <a:spLocks/>
        </xdr:cNvSpPr>
      </xdr:nvSpPr>
      <xdr:spPr bwMode="auto">
        <a:xfrm>
          <a:off x="4286250" y="1771650"/>
          <a:ext cx="1266825" cy="821146"/>
        </a:xfrm>
        <a:custGeom>
          <a:avLst/>
          <a:gdLst/>
          <a:ahLst/>
          <a:cxnLst>
            <a:cxn ang="0">
              <a:pos x="15398" y="7430"/>
            </a:cxn>
            <a:cxn ang="0">
              <a:pos x="13058" y="4953"/>
            </a:cxn>
            <a:cxn ang="0">
              <a:pos x="11826" y="4572"/>
            </a:cxn>
            <a:cxn ang="0">
              <a:pos x="11087" y="4953"/>
            </a:cxn>
            <a:cxn ang="0">
              <a:pos x="10225" y="4763"/>
            </a:cxn>
            <a:cxn ang="0">
              <a:pos x="9609" y="3620"/>
            </a:cxn>
            <a:cxn ang="0">
              <a:pos x="8993" y="2667"/>
            </a:cxn>
            <a:cxn ang="0">
              <a:pos x="8500" y="1524"/>
            </a:cxn>
            <a:cxn ang="0">
              <a:pos x="7638" y="572"/>
            </a:cxn>
            <a:cxn ang="0">
              <a:pos x="7022" y="381"/>
            </a:cxn>
            <a:cxn ang="0">
              <a:pos x="5913" y="381"/>
            </a:cxn>
            <a:cxn ang="0">
              <a:pos x="5420" y="1334"/>
            </a:cxn>
            <a:cxn ang="0">
              <a:pos x="5051" y="2667"/>
            </a:cxn>
            <a:cxn ang="0">
              <a:pos x="4681" y="3048"/>
            </a:cxn>
            <a:cxn ang="0">
              <a:pos x="3696" y="2477"/>
            </a:cxn>
            <a:cxn ang="0">
              <a:pos x="3203" y="2096"/>
            </a:cxn>
            <a:cxn ang="0">
              <a:pos x="2464" y="2096"/>
            </a:cxn>
            <a:cxn ang="0">
              <a:pos x="1355" y="2286"/>
            </a:cxn>
            <a:cxn ang="0">
              <a:pos x="493" y="3239"/>
            </a:cxn>
            <a:cxn ang="0">
              <a:pos x="493" y="4763"/>
            </a:cxn>
            <a:cxn ang="0">
              <a:pos x="0" y="6287"/>
            </a:cxn>
            <a:cxn ang="0">
              <a:pos x="370" y="8192"/>
            </a:cxn>
            <a:cxn ang="0">
              <a:pos x="986" y="9335"/>
            </a:cxn>
            <a:cxn ang="0">
              <a:pos x="1601" y="10288"/>
            </a:cxn>
            <a:cxn ang="0">
              <a:pos x="2710" y="12002"/>
            </a:cxn>
            <a:cxn ang="0">
              <a:pos x="3449" y="13526"/>
            </a:cxn>
            <a:cxn ang="0">
              <a:pos x="4558" y="14098"/>
            </a:cxn>
            <a:cxn ang="0">
              <a:pos x="4558" y="12574"/>
            </a:cxn>
            <a:cxn ang="0">
              <a:pos x="5420" y="12383"/>
            </a:cxn>
            <a:cxn ang="0">
              <a:pos x="7268" y="10288"/>
            </a:cxn>
            <a:cxn ang="0">
              <a:pos x="8130" y="9907"/>
            </a:cxn>
            <a:cxn ang="0">
              <a:pos x="9239" y="9526"/>
            </a:cxn>
            <a:cxn ang="0">
              <a:pos x="9855" y="11240"/>
            </a:cxn>
            <a:cxn ang="0">
              <a:pos x="10348" y="13717"/>
            </a:cxn>
            <a:cxn ang="0">
              <a:pos x="11456" y="14098"/>
            </a:cxn>
            <a:cxn ang="0">
              <a:pos x="13427" y="14669"/>
            </a:cxn>
            <a:cxn ang="0">
              <a:pos x="14536" y="16384"/>
            </a:cxn>
            <a:cxn ang="0">
              <a:pos x="15029" y="15812"/>
            </a:cxn>
            <a:cxn ang="0">
              <a:pos x="15152" y="14288"/>
            </a:cxn>
            <a:cxn ang="0">
              <a:pos x="15275" y="13717"/>
            </a:cxn>
            <a:cxn ang="0">
              <a:pos x="15398" y="13145"/>
            </a:cxn>
            <a:cxn ang="0">
              <a:pos x="15275" y="12002"/>
            </a:cxn>
            <a:cxn ang="0">
              <a:pos x="16384" y="10478"/>
            </a:cxn>
            <a:cxn ang="0">
              <a:pos x="15891" y="9335"/>
            </a:cxn>
            <a:cxn ang="0">
              <a:pos x="16261" y="8383"/>
            </a:cxn>
          </a:cxnLst>
          <a:rect l="0" t="0" r="r" b="b"/>
          <a:pathLst>
            <a:path w="16384" h="16384">
              <a:moveTo>
                <a:pt x="16261" y="8383"/>
              </a:moveTo>
              <a:lnTo>
                <a:pt x="15398" y="7430"/>
              </a:lnTo>
              <a:lnTo>
                <a:pt x="14290" y="6096"/>
              </a:lnTo>
              <a:lnTo>
                <a:pt x="13058" y="4953"/>
              </a:lnTo>
              <a:lnTo>
                <a:pt x="12072" y="4191"/>
              </a:lnTo>
              <a:lnTo>
                <a:pt x="11826" y="4572"/>
              </a:lnTo>
              <a:lnTo>
                <a:pt x="11456" y="4572"/>
              </a:lnTo>
              <a:lnTo>
                <a:pt x="11087" y="4953"/>
              </a:lnTo>
              <a:lnTo>
                <a:pt x="10594" y="5334"/>
              </a:lnTo>
              <a:lnTo>
                <a:pt x="10225" y="4763"/>
              </a:lnTo>
              <a:lnTo>
                <a:pt x="9978" y="4191"/>
              </a:lnTo>
              <a:lnTo>
                <a:pt x="9609" y="3620"/>
              </a:lnTo>
              <a:lnTo>
                <a:pt x="9362" y="3620"/>
              </a:lnTo>
              <a:lnTo>
                <a:pt x="8993" y="2667"/>
              </a:lnTo>
              <a:lnTo>
                <a:pt x="8746" y="2477"/>
              </a:lnTo>
              <a:lnTo>
                <a:pt x="8500" y="1524"/>
              </a:lnTo>
              <a:lnTo>
                <a:pt x="8130" y="1143"/>
              </a:lnTo>
              <a:lnTo>
                <a:pt x="7638" y="572"/>
              </a:lnTo>
              <a:lnTo>
                <a:pt x="7391" y="191"/>
              </a:lnTo>
              <a:lnTo>
                <a:pt x="7022" y="381"/>
              </a:lnTo>
              <a:lnTo>
                <a:pt x="6652" y="0"/>
              </a:lnTo>
              <a:lnTo>
                <a:pt x="5913" y="381"/>
              </a:lnTo>
              <a:lnTo>
                <a:pt x="5913" y="953"/>
              </a:lnTo>
              <a:lnTo>
                <a:pt x="5420" y="1334"/>
              </a:lnTo>
              <a:lnTo>
                <a:pt x="5051" y="1715"/>
              </a:lnTo>
              <a:lnTo>
                <a:pt x="5051" y="2667"/>
              </a:lnTo>
              <a:lnTo>
                <a:pt x="5051" y="3239"/>
              </a:lnTo>
              <a:lnTo>
                <a:pt x="4681" y="3048"/>
              </a:lnTo>
              <a:lnTo>
                <a:pt x="4435" y="2667"/>
              </a:lnTo>
              <a:lnTo>
                <a:pt x="3696" y="2477"/>
              </a:lnTo>
              <a:lnTo>
                <a:pt x="3572" y="2096"/>
              </a:lnTo>
              <a:lnTo>
                <a:pt x="3203" y="2096"/>
              </a:lnTo>
              <a:lnTo>
                <a:pt x="2957" y="1715"/>
              </a:lnTo>
              <a:lnTo>
                <a:pt x="2464" y="2096"/>
              </a:lnTo>
              <a:lnTo>
                <a:pt x="1848" y="2286"/>
              </a:lnTo>
              <a:lnTo>
                <a:pt x="1355" y="2286"/>
              </a:lnTo>
              <a:lnTo>
                <a:pt x="862" y="2858"/>
              </a:lnTo>
              <a:lnTo>
                <a:pt x="493" y="3239"/>
              </a:lnTo>
              <a:lnTo>
                <a:pt x="370" y="3810"/>
              </a:lnTo>
              <a:lnTo>
                <a:pt x="493" y="4763"/>
              </a:lnTo>
              <a:lnTo>
                <a:pt x="246" y="5144"/>
              </a:lnTo>
              <a:lnTo>
                <a:pt x="0" y="6287"/>
              </a:lnTo>
              <a:lnTo>
                <a:pt x="123" y="7811"/>
              </a:lnTo>
              <a:lnTo>
                <a:pt x="370" y="8192"/>
              </a:lnTo>
              <a:lnTo>
                <a:pt x="862" y="8764"/>
              </a:lnTo>
              <a:lnTo>
                <a:pt x="986" y="9335"/>
              </a:lnTo>
              <a:lnTo>
                <a:pt x="1355" y="9526"/>
              </a:lnTo>
              <a:lnTo>
                <a:pt x="1601" y="10288"/>
              </a:lnTo>
              <a:lnTo>
                <a:pt x="2341" y="10669"/>
              </a:lnTo>
              <a:lnTo>
                <a:pt x="2710" y="12002"/>
              </a:lnTo>
              <a:lnTo>
                <a:pt x="2957" y="12955"/>
              </a:lnTo>
              <a:lnTo>
                <a:pt x="3449" y="13526"/>
              </a:lnTo>
              <a:lnTo>
                <a:pt x="3819" y="14098"/>
              </a:lnTo>
              <a:lnTo>
                <a:pt x="4558" y="14098"/>
              </a:lnTo>
              <a:lnTo>
                <a:pt x="4435" y="13526"/>
              </a:lnTo>
              <a:lnTo>
                <a:pt x="4558" y="12574"/>
              </a:lnTo>
              <a:lnTo>
                <a:pt x="4928" y="12193"/>
              </a:lnTo>
              <a:lnTo>
                <a:pt x="5420" y="12383"/>
              </a:lnTo>
              <a:lnTo>
                <a:pt x="6529" y="11812"/>
              </a:lnTo>
              <a:lnTo>
                <a:pt x="7268" y="10288"/>
              </a:lnTo>
              <a:lnTo>
                <a:pt x="7884" y="10288"/>
              </a:lnTo>
              <a:lnTo>
                <a:pt x="8130" y="9907"/>
              </a:lnTo>
              <a:lnTo>
                <a:pt x="8623" y="10288"/>
              </a:lnTo>
              <a:lnTo>
                <a:pt x="9239" y="9526"/>
              </a:lnTo>
              <a:lnTo>
                <a:pt x="9978" y="10097"/>
              </a:lnTo>
              <a:lnTo>
                <a:pt x="9855" y="11240"/>
              </a:lnTo>
              <a:lnTo>
                <a:pt x="10348" y="12193"/>
              </a:lnTo>
              <a:lnTo>
                <a:pt x="10348" y="13717"/>
              </a:lnTo>
              <a:lnTo>
                <a:pt x="11087" y="13526"/>
              </a:lnTo>
              <a:lnTo>
                <a:pt x="11456" y="14098"/>
              </a:lnTo>
              <a:lnTo>
                <a:pt x="12319" y="14098"/>
              </a:lnTo>
              <a:lnTo>
                <a:pt x="13427" y="14669"/>
              </a:lnTo>
              <a:lnTo>
                <a:pt x="14043" y="15812"/>
              </a:lnTo>
              <a:lnTo>
                <a:pt x="14536" y="16384"/>
              </a:lnTo>
              <a:lnTo>
                <a:pt x="14783" y="16193"/>
              </a:lnTo>
              <a:lnTo>
                <a:pt x="15029" y="15812"/>
              </a:lnTo>
              <a:lnTo>
                <a:pt x="14906" y="14669"/>
              </a:lnTo>
              <a:lnTo>
                <a:pt x="15152" y="14288"/>
              </a:lnTo>
              <a:lnTo>
                <a:pt x="15029" y="13907"/>
              </a:lnTo>
              <a:lnTo>
                <a:pt x="15275" y="13717"/>
              </a:lnTo>
              <a:lnTo>
                <a:pt x="15152" y="13336"/>
              </a:lnTo>
              <a:lnTo>
                <a:pt x="15398" y="13145"/>
              </a:lnTo>
              <a:lnTo>
                <a:pt x="15522" y="12764"/>
              </a:lnTo>
              <a:lnTo>
                <a:pt x="15275" y="12002"/>
              </a:lnTo>
              <a:lnTo>
                <a:pt x="15152" y="11050"/>
              </a:lnTo>
              <a:lnTo>
                <a:pt x="16384" y="10478"/>
              </a:lnTo>
              <a:lnTo>
                <a:pt x="16384" y="9335"/>
              </a:lnTo>
              <a:lnTo>
                <a:pt x="15891" y="9335"/>
              </a:lnTo>
              <a:lnTo>
                <a:pt x="15891" y="8954"/>
              </a:lnTo>
              <a:lnTo>
                <a:pt x="16261" y="8383"/>
              </a:lnTo>
              <a:close/>
            </a:path>
          </a:pathLst>
        </a:custGeom>
        <a:solidFill>
          <a:srgbClr val="FF0000"/>
        </a:solidFill>
        <a:ln w="9525" cap="flat">
          <a:solidFill>
            <a:srgbClr val="000000"/>
          </a:solidFill>
          <a:prstDash val="solid"/>
          <a:round/>
          <a:headEnd/>
          <a:tailEnd/>
        </a:ln>
      </xdr:spPr>
    </xdr:sp>
    <xdr:clientData/>
  </xdr:twoCellAnchor>
  <xdr:twoCellAnchor editAs="oneCell">
    <xdr:from>
      <xdr:col>5</xdr:col>
      <xdr:colOff>295275</xdr:colOff>
      <xdr:row>12</xdr:row>
      <xdr:rowOff>133350</xdr:rowOff>
    </xdr:from>
    <xdr:to>
      <xdr:col>8</xdr:col>
      <xdr:colOff>9525</xdr:colOff>
      <xdr:row>21</xdr:row>
      <xdr:rowOff>95249</xdr:rowOff>
    </xdr:to>
    <xdr:sp macro="" textlink="">
      <xdr:nvSpPr>
        <xdr:cNvPr id="327" name="d14402">
          <a:extLst>
            <a:ext uri="{FF2B5EF4-FFF2-40B4-BE49-F238E27FC236}">
              <a16:creationId xmlns:a16="http://schemas.microsoft.com/office/drawing/2014/main" id="{00000000-0008-0000-0000-000047010000}"/>
            </a:ext>
          </a:extLst>
        </xdr:cNvPr>
        <xdr:cNvSpPr>
          <a:spLocks/>
        </xdr:cNvSpPr>
      </xdr:nvSpPr>
      <xdr:spPr bwMode="auto">
        <a:xfrm>
          <a:off x="3343275" y="1962150"/>
          <a:ext cx="1543050" cy="1333499"/>
        </a:xfrm>
        <a:custGeom>
          <a:avLst/>
          <a:gdLst/>
          <a:ahLst/>
          <a:cxnLst>
            <a:cxn ang="0">
              <a:pos x="0" y="12054"/>
            </a:cxn>
            <a:cxn ang="0">
              <a:pos x="303" y="12639"/>
            </a:cxn>
            <a:cxn ang="0">
              <a:pos x="101" y="14043"/>
            </a:cxn>
            <a:cxn ang="0">
              <a:pos x="0" y="14980"/>
            </a:cxn>
            <a:cxn ang="0">
              <a:pos x="809" y="15097"/>
            </a:cxn>
            <a:cxn ang="0">
              <a:pos x="2023" y="16267"/>
            </a:cxn>
            <a:cxn ang="0">
              <a:pos x="2528" y="15916"/>
            </a:cxn>
            <a:cxn ang="0">
              <a:pos x="3944" y="15565"/>
            </a:cxn>
            <a:cxn ang="0">
              <a:pos x="4551" y="14980"/>
            </a:cxn>
            <a:cxn ang="0">
              <a:pos x="5158" y="14043"/>
            </a:cxn>
            <a:cxn ang="0">
              <a:pos x="5664" y="14043"/>
            </a:cxn>
            <a:cxn ang="0">
              <a:pos x="6473" y="13926"/>
            </a:cxn>
            <a:cxn ang="0">
              <a:pos x="8091" y="14746"/>
            </a:cxn>
            <a:cxn ang="0">
              <a:pos x="8394" y="15097"/>
            </a:cxn>
            <a:cxn ang="0">
              <a:pos x="9102" y="14395"/>
            </a:cxn>
            <a:cxn ang="0">
              <a:pos x="9608" y="14043"/>
            </a:cxn>
            <a:cxn ang="0">
              <a:pos x="10720" y="14043"/>
            </a:cxn>
            <a:cxn ang="0">
              <a:pos x="11732" y="13692"/>
            </a:cxn>
            <a:cxn ang="0">
              <a:pos x="12339" y="13692"/>
            </a:cxn>
            <a:cxn ang="0">
              <a:pos x="13350" y="13809"/>
            </a:cxn>
            <a:cxn ang="0">
              <a:pos x="14462" y="13575"/>
            </a:cxn>
            <a:cxn ang="0">
              <a:pos x="15474" y="13458"/>
            </a:cxn>
            <a:cxn ang="0">
              <a:pos x="15878" y="13692"/>
            </a:cxn>
            <a:cxn ang="0">
              <a:pos x="16081" y="12522"/>
            </a:cxn>
            <a:cxn ang="0">
              <a:pos x="16384" y="11820"/>
            </a:cxn>
            <a:cxn ang="0">
              <a:pos x="16283" y="10767"/>
            </a:cxn>
            <a:cxn ang="0">
              <a:pos x="15575" y="10416"/>
            </a:cxn>
            <a:cxn ang="0">
              <a:pos x="15272" y="9713"/>
            </a:cxn>
            <a:cxn ang="0">
              <a:pos x="14766" y="9128"/>
            </a:cxn>
            <a:cxn ang="0">
              <a:pos x="14462" y="8426"/>
            </a:cxn>
            <a:cxn ang="0">
              <a:pos x="14058" y="7256"/>
            </a:cxn>
            <a:cxn ang="0">
              <a:pos x="13754" y="6320"/>
            </a:cxn>
            <a:cxn ang="0">
              <a:pos x="12844" y="5968"/>
            </a:cxn>
            <a:cxn ang="0">
              <a:pos x="12237" y="5032"/>
            </a:cxn>
            <a:cxn ang="0">
              <a:pos x="11327" y="3979"/>
            </a:cxn>
            <a:cxn ang="0">
              <a:pos x="10822" y="3394"/>
            </a:cxn>
            <a:cxn ang="0">
              <a:pos x="10316" y="2692"/>
            </a:cxn>
            <a:cxn ang="0">
              <a:pos x="10012" y="1521"/>
            </a:cxn>
            <a:cxn ang="0">
              <a:pos x="10417" y="585"/>
            </a:cxn>
            <a:cxn ang="0">
              <a:pos x="9507" y="585"/>
            </a:cxn>
            <a:cxn ang="0">
              <a:pos x="9203" y="1170"/>
            </a:cxn>
            <a:cxn ang="0">
              <a:pos x="8597" y="1638"/>
            </a:cxn>
            <a:cxn ang="0">
              <a:pos x="7889" y="819"/>
            </a:cxn>
            <a:cxn ang="0">
              <a:pos x="7484" y="1053"/>
            </a:cxn>
            <a:cxn ang="0">
              <a:pos x="6978" y="1755"/>
            </a:cxn>
            <a:cxn ang="0">
              <a:pos x="7282" y="2458"/>
            </a:cxn>
            <a:cxn ang="0">
              <a:pos x="6574" y="3511"/>
            </a:cxn>
            <a:cxn ang="0">
              <a:pos x="5866" y="4213"/>
            </a:cxn>
            <a:cxn ang="0">
              <a:pos x="5360" y="4798"/>
            </a:cxn>
            <a:cxn ang="0">
              <a:pos x="4551" y="5734"/>
            </a:cxn>
            <a:cxn ang="0">
              <a:pos x="3641" y="6203"/>
            </a:cxn>
            <a:cxn ang="0">
              <a:pos x="2832" y="7139"/>
            </a:cxn>
            <a:cxn ang="0">
              <a:pos x="1214" y="9362"/>
            </a:cxn>
            <a:cxn ang="0">
              <a:pos x="303" y="10533"/>
            </a:cxn>
            <a:cxn ang="0">
              <a:pos x="0" y="11469"/>
            </a:cxn>
          </a:cxnLst>
          <a:rect l="0" t="0" r="r" b="b"/>
          <a:pathLst>
            <a:path w="16384" h="16384">
              <a:moveTo>
                <a:pt x="0" y="11469"/>
              </a:moveTo>
              <a:lnTo>
                <a:pt x="0" y="12054"/>
              </a:lnTo>
              <a:lnTo>
                <a:pt x="101" y="12405"/>
              </a:lnTo>
              <a:lnTo>
                <a:pt x="303" y="12639"/>
              </a:lnTo>
              <a:lnTo>
                <a:pt x="303" y="13575"/>
              </a:lnTo>
              <a:lnTo>
                <a:pt x="101" y="14043"/>
              </a:lnTo>
              <a:lnTo>
                <a:pt x="202" y="14512"/>
              </a:lnTo>
              <a:lnTo>
                <a:pt x="0" y="14980"/>
              </a:lnTo>
              <a:lnTo>
                <a:pt x="202" y="14863"/>
              </a:lnTo>
              <a:lnTo>
                <a:pt x="809" y="15097"/>
              </a:lnTo>
              <a:lnTo>
                <a:pt x="1416" y="15331"/>
              </a:lnTo>
              <a:lnTo>
                <a:pt x="2023" y="16267"/>
              </a:lnTo>
              <a:lnTo>
                <a:pt x="2326" y="16384"/>
              </a:lnTo>
              <a:lnTo>
                <a:pt x="2528" y="15916"/>
              </a:lnTo>
              <a:lnTo>
                <a:pt x="3135" y="15799"/>
              </a:lnTo>
              <a:lnTo>
                <a:pt x="3944" y="15565"/>
              </a:lnTo>
              <a:lnTo>
                <a:pt x="4147" y="15565"/>
              </a:lnTo>
              <a:lnTo>
                <a:pt x="4551" y="14980"/>
              </a:lnTo>
              <a:lnTo>
                <a:pt x="4956" y="14863"/>
              </a:lnTo>
              <a:lnTo>
                <a:pt x="5158" y="14043"/>
              </a:lnTo>
              <a:lnTo>
                <a:pt x="5461" y="14277"/>
              </a:lnTo>
              <a:lnTo>
                <a:pt x="5664" y="14043"/>
              </a:lnTo>
              <a:lnTo>
                <a:pt x="6372" y="13809"/>
              </a:lnTo>
              <a:lnTo>
                <a:pt x="6473" y="13926"/>
              </a:lnTo>
              <a:lnTo>
                <a:pt x="7181" y="14160"/>
              </a:lnTo>
              <a:lnTo>
                <a:pt x="8091" y="14746"/>
              </a:lnTo>
              <a:lnTo>
                <a:pt x="7889" y="15331"/>
              </a:lnTo>
              <a:lnTo>
                <a:pt x="8394" y="15097"/>
              </a:lnTo>
              <a:lnTo>
                <a:pt x="9102" y="14746"/>
              </a:lnTo>
              <a:lnTo>
                <a:pt x="9102" y="14395"/>
              </a:lnTo>
              <a:lnTo>
                <a:pt x="9304" y="14043"/>
              </a:lnTo>
              <a:lnTo>
                <a:pt x="9608" y="14043"/>
              </a:lnTo>
              <a:lnTo>
                <a:pt x="10114" y="13575"/>
              </a:lnTo>
              <a:lnTo>
                <a:pt x="10720" y="14043"/>
              </a:lnTo>
              <a:lnTo>
                <a:pt x="11327" y="14043"/>
              </a:lnTo>
              <a:lnTo>
                <a:pt x="11732" y="13692"/>
              </a:lnTo>
              <a:lnTo>
                <a:pt x="12035" y="13926"/>
              </a:lnTo>
              <a:lnTo>
                <a:pt x="12339" y="13692"/>
              </a:lnTo>
              <a:lnTo>
                <a:pt x="12844" y="13575"/>
              </a:lnTo>
              <a:lnTo>
                <a:pt x="13350" y="13809"/>
              </a:lnTo>
              <a:lnTo>
                <a:pt x="13856" y="13575"/>
              </a:lnTo>
              <a:lnTo>
                <a:pt x="14462" y="13575"/>
              </a:lnTo>
              <a:lnTo>
                <a:pt x="14867" y="13809"/>
              </a:lnTo>
              <a:lnTo>
                <a:pt x="15474" y="13458"/>
              </a:lnTo>
              <a:lnTo>
                <a:pt x="15575" y="13692"/>
              </a:lnTo>
              <a:lnTo>
                <a:pt x="15878" y="13692"/>
              </a:lnTo>
              <a:lnTo>
                <a:pt x="16081" y="13224"/>
              </a:lnTo>
              <a:lnTo>
                <a:pt x="16081" y="12522"/>
              </a:lnTo>
              <a:lnTo>
                <a:pt x="16384" y="12171"/>
              </a:lnTo>
              <a:lnTo>
                <a:pt x="16384" y="11820"/>
              </a:lnTo>
              <a:lnTo>
                <a:pt x="16384" y="11352"/>
              </a:lnTo>
              <a:lnTo>
                <a:pt x="16283" y="10767"/>
              </a:lnTo>
              <a:lnTo>
                <a:pt x="15979" y="10533"/>
              </a:lnTo>
              <a:lnTo>
                <a:pt x="15575" y="10416"/>
              </a:lnTo>
              <a:lnTo>
                <a:pt x="15373" y="10181"/>
              </a:lnTo>
              <a:lnTo>
                <a:pt x="15272" y="9713"/>
              </a:lnTo>
              <a:lnTo>
                <a:pt x="15170" y="9128"/>
              </a:lnTo>
              <a:lnTo>
                <a:pt x="14766" y="9128"/>
              </a:lnTo>
              <a:lnTo>
                <a:pt x="14564" y="8777"/>
              </a:lnTo>
              <a:lnTo>
                <a:pt x="14462" y="8426"/>
              </a:lnTo>
              <a:lnTo>
                <a:pt x="14462" y="7724"/>
              </a:lnTo>
              <a:lnTo>
                <a:pt x="14058" y="7256"/>
              </a:lnTo>
              <a:lnTo>
                <a:pt x="13957" y="6788"/>
              </a:lnTo>
              <a:lnTo>
                <a:pt x="13754" y="6320"/>
              </a:lnTo>
              <a:lnTo>
                <a:pt x="13148" y="6320"/>
              </a:lnTo>
              <a:lnTo>
                <a:pt x="12844" y="5968"/>
              </a:lnTo>
              <a:lnTo>
                <a:pt x="12440" y="5617"/>
              </a:lnTo>
              <a:lnTo>
                <a:pt x="12237" y="5032"/>
              </a:lnTo>
              <a:lnTo>
                <a:pt x="11934" y="4213"/>
              </a:lnTo>
              <a:lnTo>
                <a:pt x="11327" y="3979"/>
              </a:lnTo>
              <a:lnTo>
                <a:pt x="11125" y="3511"/>
              </a:lnTo>
              <a:lnTo>
                <a:pt x="10822" y="3394"/>
              </a:lnTo>
              <a:lnTo>
                <a:pt x="10720" y="3043"/>
              </a:lnTo>
              <a:lnTo>
                <a:pt x="10316" y="2692"/>
              </a:lnTo>
              <a:lnTo>
                <a:pt x="10114" y="2458"/>
              </a:lnTo>
              <a:lnTo>
                <a:pt x="10012" y="1521"/>
              </a:lnTo>
              <a:lnTo>
                <a:pt x="10215" y="819"/>
              </a:lnTo>
              <a:lnTo>
                <a:pt x="10417" y="585"/>
              </a:lnTo>
              <a:lnTo>
                <a:pt x="10316" y="0"/>
              </a:lnTo>
              <a:lnTo>
                <a:pt x="9507" y="585"/>
              </a:lnTo>
              <a:lnTo>
                <a:pt x="9507" y="1170"/>
              </a:lnTo>
              <a:lnTo>
                <a:pt x="9203" y="1170"/>
              </a:lnTo>
              <a:lnTo>
                <a:pt x="9203" y="1638"/>
              </a:lnTo>
              <a:lnTo>
                <a:pt x="8597" y="1638"/>
              </a:lnTo>
              <a:lnTo>
                <a:pt x="8495" y="1872"/>
              </a:lnTo>
              <a:lnTo>
                <a:pt x="7889" y="819"/>
              </a:lnTo>
              <a:lnTo>
                <a:pt x="7787" y="702"/>
              </a:lnTo>
              <a:lnTo>
                <a:pt x="7484" y="1053"/>
              </a:lnTo>
              <a:lnTo>
                <a:pt x="6978" y="1521"/>
              </a:lnTo>
              <a:lnTo>
                <a:pt x="6978" y="1755"/>
              </a:lnTo>
              <a:lnTo>
                <a:pt x="7282" y="2107"/>
              </a:lnTo>
              <a:lnTo>
                <a:pt x="7282" y="2458"/>
              </a:lnTo>
              <a:lnTo>
                <a:pt x="6978" y="2575"/>
              </a:lnTo>
              <a:lnTo>
                <a:pt x="6574" y="3511"/>
              </a:lnTo>
              <a:lnTo>
                <a:pt x="6169" y="3862"/>
              </a:lnTo>
              <a:lnTo>
                <a:pt x="5866" y="4213"/>
              </a:lnTo>
              <a:lnTo>
                <a:pt x="5562" y="4681"/>
              </a:lnTo>
              <a:lnTo>
                <a:pt x="5360" y="4798"/>
              </a:lnTo>
              <a:lnTo>
                <a:pt x="4956" y="5149"/>
              </a:lnTo>
              <a:lnTo>
                <a:pt x="4551" y="5734"/>
              </a:lnTo>
              <a:lnTo>
                <a:pt x="4147" y="6085"/>
              </a:lnTo>
              <a:lnTo>
                <a:pt x="3641" y="6203"/>
              </a:lnTo>
              <a:lnTo>
                <a:pt x="3135" y="6671"/>
              </a:lnTo>
              <a:lnTo>
                <a:pt x="2832" y="7139"/>
              </a:lnTo>
              <a:lnTo>
                <a:pt x="2023" y="8192"/>
              </a:lnTo>
              <a:lnTo>
                <a:pt x="1214" y="9362"/>
              </a:lnTo>
              <a:lnTo>
                <a:pt x="607" y="10064"/>
              </a:lnTo>
              <a:lnTo>
                <a:pt x="303" y="10533"/>
              </a:lnTo>
              <a:lnTo>
                <a:pt x="202" y="11118"/>
              </a:lnTo>
              <a:lnTo>
                <a:pt x="0" y="11469"/>
              </a:lnTo>
              <a:close/>
            </a:path>
          </a:pathLst>
        </a:custGeom>
        <a:solidFill>
          <a:srgbClr val="FF0000"/>
        </a:solidFill>
        <a:ln w="9525" cap="flat">
          <a:solidFill>
            <a:srgbClr val="000000"/>
          </a:solidFill>
          <a:prstDash val="solid"/>
          <a:round/>
          <a:headEnd/>
          <a:tailEnd/>
        </a:ln>
      </xdr:spPr>
    </xdr:sp>
    <xdr:clientData/>
  </xdr:twoCellAnchor>
  <xdr:twoCellAnchor editAs="oneCell">
    <xdr:from>
      <xdr:col>15</xdr:col>
      <xdr:colOff>28575</xdr:colOff>
      <xdr:row>19</xdr:row>
      <xdr:rowOff>95250</xdr:rowOff>
    </xdr:from>
    <xdr:to>
      <xdr:col>15</xdr:col>
      <xdr:colOff>228600</xdr:colOff>
      <xdr:row>20</xdr:row>
      <xdr:rowOff>85725</xdr:rowOff>
    </xdr:to>
    <xdr:sp macro="" textlink="">
      <xdr:nvSpPr>
        <xdr:cNvPr id="328" name="d14101_1">
          <a:extLst>
            <a:ext uri="{FF2B5EF4-FFF2-40B4-BE49-F238E27FC236}">
              <a16:creationId xmlns:a16="http://schemas.microsoft.com/office/drawing/2014/main" id="{00000000-0008-0000-0000-000048010000}"/>
            </a:ext>
          </a:extLst>
        </xdr:cNvPr>
        <xdr:cNvSpPr>
          <a:spLocks/>
        </xdr:cNvSpPr>
      </xdr:nvSpPr>
      <xdr:spPr bwMode="auto">
        <a:xfrm>
          <a:off x="9172575" y="2990850"/>
          <a:ext cx="200025" cy="142875"/>
        </a:xfrm>
        <a:custGeom>
          <a:avLst/>
          <a:gdLst/>
          <a:ahLst/>
          <a:cxnLst>
            <a:cxn ang="0">
              <a:pos x="0" y="6554"/>
            </a:cxn>
            <a:cxn ang="0">
              <a:pos x="1560" y="16384"/>
            </a:cxn>
            <a:cxn ang="0">
              <a:pos x="8582" y="14199"/>
            </a:cxn>
            <a:cxn ang="0">
              <a:pos x="7802" y="12015"/>
            </a:cxn>
            <a:cxn ang="0">
              <a:pos x="16384" y="7646"/>
            </a:cxn>
            <a:cxn ang="0">
              <a:pos x="13263" y="0"/>
            </a:cxn>
            <a:cxn ang="0">
              <a:pos x="0" y="6554"/>
            </a:cxn>
          </a:cxnLst>
          <a:rect l="0" t="0" r="r" b="b"/>
          <a:pathLst>
            <a:path w="16384" h="16384">
              <a:moveTo>
                <a:pt x="0" y="6554"/>
              </a:moveTo>
              <a:lnTo>
                <a:pt x="1560" y="16384"/>
              </a:lnTo>
              <a:lnTo>
                <a:pt x="8582" y="14199"/>
              </a:lnTo>
              <a:lnTo>
                <a:pt x="7802" y="12015"/>
              </a:lnTo>
              <a:lnTo>
                <a:pt x="16384" y="7646"/>
              </a:lnTo>
              <a:lnTo>
                <a:pt x="13263" y="0"/>
              </a:lnTo>
              <a:lnTo>
                <a:pt x="0" y="6554"/>
              </a:lnTo>
              <a:close/>
            </a:path>
          </a:pathLst>
        </a:custGeom>
        <a:solidFill>
          <a:schemeClr val="accent4">
            <a:lumMod val="20000"/>
            <a:lumOff val="80000"/>
          </a:schemeClr>
        </a:solidFill>
        <a:ln w="9525" cap="flat">
          <a:solidFill>
            <a:srgbClr val="000000"/>
          </a:solidFill>
          <a:prstDash val="solid"/>
          <a:round/>
          <a:headEnd/>
          <a:tailEnd/>
        </a:ln>
      </xdr:spPr>
    </xdr:sp>
    <xdr:clientData/>
  </xdr:twoCellAnchor>
  <xdr:twoCellAnchor editAs="oneCell">
    <xdr:from>
      <xdr:col>15</xdr:col>
      <xdr:colOff>504825</xdr:colOff>
      <xdr:row>17</xdr:row>
      <xdr:rowOff>57150</xdr:rowOff>
    </xdr:from>
    <xdr:to>
      <xdr:col>16</xdr:col>
      <xdr:colOff>180975</xdr:colOff>
      <xdr:row>18</xdr:row>
      <xdr:rowOff>142875</xdr:rowOff>
    </xdr:to>
    <xdr:sp macro="" textlink="">
      <xdr:nvSpPr>
        <xdr:cNvPr id="329" name="d14131_1">
          <a:extLst>
            <a:ext uri="{FF2B5EF4-FFF2-40B4-BE49-F238E27FC236}">
              <a16:creationId xmlns:a16="http://schemas.microsoft.com/office/drawing/2014/main" id="{00000000-0008-0000-0000-000049010000}"/>
            </a:ext>
          </a:extLst>
        </xdr:cNvPr>
        <xdr:cNvSpPr>
          <a:spLocks/>
        </xdr:cNvSpPr>
      </xdr:nvSpPr>
      <xdr:spPr bwMode="auto">
        <a:xfrm>
          <a:off x="9648825" y="2647950"/>
          <a:ext cx="285750" cy="238125"/>
        </a:xfrm>
        <a:custGeom>
          <a:avLst/>
          <a:gdLst/>
          <a:ahLst/>
          <a:cxnLst>
            <a:cxn ang="0">
              <a:pos x="0" y="7864"/>
            </a:cxn>
            <a:cxn ang="0">
              <a:pos x="4369" y="16384"/>
            </a:cxn>
            <a:cxn ang="0">
              <a:pos x="16384" y="8520"/>
            </a:cxn>
            <a:cxn ang="0">
              <a:pos x="12561" y="0"/>
            </a:cxn>
            <a:cxn ang="0">
              <a:pos x="0" y="7864"/>
            </a:cxn>
          </a:cxnLst>
          <a:rect l="0" t="0" r="r" b="b"/>
          <a:pathLst>
            <a:path w="16384" h="16384">
              <a:moveTo>
                <a:pt x="0" y="7864"/>
              </a:moveTo>
              <a:lnTo>
                <a:pt x="4369" y="16384"/>
              </a:lnTo>
              <a:lnTo>
                <a:pt x="16384" y="8520"/>
              </a:lnTo>
              <a:lnTo>
                <a:pt x="12561" y="0"/>
              </a:lnTo>
              <a:lnTo>
                <a:pt x="0" y="7864"/>
              </a:lnTo>
              <a:close/>
            </a:path>
          </a:pathLst>
        </a:custGeom>
        <a:solidFill>
          <a:schemeClr val="tx2">
            <a:lumMod val="60000"/>
            <a:lumOff val="40000"/>
          </a:schemeClr>
        </a:solidFill>
        <a:ln w="9525" cap="flat">
          <a:solidFill>
            <a:srgbClr val="000000"/>
          </a:solidFill>
          <a:prstDash val="solid"/>
          <a:round/>
          <a:headEnd/>
          <a:tailEnd/>
        </a:ln>
      </xdr:spPr>
    </xdr:sp>
    <xdr:clientData/>
  </xdr:twoCellAnchor>
  <xdr:twoCellAnchor editAs="oneCell">
    <xdr:from>
      <xdr:col>11</xdr:col>
      <xdr:colOff>180975</xdr:colOff>
      <xdr:row>9</xdr:row>
      <xdr:rowOff>28575</xdr:rowOff>
    </xdr:from>
    <xdr:to>
      <xdr:col>11</xdr:col>
      <xdr:colOff>371475</xdr:colOff>
      <xdr:row>10</xdr:row>
      <xdr:rowOff>66675</xdr:rowOff>
    </xdr:to>
    <xdr:sp macro="" textlink="">
      <xdr:nvSpPr>
        <xdr:cNvPr id="330" name="d14137_1">
          <a:extLst>
            <a:ext uri="{FF2B5EF4-FFF2-40B4-BE49-F238E27FC236}">
              <a16:creationId xmlns:a16="http://schemas.microsoft.com/office/drawing/2014/main" id="{00000000-0008-0000-0000-00004A010000}"/>
            </a:ext>
          </a:extLst>
        </xdr:cNvPr>
        <xdr:cNvSpPr>
          <a:spLocks/>
        </xdr:cNvSpPr>
      </xdr:nvSpPr>
      <xdr:spPr bwMode="auto">
        <a:xfrm>
          <a:off x="6886575" y="1400175"/>
          <a:ext cx="190500" cy="190500"/>
        </a:xfrm>
        <a:custGeom>
          <a:avLst/>
          <a:gdLst/>
          <a:ahLst/>
          <a:cxnLst>
            <a:cxn ang="0">
              <a:pos x="0" y="14746"/>
            </a:cxn>
            <a:cxn ang="0">
              <a:pos x="11469" y="16384"/>
            </a:cxn>
            <a:cxn ang="0">
              <a:pos x="13107" y="8192"/>
            </a:cxn>
            <a:cxn ang="0">
              <a:pos x="16384" y="2458"/>
            </a:cxn>
            <a:cxn ang="0">
              <a:pos x="13926" y="0"/>
            </a:cxn>
            <a:cxn ang="0">
              <a:pos x="5734" y="3277"/>
            </a:cxn>
            <a:cxn ang="0">
              <a:pos x="3277" y="4096"/>
            </a:cxn>
            <a:cxn ang="0">
              <a:pos x="3277" y="6554"/>
            </a:cxn>
            <a:cxn ang="0">
              <a:pos x="0" y="14746"/>
            </a:cxn>
          </a:cxnLst>
          <a:rect l="0" t="0" r="r" b="b"/>
          <a:pathLst>
            <a:path w="16384" h="16384">
              <a:moveTo>
                <a:pt x="0" y="14746"/>
              </a:moveTo>
              <a:lnTo>
                <a:pt x="11469" y="16384"/>
              </a:lnTo>
              <a:lnTo>
                <a:pt x="13107" y="8192"/>
              </a:lnTo>
              <a:lnTo>
                <a:pt x="16384" y="2458"/>
              </a:lnTo>
              <a:lnTo>
                <a:pt x="13926" y="0"/>
              </a:lnTo>
              <a:lnTo>
                <a:pt x="5734" y="3277"/>
              </a:lnTo>
              <a:lnTo>
                <a:pt x="3277" y="4096"/>
              </a:lnTo>
              <a:lnTo>
                <a:pt x="3277" y="6554"/>
              </a:lnTo>
              <a:lnTo>
                <a:pt x="0" y="14746"/>
              </a:lnTo>
              <a:close/>
            </a:path>
          </a:pathLst>
        </a:custGeom>
        <a:solidFill>
          <a:schemeClr val="accent4">
            <a:lumMod val="40000"/>
            <a:lumOff val="60000"/>
          </a:schemeClr>
        </a:solidFill>
        <a:ln w="9525" cap="flat">
          <a:solidFill>
            <a:srgbClr val="000000"/>
          </a:solidFill>
          <a:prstDash val="solid"/>
          <a:round/>
          <a:headEnd/>
          <a:tailEnd/>
        </a:ln>
      </xdr:spPr>
    </xdr:sp>
    <xdr:clientData/>
  </xdr:twoCellAnchor>
  <xdr:twoCellAnchor editAs="oneCell">
    <xdr:from>
      <xdr:col>11</xdr:col>
      <xdr:colOff>180975</xdr:colOff>
      <xdr:row>34</xdr:row>
      <xdr:rowOff>47625</xdr:rowOff>
    </xdr:from>
    <xdr:to>
      <xdr:col>11</xdr:col>
      <xdr:colOff>333375</xdr:colOff>
      <xdr:row>34</xdr:row>
      <xdr:rowOff>123825</xdr:rowOff>
    </xdr:to>
    <xdr:sp macro="" textlink="">
      <xdr:nvSpPr>
        <xdr:cNvPr id="331" name="d14205_1">
          <a:extLst>
            <a:ext uri="{FF2B5EF4-FFF2-40B4-BE49-F238E27FC236}">
              <a16:creationId xmlns:a16="http://schemas.microsoft.com/office/drawing/2014/main" id="{00000000-0008-0000-0000-00004B010000}"/>
            </a:ext>
          </a:extLst>
        </xdr:cNvPr>
        <xdr:cNvSpPr>
          <a:spLocks/>
        </xdr:cNvSpPr>
      </xdr:nvSpPr>
      <xdr:spPr bwMode="auto">
        <a:xfrm>
          <a:off x="6886575" y="5229225"/>
          <a:ext cx="152400" cy="76200"/>
        </a:xfrm>
        <a:custGeom>
          <a:avLst/>
          <a:gdLst/>
          <a:ahLst/>
          <a:cxnLst>
            <a:cxn ang="0">
              <a:pos x="16384" y="12288"/>
            </a:cxn>
            <a:cxn ang="0">
              <a:pos x="12288" y="10240"/>
            </a:cxn>
            <a:cxn ang="0">
              <a:pos x="11264" y="4096"/>
            </a:cxn>
            <a:cxn ang="0">
              <a:pos x="9216" y="0"/>
            </a:cxn>
            <a:cxn ang="0">
              <a:pos x="0" y="12288"/>
            </a:cxn>
            <a:cxn ang="0">
              <a:pos x="1024" y="16384"/>
            </a:cxn>
            <a:cxn ang="0">
              <a:pos x="4096" y="14336"/>
            </a:cxn>
            <a:cxn ang="0">
              <a:pos x="8192" y="16384"/>
            </a:cxn>
            <a:cxn ang="0">
              <a:pos x="16384" y="12288"/>
            </a:cxn>
          </a:cxnLst>
          <a:rect l="0" t="0" r="r" b="b"/>
          <a:pathLst>
            <a:path w="16384" h="16384">
              <a:moveTo>
                <a:pt x="16384" y="12288"/>
              </a:moveTo>
              <a:lnTo>
                <a:pt x="12288" y="10240"/>
              </a:lnTo>
              <a:lnTo>
                <a:pt x="11264" y="4096"/>
              </a:lnTo>
              <a:lnTo>
                <a:pt x="9216" y="0"/>
              </a:lnTo>
              <a:lnTo>
                <a:pt x="0" y="12288"/>
              </a:lnTo>
              <a:lnTo>
                <a:pt x="1024" y="16384"/>
              </a:lnTo>
              <a:lnTo>
                <a:pt x="4096" y="14336"/>
              </a:lnTo>
              <a:lnTo>
                <a:pt x="8192" y="16384"/>
              </a:lnTo>
              <a:lnTo>
                <a:pt x="16384" y="12288"/>
              </a:lnTo>
              <a:close/>
            </a:path>
          </a:pathLst>
        </a:custGeom>
        <a:noFill/>
        <a:ln w="9525" cap="flat">
          <a:solidFill>
            <a:srgbClr val="000000"/>
          </a:solidFill>
          <a:prstDash val="solid"/>
          <a:round/>
          <a:headEnd/>
          <a:tailEnd/>
        </a:ln>
      </xdr:spPr>
    </xdr:sp>
    <xdr:clientData/>
  </xdr:twoCellAnchor>
  <xdr:twoCellAnchor editAs="oneCell">
    <xdr:from>
      <xdr:col>13</xdr:col>
      <xdr:colOff>485775</xdr:colOff>
      <xdr:row>49</xdr:row>
      <xdr:rowOff>76200</xdr:rowOff>
    </xdr:from>
    <xdr:to>
      <xdr:col>14</xdr:col>
      <xdr:colOff>133350</xdr:colOff>
      <xdr:row>50</xdr:row>
      <xdr:rowOff>57151</xdr:rowOff>
    </xdr:to>
    <xdr:sp macro="" textlink="">
      <xdr:nvSpPr>
        <xdr:cNvPr id="332" name="d14210_1">
          <a:extLst>
            <a:ext uri="{FF2B5EF4-FFF2-40B4-BE49-F238E27FC236}">
              <a16:creationId xmlns:a16="http://schemas.microsoft.com/office/drawing/2014/main" id="{00000000-0008-0000-0000-00004C010000}"/>
            </a:ext>
          </a:extLst>
        </xdr:cNvPr>
        <xdr:cNvSpPr>
          <a:spLocks/>
        </xdr:cNvSpPr>
      </xdr:nvSpPr>
      <xdr:spPr bwMode="auto">
        <a:xfrm>
          <a:off x="8410575" y="7543800"/>
          <a:ext cx="257175" cy="133351"/>
        </a:xfrm>
        <a:custGeom>
          <a:avLst/>
          <a:gdLst/>
          <a:ahLst/>
          <a:cxnLst>
            <a:cxn ang="0">
              <a:pos x="13957" y="5851"/>
            </a:cxn>
            <a:cxn ang="0">
              <a:pos x="9102" y="2341"/>
            </a:cxn>
            <a:cxn ang="0">
              <a:pos x="5461" y="2341"/>
            </a:cxn>
            <a:cxn ang="0">
              <a:pos x="3641" y="2341"/>
            </a:cxn>
            <a:cxn ang="0">
              <a:pos x="1214" y="0"/>
            </a:cxn>
            <a:cxn ang="0">
              <a:pos x="1214" y="3511"/>
            </a:cxn>
            <a:cxn ang="0">
              <a:pos x="0" y="4681"/>
            </a:cxn>
            <a:cxn ang="0">
              <a:pos x="607" y="8192"/>
            </a:cxn>
            <a:cxn ang="0">
              <a:pos x="2427" y="9362"/>
            </a:cxn>
            <a:cxn ang="0">
              <a:pos x="4855" y="9362"/>
            </a:cxn>
            <a:cxn ang="0">
              <a:pos x="6675" y="11703"/>
            </a:cxn>
            <a:cxn ang="0">
              <a:pos x="9102" y="9362"/>
            </a:cxn>
            <a:cxn ang="0">
              <a:pos x="12743" y="15214"/>
            </a:cxn>
            <a:cxn ang="0">
              <a:pos x="15170" y="16384"/>
            </a:cxn>
            <a:cxn ang="0">
              <a:pos x="16384" y="14043"/>
            </a:cxn>
            <a:cxn ang="0">
              <a:pos x="13350" y="9362"/>
            </a:cxn>
            <a:cxn ang="0">
              <a:pos x="13957" y="5851"/>
            </a:cxn>
          </a:cxnLst>
          <a:rect l="0" t="0" r="r" b="b"/>
          <a:pathLst>
            <a:path w="16384" h="16384">
              <a:moveTo>
                <a:pt x="13957" y="5851"/>
              </a:moveTo>
              <a:lnTo>
                <a:pt x="9102" y="2341"/>
              </a:lnTo>
              <a:lnTo>
                <a:pt x="5461" y="2341"/>
              </a:lnTo>
              <a:lnTo>
                <a:pt x="3641" y="2341"/>
              </a:lnTo>
              <a:lnTo>
                <a:pt x="1214" y="0"/>
              </a:lnTo>
              <a:lnTo>
                <a:pt x="1214" y="3511"/>
              </a:lnTo>
              <a:lnTo>
                <a:pt x="0" y="4681"/>
              </a:lnTo>
              <a:lnTo>
                <a:pt x="607" y="8192"/>
              </a:lnTo>
              <a:lnTo>
                <a:pt x="2427" y="9362"/>
              </a:lnTo>
              <a:lnTo>
                <a:pt x="4855" y="9362"/>
              </a:lnTo>
              <a:lnTo>
                <a:pt x="6675" y="11703"/>
              </a:lnTo>
              <a:lnTo>
                <a:pt x="9102" y="9362"/>
              </a:lnTo>
              <a:lnTo>
                <a:pt x="12743" y="15214"/>
              </a:lnTo>
              <a:lnTo>
                <a:pt x="15170" y="16384"/>
              </a:lnTo>
              <a:lnTo>
                <a:pt x="16384" y="14043"/>
              </a:lnTo>
              <a:lnTo>
                <a:pt x="13350" y="9362"/>
              </a:lnTo>
              <a:lnTo>
                <a:pt x="13957" y="5851"/>
              </a:lnTo>
              <a:close/>
            </a:path>
          </a:pathLst>
        </a:custGeom>
        <a:solidFill>
          <a:srgbClr val="FF6600"/>
        </a:solidFill>
        <a:ln w="9525" cap="flat">
          <a:solidFill>
            <a:srgbClr val="000000"/>
          </a:solidFill>
          <a:prstDash val="solid"/>
          <a:round/>
          <a:headEnd/>
          <a:tailEnd/>
        </a:ln>
      </xdr:spPr>
    </xdr:sp>
    <xdr:clientData/>
  </xdr:twoCellAnchor>
  <xdr:twoCellAnchor editAs="oneCell">
    <xdr:from>
      <xdr:col>15</xdr:col>
      <xdr:colOff>352425</xdr:colOff>
      <xdr:row>18</xdr:row>
      <xdr:rowOff>19050</xdr:rowOff>
    </xdr:from>
    <xdr:to>
      <xdr:col>15</xdr:col>
      <xdr:colOff>581025</xdr:colOff>
      <xdr:row>19</xdr:row>
      <xdr:rowOff>76200</xdr:rowOff>
    </xdr:to>
    <xdr:sp macro="" textlink="">
      <xdr:nvSpPr>
        <xdr:cNvPr id="333" name="d14101_2">
          <a:extLst>
            <a:ext uri="{FF2B5EF4-FFF2-40B4-BE49-F238E27FC236}">
              <a16:creationId xmlns:a16="http://schemas.microsoft.com/office/drawing/2014/main" id="{00000000-0008-0000-0000-00004D010000}"/>
            </a:ext>
          </a:extLst>
        </xdr:cNvPr>
        <xdr:cNvSpPr>
          <a:spLocks/>
        </xdr:cNvSpPr>
      </xdr:nvSpPr>
      <xdr:spPr bwMode="auto">
        <a:xfrm>
          <a:off x="9496425" y="2762250"/>
          <a:ext cx="228600" cy="209550"/>
        </a:xfrm>
        <a:custGeom>
          <a:avLst/>
          <a:gdLst/>
          <a:ahLst/>
          <a:cxnLst>
            <a:cxn ang="0">
              <a:pos x="10923" y="0"/>
            </a:cxn>
            <a:cxn ang="0">
              <a:pos x="0" y="6703"/>
            </a:cxn>
            <a:cxn ang="0">
              <a:pos x="4779" y="16384"/>
            </a:cxn>
            <a:cxn ang="0">
              <a:pos x="16384" y="9681"/>
            </a:cxn>
            <a:cxn ang="0">
              <a:pos x="10923" y="0"/>
            </a:cxn>
          </a:cxnLst>
          <a:rect l="0" t="0" r="r" b="b"/>
          <a:pathLst>
            <a:path w="16384" h="16384">
              <a:moveTo>
                <a:pt x="10923" y="0"/>
              </a:moveTo>
              <a:lnTo>
                <a:pt x="0" y="6703"/>
              </a:lnTo>
              <a:lnTo>
                <a:pt x="4779" y="16384"/>
              </a:lnTo>
              <a:lnTo>
                <a:pt x="16384" y="9681"/>
              </a:lnTo>
              <a:lnTo>
                <a:pt x="10923" y="0"/>
              </a:lnTo>
              <a:close/>
            </a:path>
          </a:pathLst>
        </a:custGeom>
        <a:solidFill>
          <a:schemeClr val="accent4">
            <a:lumMod val="20000"/>
            <a:lumOff val="80000"/>
          </a:schemeClr>
        </a:solidFill>
        <a:ln w="9525" cap="flat">
          <a:solidFill>
            <a:srgbClr val="000000"/>
          </a:solidFill>
          <a:prstDash val="solid"/>
          <a:round/>
          <a:headEnd/>
          <a:tailEnd/>
        </a:ln>
      </xdr:spPr>
    </xdr:sp>
    <xdr:clientData/>
  </xdr:twoCellAnchor>
  <xdr:twoCellAnchor editAs="oneCell">
    <xdr:from>
      <xdr:col>16</xdr:col>
      <xdr:colOff>161925</xdr:colOff>
      <xdr:row>16</xdr:row>
      <xdr:rowOff>66675</xdr:rowOff>
    </xdr:from>
    <xdr:to>
      <xdr:col>16</xdr:col>
      <xdr:colOff>485775</xdr:colOff>
      <xdr:row>17</xdr:row>
      <xdr:rowOff>133350</xdr:rowOff>
    </xdr:to>
    <xdr:sp macro="" textlink="">
      <xdr:nvSpPr>
        <xdr:cNvPr id="334" name="d14131_2">
          <a:extLst>
            <a:ext uri="{FF2B5EF4-FFF2-40B4-BE49-F238E27FC236}">
              <a16:creationId xmlns:a16="http://schemas.microsoft.com/office/drawing/2014/main" id="{00000000-0008-0000-0000-00004E010000}"/>
            </a:ext>
          </a:extLst>
        </xdr:cNvPr>
        <xdr:cNvSpPr>
          <a:spLocks/>
        </xdr:cNvSpPr>
      </xdr:nvSpPr>
      <xdr:spPr bwMode="auto">
        <a:xfrm>
          <a:off x="9915525" y="2505075"/>
          <a:ext cx="323850" cy="219075"/>
        </a:xfrm>
        <a:custGeom>
          <a:avLst/>
          <a:gdLst/>
          <a:ahLst/>
          <a:cxnLst>
            <a:cxn ang="0">
              <a:pos x="0" y="9973"/>
            </a:cxn>
            <a:cxn ang="0">
              <a:pos x="2409" y="16384"/>
            </a:cxn>
            <a:cxn ang="0">
              <a:pos x="16384" y="4274"/>
            </a:cxn>
            <a:cxn ang="0">
              <a:pos x="15902" y="0"/>
            </a:cxn>
            <a:cxn ang="0">
              <a:pos x="13011" y="0"/>
            </a:cxn>
            <a:cxn ang="0">
              <a:pos x="0" y="9973"/>
            </a:cxn>
          </a:cxnLst>
          <a:rect l="0" t="0" r="r" b="b"/>
          <a:pathLst>
            <a:path w="16384" h="16384">
              <a:moveTo>
                <a:pt x="0" y="9973"/>
              </a:moveTo>
              <a:lnTo>
                <a:pt x="2409" y="16384"/>
              </a:lnTo>
              <a:lnTo>
                <a:pt x="16384" y="4274"/>
              </a:lnTo>
              <a:lnTo>
                <a:pt x="15902" y="0"/>
              </a:lnTo>
              <a:lnTo>
                <a:pt x="13011" y="0"/>
              </a:lnTo>
              <a:lnTo>
                <a:pt x="0" y="9973"/>
              </a:lnTo>
              <a:close/>
            </a:path>
          </a:pathLst>
        </a:custGeom>
        <a:solidFill>
          <a:schemeClr val="accent5">
            <a:lumMod val="75000"/>
          </a:schemeClr>
        </a:solidFill>
        <a:ln w="9525" cap="flat">
          <a:solidFill>
            <a:srgbClr val="000000"/>
          </a:solidFill>
          <a:prstDash val="solid"/>
          <a:round/>
          <a:headEnd/>
          <a:tailEnd/>
        </a:ln>
      </xdr:spPr>
    </xdr:sp>
    <xdr:clientData/>
  </xdr:twoCellAnchor>
  <xdr:twoCellAnchor editAs="oneCell">
    <xdr:from>
      <xdr:col>3</xdr:col>
      <xdr:colOff>447675</xdr:colOff>
      <xdr:row>1</xdr:row>
      <xdr:rowOff>19050</xdr:rowOff>
    </xdr:from>
    <xdr:to>
      <xdr:col>11</xdr:col>
      <xdr:colOff>0</xdr:colOff>
      <xdr:row>19</xdr:row>
      <xdr:rowOff>0</xdr:rowOff>
    </xdr:to>
    <xdr:sp macro="" textlink="">
      <xdr:nvSpPr>
        <xdr:cNvPr id="335" name="d14209">
          <a:extLst>
            <a:ext uri="{FF2B5EF4-FFF2-40B4-BE49-F238E27FC236}">
              <a16:creationId xmlns:a16="http://schemas.microsoft.com/office/drawing/2014/main" id="{00000000-0008-0000-0000-00004F010000}"/>
            </a:ext>
          </a:extLst>
        </xdr:cNvPr>
        <xdr:cNvSpPr>
          <a:spLocks/>
        </xdr:cNvSpPr>
      </xdr:nvSpPr>
      <xdr:spPr bwMode="auto">
        <a:xfrm>
          <a:off x="2276475" y="171450"/>
          <a:ext cx="4429125" cy="2724150"/>
        </a:xfrm>
        <a:custGeom>
          <a:avLst/>
          <a:gdLst/>
          <a:ahLst/>
          <a:cxnLst>
            <a:cxn ang="0">
              <a:pos x="465" y="210"/>
            </a:cxn>
            <a:cxn ang="0">
              <a:pos x="431" y="176"/>
            </a:cxn>
            <a:cxn ang="0">
              <a:pos x="412" y="154"/>
            </a:cxn>
            <a:cxn ang="0">
              <a:pos x="386" y="129"/>
            </a:cxn>
            <a:cxn ang="0">
              <a:pos x="355" y="109"/>
            </a:cxn>
            <a:cxn ang="0">
              <a:pos x="317" y="99"/>
            </a:cxn>
            <a:cxn ang="0">
              <a:pos x="288" y="98"/>
            </a:cxn>
            <a:cxn ang="0">
              <a:pos x="252" y="86"/>
            </a:cxn>
            <a:cxn ang="0">
              <a:pos x="237" y="99"/>
            </a:cxn>
            <a:cxn ang="0">
              <a:pos x="216" y="99"/>
            </a:cxn>
            <a:cxn ang="0">
              <a:pos x="198" y="89"/>
            </a:cxn>
            <a:cxn ang="0">
              <a:pos x="181" y="67"/>
            </a:cxn>
            <a:cxn ang="0">
              <a:pos x="171" y="34"/>
            </a:cxn>
            <a:cxn ang="0">
              <a:pos x="138" y="39"/>
            </a:cxn>
            <a:cxn ang="0">
              <a:pos x="119" y="24"/>
            </a:cxn>
            <a:cxn ang="0">
              <a:pos x="110" y="7"/>
            </a:cxn>
            <a:cxn ang="0">
              <a:pos x="85" y="3"/>
            </a:cxn>
            <a:cxn ang="0">
              <a:pos x="69" y="9"/>
            </a:cxn>
            <a:cxn ang="0">
              <a:pos x="64" y="36"/>
            </a:cxn>
            <a:cxn ang="0">
              <a:pos x="71" y="72"/>
            </a:cxn>
            <a:cxn ang="0">
              <a:pos x="80" y="82"/>
            </a:cxn>
            <a:cxn ang="0">
              <a:pos x="71" y="114"/>
            </a:cxn>
            <a:cxn ang="0">
              <a:pos x="68" y="129"/>
            </a:cxn>
            <a:cxn ang="0">
              <a:pos x="70" y="160"/>
            </a:cxn>
            <a:cxn ang="0">
              <a:pos x="52" y="193"/>
            </a:cxn>
            <a:cxn ang="0">
              <a:pos x="44" y="202"/>
            </a:cxn>
            <a:cxn ang="0">
              <a:pos x="17" y="232"/>
            </a:cxn>
            <a:cxn ang="0">
              <a:pos x="2" y="242"/>
            </a:cxn>
            <a:cxn ang="0">
              <a:pos x="22" y="260"/>
            </a:cxn>
            <a:cxn ang="0">
              <a:pos x="38" y="274"/>
            </a:cxn>
            <a:cxn ang="0">
              <a:pos x="69" y="280"/>
            </a:cxn>
            <a:cxn ang="0">
              <a:pos x="93" y="281"/>
            </a:cxn>
            <a:cxn ang="0">
              <a:pos x="112" y="286"/>
            </a:cxn>
            <a:cxn ang="0">
              <a:pos x="122" y="270"/>
            </a:cxn>
            <a:cxn ang="0">
              <a:pos x="149" y="241"/>
            </a:cxn>
            <a:cxn ang="0">
              <a:pos x="162" y="231"/>
            </a:cxn>
            <a:cxn ang="0">
              <a:pos x="177" y="218"/>
            </a:cxn>
            <a:cxn ang="0">
              <a:pos x="181" y="201"/>
            </a:cxn>
            <a:cxn ang="0">
              <a:pos x="203" y="198"/>
            </a:cxn>
            <a:cxn ang="0">
              <a:pos x="222" y="180"/>
            </a:cxn>
            <a:cxn ang="0">
              <a:pos x="237" y="179"/>
            </a:cxn>
            <a:cxn ang="0">
              <a:pos x="252" y="185"/>
            </a:cxn>
            <a:cxn ang="0">
              <a:pos x="269" y="170"/>
            </a:cxn>
            <a:cxn ang="0">
              <a:pos x="284" y="182"/>
            </a:cxn>
            <a:cxn ang="0">
              <a:pos x="297" y="196"/>
            </a:cxn>
            <a:cxn ang="0">
              <a:pos x="327" y="200"/>
            </a:cxn>
            <a:cxn ang="0">
              <a:pos x="357" y="221"/>
            </a:cxn>
            <a:cxn ang="0">
              <a:pos x="368" y="262"/>
            </a:cxn>
            <a:cxn ang="0">
              <a:pos x="395" y="254"/>
            </a:cxn>
            <a:cxn ang="0">
              <a:pos x="421" y="230"/>
            </a:cxn>
            <a:cxn ang="0">
              <a:pos x="433" y="239"/>
            </a:cxn>
            <a:cxn ang="0">
              <a:pos x="454" y="228"/>
            </a:cxn>
          </a:cxnLst>
          <a:rect l="0" t="0" r="r" b="b"/>
          <a:pathLst>
            <a:path w="465" h="286">
              <a:moveTo>
                <a:pt x="464" y="223"/>
              </a:moveTo>
              <a:lnTo>
                <a:pt x="462" y="222"/>
              </a:lnTo>
              <a:lnTo>
                <a:pt x="462" y="218"/>
              </a:lnTo>
              <a:lnTo>
                <a:pt x="465" y="215"/>
              </a:lnTo>
              <a:lnTo>
                <a:pt x="465" y="210"/>
              </a:lnTo>
              <a:lnTo>
                <a:pt x="456" y="201"/>
              </a:lnTo>
              <a:lnTo>
                <a:pt x="452" y="194"/>
              </a:lnTo>
              <a:lnTo>
                <a:pt x="444" y="189"/>
              </a:lnTo>
              <a:lnTo>
                <a:pt x="434" y="182"/>
              </a:lnTo>
              <a:lnTo>
                <a:pt x="431" y="176"/>
              </a:lnTo>
              <a:lnTo>
                <a:pt x="426" y="173"/>
              </a:lnTo>
              <a:lnTo>
                <a:pt x="425" y="167"/>
              </a:lnTo>
              <a:lnTo>
                <a:pt x="416" y="162"/>
              </a:lnTo>
              <a:lnTo>
                <a:pt x="415" y="157"/>
              </a:lnTo>
              <a:lnTo>
                <a:pt x="412" y="154"/>
              </a:lnTo>
              <a:lnTo>
                <a:pt x="410" y="149"/>
              </a:lnTo>
              <a:lnTo>
                <a:pt x="405" y="143"/>
              </a:lnTo>
              <a:lnTo>
                <a:pt x="401" y="142"/>
              </a:lnTo>
              <a:lnTo>
                <a:pt x="396" y="132"/>
              </a:lnTo>
              <a:lnTo>
                <a:pt x="386" y="129"/>
              </a:lnTo>
              <a:lnTo>
                <a:pt x="383" y="124"/>
              </a:lnTo>
              <a:lnTo>
                <a:pt x="370" y="119"/>
              </a:lnTo>
              <a:lnTo>
                <a:pt x="369" y="115"/>
              </a:lnTo>
              <a:lnTo>
                <a:pt x="362" y="114"/>
              </a:lnTo>
              <a:lnTo>
                <a:pt x="355" y="109"/>
              </a:lnTo>
              <a:lnTo>
                <a:pt x="343" y="105"/>
              </a:lnTo>
              <a:lnTo>
                <a:pt x="338" y="104"/>
              </a:lnTo>
              <a:lnTo>
                <a:pt x="331" y="103"/>
              </a:lnTo>
              <a:lnTo>
                <a:pt x="322" y="98"/>
              </a:lnTo>
              <a:lnTo>
                <a:pt x="317" y="99"/>
              </a:lnTo>
              <a:lnTo>
                <a:pt x="311" y="99"/>
              </a:lnTo>
              <a:lnTo>
                <a:pt x="306" y="98"/>
              </a:lnTo>
              <a:lnTo>
                <a:pt x="300" y="97"/>
              </a:lnTo>
              <a:lnTo>
                <a:pt x="293" y="99"/>
              </a:lnTo>
              <a:lnTo>
                <a:pt x="288" y="98"/>
              </a:lnTo>
              <a:lnTo>
                <a:pt x="282" y="98"/>
              </a:lnTo>
              <a:lnTo>
                <a:pt x="278" y="95"/>
              </a:lnTo>
              <a:lnTo>
                <a:pt x="273" y="91"/>
              </a:lnTo>
              <a:lnTo>
                <a:pt x="260" y="86"/>
              </a:lnTo>
              <a:lnTo>
                <a:pt x="252" y="86"/>
              </a:lnTo>
              <a:lnTo>
                <a:pt x="247" y="85"/>
              </a:lnTo>
              <a:lnTo>
                <a:pt x="241" y="87"/>
              </a:lnTo>
              <a:lnTo>
                <a:pt x="239" y="93"/>
              </a:lnTo>
              <a:lnTo>
                <a:pt x="237" y="95"/>
              </a:lnTo>
              <a:lnTo>
                <a:pt x="237" y="99"/>
              </a:lnTo>
              <a:lnTo>
                <a:pt x="235" y="102"/>
              </a:lnTo>
              <a:lnTo>
                <a:pt x="228" y="101"/>
              </a:lnTo>
              <a:lnTo>
                <a:pt x="226" y="100"/>
              </a:lnTo>
              <a:lnTo>
                <a:pt x="220" y="102"/>
              </a:lnTo>
              <a:lnTo>
                <a:pt x="216" y="99"/>
              </a:lnTo>
              <a:lnTo>
                <a:pt x="211" y="99"/>
              </a:lnTo>
              <a:lnTo>
                <a:pt x="208" y="96"/>
              </a:lnTo>
              <a:lnTo>
                <a:pt x="205" y="97"/>
              </a:lnTo>
              <a:lnTo>
                <a:pt x="201" y="91"/>
              </a:lnTo>
              <a:lnTo>
                <a:pt x="198" y="89"/>
              </a:lnTo>
              <a:lnTo>
                <a:pt x="194" y="87"/>
              </a:lnTo>
              <a:lnTo>
                <a:pt x="194" y="84"/>
              </a:lnTo>
              <a:lnTo>
                <a:pt x="186" y="71"/>
              </a:lnTo>
              <a:lnTo>
                <a:pt x="182" y="70"/>
              </a:lnTo>
              <a:lnTo>
                <a:pt x="181" y="67"/>
              </a:lnTo>
              <a:lnTo>
                <a:pt x="182" y="62"/>
              </a:lnTo>
              <a:lnTo>
                <a:pt x="178" y="56"/>
              </a:lnTo>
              <a:lnTo>
                <a:pt x="176" y="50"/>
              </a:lnTo>
              <a:lnTo>
                <a:pt x="176" y="38"/>
              </a:lnTo>
              <a:lnTo>
                <a:pt x="171" y="34"/>
              </a:lnTo>
              <a:lnTo>
                <a:pt x="160" y="30"/>
              </a:lnTo>
              <a:lnTo>
                <a:pt x="153" y="30"/>
              </a:lnTo>
              <a:lnTo>
                <a:pt x="151" y="31"/>
              </a:lnTo>
              <a:lnTo>
                <a:pt x="146" y="37"/>
              </a:lnTo>
              <a:lnTo>
                <a:pt x="138" y="39"/>
              </a:lnTo>
              <a:lnTo>
                <a:pt x="132" y="39"/>
              </a:lnTo>
              <a:lnTo>
                <a:pt x="128" y="35"/>
              </a:lnTo>
              <a:lnTo>
                <a:pt x="125" y="31"/>
              </a:lnTo>
              <a:lnTo>
                <a:pt x="118" y="31"/>
              </a:lnTo>
              <a:lnTo>
                <a:pt x="119" y="24"/>
              </a:lnTo>
              <a:lnTo>
                <a:pt x="118" y="22"/>
              </a:lnTo>
              <a:lnTo>
                <a:pt x="118" y="17"/>
              </a:lnTo>
              <a:lnTo>
                <a:pt x="115" y="13"/>
              </a:lnTo>
              <a:lnTo>
                <a:pt x="114" y="10"/>
              </a:lnTo>
              <a:lnTo>
                <a:pt x="110" y="7"/>
              </a:lnTo>
              <a:lnTo>
                <a:pt x="105" y="9"/>
              </a:lnTo>
              <a:lnTo>
                <a:pt x="96" y="9"/>
              </a:lnTo>
              <a:lnTo>
                <a:pt x="92" y="7"/>
              </a:lnTo>
              <a:lnTo>
                <a:pt x="89" y="3"/>
              </a:lnTo>
              <a:lnTo>
                <a:pt x="85" y="3"/>
              </a:lnTo>
              <a:lnTo>
                <a:pt x="78" y="0"/>
              </a:lnTo>
              <a:lnTo>
                <a:pt x="75" y="1"/>
              </a:lnTo>
              <a:lnTo>
                <a:pt x="75" y="5"/>
              </a:lnTo>
              <a:lnTo>
                <a:pt x="74" y="7"/>
              </a:lnTo>
              <a:lnTo>
                <a:pt x="69" y="9"/>
              </a:lnTo>
              <a:lnTo>
                <a:pt x="66" y="14"/>
              </a:lnTo>
              <a:lnTo>
                <a:pt x="62" y="16"/>
              </a:lnTo>
              <a:lnTo>
                <a:pt x="61" y="21"/>
              </a:lnTo>
              <a:lnTo>
                <a:pt x="58" y="25"/>
              </a:lnTo>
              <a:lnTo>
                <a:pt x="64" y="36"/>
              </a:lnTo>
              <a:lnTo>
                <a:pt x="68" y="40"/>
              </a:lnTo>
              <a:lnTo>
                <a:pt x="69" y="47"/>
              </a:lnTo>
              <a:lnTo>
                <a:pt x="66" y="54"/>
              </a:lnTo>
              <a:lnTo>
                <a:pt x="66" y="63"/>
              </a:lnTo>
              <a:lnTo>
                <a:pt x="71" y="72"/>
              </a:lnTo>
              <a:lnTo>
                <a:pt x="70" y="76"/>
              </a:lnTo>
              <a:lnTo>
                <a:pt x="72" y="78"/>
              </a:lnTo>
              <a:lnTo>
                <a:pt x="76" y="80"/>
              </a:lnTo>
              <a:lnTo>
                <a:pt x="79" y="81"/>
              </a:lnTo>
              <a:lnTo>
                <a:pt x="80" y="82"/>
              </a:lnTo>
              <a:lnTo>
                <a:pt x="72" y="84"/>
              </a:lnTo>
              <a:lnTo>
                <a:pt x="72" y="86"/>
              </a:lnTo>
              <a:lnTo>
                <a:pt x="76" y="92"/>
              </a:lnTo>
              <a:lnTo>
                <a:pt x="77" y="97"/>
              </a:lnTo>
              <a:lnTo>
                <a:pt x="71" y="114"/>
              </a:lnTo>
              <a:lnTo>
                <a:pt x="67" y="115"/>
              </a:lnTo>
              <a:lnTo>
                <a:pt x="66" y="119"/>
              </a:lnTo>
              <a:lnTo>
                <a:pt x="63" y="125"/>
              </a:lnTo>
              <a:lnTo>
                <a:pt x="63" y="129"/>
              </a:lnTo>
              <a:lnTo>
                <a:pt x="68" y="129"/>
              </a:lnTo>
              <a:lnTo>
                <a:pt x="70" y="132"/>
              </a:lnTo>
              <a:lnTo>
                <a:pt x="71" y="135"/>
              </a:lnTo>
              <a:lnTo>
                <a:pt x="71" y="144"/>
              </a:lnTo>
              <a:lnTo>
                <a:pt x="73" y="155"/>
              </a:lnTo>
              <a:lnTo>
                <a:pt x="70" y="160"/>
              </a:lnTo>
              <a:lnTo>
                <a:pt x="62" y="169"/>
              </a:lnTo>
              <a:lnTo>
                <a:pt x="56" y="172"/>
              </a:lnTo>
              <a:lnTo>
                <a:pt x="54" y="178"/>
              </a:lnTo>
              <a:lnTo>
                <a:pt x="52" y="186"/>
              </a:lnTo>
              <a:lnTo>
                <a:pt x="52" y="193"/>
              </a:lnTo>
              <a:lnTo>
                <a:pt x="52" y="195"/>
              </a:lnTo>
              <a:lnTo>
                <a:pt x="51" y="198"/>
              </a:lnTo>
              <a:lnTo>
                <a:pt x="48" y="200"/>
              </a:lnTo>
              <a:lnTo>
                <a:pt x="48" y="202"/>
              </a:lnTo>
              <a:lnTo>
                <a:pt x="44" y="202"/>
              </a:lnTo>
              <a:lnTo>
                <a:pt x="41" y="210"/>
              </a:lnTo>
              <a:lnTo>
                <a:pt x="35" y="214"/>
              </a:lnTo>
              <a:lnTo>
                <a:pt x="31" y="216"/>
              </a:lnTo>
              <a:lnTo>
                <a:pt x="24" y="225"/>
              </a:lnTo>
              <a:lnTo>
                <a:pt x="17" y="232"/>
              </a:lnTo>
              <a:lnTo>
                <a:pt x="13" y="232"/>
              </a:lnTo>
              <a:lnTo>
                <a:pt x="8" y="234"/>
              </a:lnTo>
              <a:lnTo>
                <a:pt x="0" y="234"/>
              </a:lnTo>
              <a:lnTo>
                <a:pt x="2" y="238"/>
              </a:lnTo>
              <a:lnTo>
                <a:pt x="2" y="242"/>
              </a:lnTo>
              <a:lnTo>
                <a:pt x="1" y="244"/>
              </a:lnTo>
              <a:lnTo>
                <a:pt x="5" y="248"/>
              </a:lnTo>
              <a:lnTo>
                <a:pt x="6" y="254"/>
              </a:lnTo>
              <a:lnTo>
                <a:pt x="8" y="256"/>
              </a:lnTo>
              <a:lnTo>
                <a:pt x="22" y="260"/>
              </a:lnTo>
              <a:lnTo>
                <a:pt x="25" y="262"/>
              </a:lnTo>
              <a:lnTo>
                <a:pt x="28" y="267"/>
              </a:lnTo>
              <a:lnTo>
                <a:pt x="33" y="268"/>
              </a:lnTo>
              <a:lnTo>
                <a:pt x="35" y="271"/>
              </a:lnTo>
              <a:lnTo>
                <a:pt x="38" y="274"/>
              </a:lnTo>
              <a:lnTo>
                <a:pt x="40" y="280"/>
              </a:lnTo>
              <a:lnTo>
                <a:pt x="47" y="281"/>
              </a:lnTo>
              <a:lnTo>
                <a:pt x="60" y="285"/>
              </a:lnTo>
              <a:lnTo>
                <a:pt x="65" y="284"/>
              </a:lnTo>
              <a:lnTo>
                <a:pt x="69" y="280"/>
              </a:lnTo>
              <a:lnTo>
                <a:pt x="74" y="276"/>
              </a:lnTo>
              <a:lnTo>
                <a:pt x="80" y="270"/>
              </a:lnTo>
              <a:lnTo>
                <a:pt x="87" y="271"/>
              </a:lnTo>
              <a:lnTo>
                <a:pt x="92" y="274"/>
              </a:lnTo>
              <a:lnTo>
                <a:pt x="93" y="281"/>
              </a:lnTo>
              <a:lnTo>
                <a:pt x="98" y="284"/>
              </a:lnTo>
              <a:lnTo>
                <a:pt x="100" y="284"/>
              </a:lnTo>
              <a:lnTo>
                <a:pt x="105" y="282"/>
              </a:lnTo>
              <a:lnTo>
                <a:pt x="109" y="283"/>
              </a:lnTo>
              <a:lnTo>
                <a:pt x="112" y="286"/>
              </a:lnTo>
              <a:lnTo>
                <a:pt x="114" y="284"/>
              </a:lnTo>
              <a:lnTo>
                <a:pt x="114" y="282"/>
              </a:lnTo>
              <a:lnTo>
                <a:pt x="115" y="278"/>
              </a:lnTo>
              <a:lnTo>
                <a:pt x="119" y="273"/>
              </a:lnTo>
              <a:lnTo>
                <a:pt x="122" y="270"/>
              </a:lnTo>
              <a:lnTo>
                <a:pt x="131" y="259"/>
              </a:lnTo>
              <a:lnTo>
                <a:pt x="139" y="250"/>
              </a:lnTo>
              <a:lnTo>
                <a:pt x="143" y="245"/>
              </a:lnTo>
              <a:lnTo>
                <a:pt x="148" y="241"/>
              </a:lnTo>
              <a:lnTo>
                <a:pt x="149" y="241"/>
              </a:lnTo>
              <a:lnTo>
                <a:pt x="153" y="240"/>
              </a:lnTo>
              <a:lnTo>
                <a:pt x="154" y="239"/>
              </a:lnTo>
              <a:lnTo>
                <a:pt x="157" y="237"/>
              </a:lnTo>
              <a:lnTo>
                <a:pt x="159" y="234"/>
              </a:lnTo>
              <a:lnTo>
                <a:pt x="162" y="231"/>
              </a:lnTo>
              <a:lnTo>
                <a:pt x="165" y="229"/>
              </a:lnTo>
              <a:lnTo>
                <a:pt x="167" y="228"/>
              </a:lnTo>
              <a:lnTo>
                <a:pt x="171" y="223"/>
              </a:lnTo>
              <a:lnTo>
                <a:pt x="173" y="221"/>
              </a:lnTo>
              <a:lnTo>
                <a:pt x="177" y="218"/>
              </a:lnTo>
              <a:lnTo>
                <a:pt x="181" y="210"/>
              </a:lnTo>
              <a:lnTo>
                <a:pt x="184" y="209"/>
              </a:lnTo>
              <a:lnTo>
                <a:pt x="184" y="206"/>
              </a:lnTo>
              <a:lnTo>
                <a:pt x="181" y="203"/>
              </a:lnTo>
              <a:lnTo>
                <a:pt x="181" y="201"/>
              </a:lnTo>
              <a:lnTo>
                <a:pt x="189" y="194"/>
              </a:lnTo>
              <a:lnTo>
                <a:pt x="196" y="204"/>
              </a:lnTo>
              <a:lnTo>
                <a:pt x="197" y="202"/>
              </a:lnTo>
              <a:lnTo>
                <a:pt x="203" y="202"/>
              </a:lnTo>
              <a:lnTo>
                <a:pt x="203" y="198"/>
              </a:lnTo>
              <a:lnTo>
                <a:pt x="206" y="198"/>
              </a:lnTo>
              <a:lnTo>
                <a:pt x="206" y="193"/>
              </a:lnTo>
              <a:lnTo>
                <a:pt x="214" y="188"/>
              </a:lnTo>
              <a:lnTo>
                <a:pt x="215" y="185"/>
              </a:lnTo>
              <a:lnTo>
                <a:pt x="222" y="180"/>
              </a:lnTo>
              <a:lnTo>
                <a:pt x="223" y="180"/>
              </a:lnTo>
              <a:lnTo>
                <a:pt x="227" y="180"/>
              </a:lnTo>
              <a:lnTo>
                <a:pt x="231" y="179"/>
              </a:lnTo>
              <a:lnTo>
                <a:pt x="235" y="177"/>
              </a:lnTo>
              <a:lnTo>
                <a:pt x="237" y="179"/>
              </a:lnTo>
              <a:lnTo>
                <a:pt x="241" y="179"/>
              </a:lnTo>
              <a:lnTo>
                <a:pt x="241" y="181"/>
              </a:lnTo>
              <a:lnTo>
                <a:pt x="247" y="182"/>
              </a:lnTo>
              <a:lnTo>
                <a:pt x="249" y="184"/>
              </a:lnTo>
              <a:lnTo>
                <a:pt x="252" y="185"/>
              </a:lnTo>
              <a:lnTo>
                <a:pt x="252" y="177"/>
              </a:lnTo>
              <a:lnTo>
                <a:pt x="259" y="173"/>
              </a:lnTo>
              <a:lnTo>
                <a:pt x="259" y="170"/>
              </a:lnTo>
              <a:lnTo>
                <a:pt x="265" y="168"/>
              </a:lnTo>
              <a:lnTo>
                <a:pt x="269" y="170"/>
              </a:lnTo>
              <a:lnTo>
                <a:pt x="272" y="169"/>
              </a:lnTo>
              <a:lnTo>
                <a:pt x="273" y="171"/>
              </a:lnTo>
              <a:lnTo>
                <a:pt x="280" y="176"/>
              </a:lnTo>
              <a:lnTo>
                <a:pt x="282" y="181"/>
              </a:lnTo>
              <a:lnTo>
                <a:pt x="284" y="182"/>
              </a:lnTo>
              <a:lnTo>
                <a:pt x="287" y="187"/>
              </a:lnTo>
              <a:lnTo>
                <a:pt x="289" y="187"/>
              </a:lnTo>
              <a:lnTo>
                <a:pt x="292" y="190"/>
              </a:lnTo>
              <a:lnTo>
                <a:pt x="294" y="193"/>
              </a:lnTo>
              <a:lnTo>
                <a:pt x="297" y="196"/>
              </a:lnTo>
              <a:lnTo>
                <a:pt x="305" y="192"/>
              </a:lnTo>
              <a:lnTo>
                <a:pt x="307" y="192"/>
              </a:lnTo>
              <a:lnTo>
                <a:pt x="309" y="190"/>
              </a:lnTo>
              <a:lnTo>
                <a:pt x="317" y="194"/>
              </a:lnTo>
              <a:lnTo>
                <a:pt x="327" y="200"/>
              </a:lnTo>
              <a:lnTo>
                <a:pt x="336" y="207"/>
              </a:lnTo>
              <a:lnTo>
                <a:pt x="343" y="212"/>
              </a:lnTo>
              <a:lnTo>
                <a:pt x="346" y="215"/>
              </a:lnTo>
              <a:lnTo>
                <a:pt x="350" y="220"/>
              </a:lnTo>
              <a:lnTo>
                <a:pt x="357" y="221"/>
              </a:lnTo>
              <a:lnTo>
                <a:pt x="368" y="228"/>
              </a:lnTo>
              <a:lnTo>
                <a:pt x="369" y="235"/>
              </a:lnTo>
              <a:lnTo>
                <a:pt x="368" y="253"/>
              </a:lnTo>
              <a:lnTo>
                <a:pt x="366" y="262"/>
              </a:lnTo>
              <a:lnTo>
                <a:pt x="368" y="262"/>
              </a:lnTo>
              <a:lnTo>
                <a:pt x="374" y="263"/>
              </a:lnTo>
              <a:lnTo>
                <a:pt x="381" y="264"/>
              </a:lnTo>
              <a:lnTo>
                <a:pt x="386" y="260"/>
              </a:lnTo>
              <a:lnTo>
                <a:pt x="389" y="255"/>
              </a:lnTo>
              <a:lnTo>
                <a:pt x="395" y="254"/>
              </a:lnTo>
              <a:lnTo>
                <a:pt x="402" y="253"/>
              </a:lnTo>
              <a:lnTo>
                <a:pt x="406" y="247"/>
              </a:lnTo>
              <a:lnTo>
                <a:pt x="411" y="240"/>
              </a:lnTo>
              <a:lnTo>
                <a:pt x="417" y="234"/>
              </a:lnTo>
              <a:lnTo>
                <a:pt x="421" y="230"/>
              </a:lnTo>
              <a:lnTo>
                <a:pt x="426" y="232"/>
              </a:lnTo>
              <a:lnTo>
                <a:pt x="430" y="235"/>
              </a:lnTo>
              <a:lnTo>
                <a:pt x="430" y="239"/>
              </a:lnTo>
              <a:lnTo>
                <a:pt x="431" y="241"/>
              </a:lnTo>
              <a:lnTo>
                <a:pt x="433" y="239"/>
              </a:lnTo>
              <a:lnTo>
                <a:pt x="437" y="239"/>
              </a:lnTo>
              <a:lnTo>
                <a:pt x="442" y="238"/>
              </a:lnTo>
              <a:lnTo>
                <a:pt x="448" y="235"/>
              </a:lnTo>
              <a:lnTo>
                <a:pt x="451" y="230"/>
              </a:lnTo>
              <a:lnTo>
                <a:pt x="454" y="228"/>
              </a:lnTo>
              <a:lnTo>
                <a:pt x="458" y="226"/>
              </a:lnTo>
              <a:lnTo>
                <a:pt x="464" y="223"/>
              </a:lnTo>
              <a:close/>
            </a:path>
          </a:pathLst>
        </a:custGeom>
        <a:solidFill>
          <a:schemeClr val="accent3">
            <a:lumMod val="75000"/>
          </a:schemeClr>
        </a:solidFill>
        <a:ln w="9525" cap="flat" cmpd="sng">
          <a:solidFill>
            <a:srgbClr val="000000"/>
          </a:solidFill>
          <a:prstDash val="solid"/>
          <a:round/>
          <a:headEnd/>
          <a:tailEnd/>
        </a:ln>
      </xdr:spPr>
    </xdr:sp>
    <xdr:clientData/>
  </xdr:twoCellAnchor>
  <xdr:twoCellAnchor>
    <xdr:from>
      <xdr:col>9</xdr:col>
      <xdr:colOff>266700</xdr:colOff>
      <xdr:row>15</xdr:row>
      <xdr:rowOff>76200</xdr:rowOff>
    </xdr:from>
    <xdr:to>
      <xdr:col>10</xdr:col>
      <xdr:colOff>390525</xdr:colOff>
      <xdr:row>19</xdr:row>
      <xdr:rowOff>95250</xdr:rowOff>
    </xdr:to>
    <xdr:sp macro="" textlink="">
      <xdr:nvSpPr>
        <xdr:cNvPr id="336" name="d14216">
          <a:extLst>
            <a:ext uri="{FF2B5EF4-FFF2-40B4-BE49-F238E27FC236}">
              <a16:creationId xmlns:a16="http://schemas.microsoft.com/office/drawing/2014/main" id="{00000000-0008-0000-0000-000050010000}"/>
            </a:ext>
          </a:extLst>
        </xdr:cNvPr>
        <xdr:cNvSpPr>
          <a:spLocks/>
        </xdr:cNvSpPr>
      </xdr:nvSpPr>
      <xdr:spPr bwMode="auto">
        <a:xfrm>
          <a:off x="5753100" y="2362200"/>
          <a:ext cx="733425" cy="628650"/>
        </a:xfrm>
        <a:custGeom>
          <a:avLst/>
          <a:gdLst/>
          <a:ahLst/>
          <a:cxnLst>
            <a:cxn ang="0">
              <a:pos x="66" y="11"/>
            </a:cxn>
            <a:cxn ang="0">
              <a:pos x="65" y="9"/>
            </a:cxn>
            <a:cxn ang="0">
              <a:pos x="65" y="5"/>
            </a:cxn>
            <a:cxn ang="0">
              <a:pos x="61" y="2"/>
            </a:cxn>
            <a:cxn ang="0">
              <a:pos x="56" y="0"/>
            </a:cxn>
            <a:cxn ang="0">
              <a:pos x="52" y="4"/>
            </a:cxn>
            <a:cxn ang="0">
              <a:pos x="46" y="10"/>
            </a:cxn>
            <a:cxn ang="0">
              <a:pos x="41" y="17"/>
            </a:cxn>
            <a:cxn ang="0">
              <a:pos x="37" y="23"/>
            </a:cxn>
            <a:cxn ang="0">
              <a:pos x="30" y="24"/>
            </a:cxn>
            <a:cxn ang="0">
              <a:pos x="24" y="25"/>
            </a:cxn>
            <a:cxn ang="0">
              <a:pos x="21" y="30"/>
            </a:cxn>
            <a:cxn ang="0">
              <a:pos x="16" y="34"/>
            </a:cxn>
            <a:cxn ang="0">
              <a:pos x="9" y="33"/>
            </a:cxn>
            <a:cxn ang="0">
              <a:pos x="3" y="32"/>
            </a:cxn>
            <a:cxn ang="0">
              <a:pos x="1" y="32"/>
            </a:cxn>
            <a:cxn ang="0">
              <a:pos x="0" y="38"/>
            </a:cxn>
            <a:cxn ang="0">
              <a:pos x="1" y="42"/>
            </a:cxn>
            <a:cxn ang="0">
              <a:pos x="1" y="46"/>
            </a:cxn>
            <a:cxn ang="0">
              <a:pos x="3" y="50"/>
            </a:cxn>
            <a:cxn ang="0">
              <a:pos x="6" y="55"/>
            </a:cxn>
            <a:cxn ang="0">
              <a:pos x="7" y="62"/>
            </a:cxn>
            <a:cxn ang="0">
              <a:pos x="8" y="65"/>
            </a:cxn>
            <a:cxn ang="0">
              <a:pos x="16" y="64"/>
            </a:cxn>
            <a:cxn ang="0">
              <a:pos x="21" y="63"/>
            </a:cxn>
            <a:cxn ang="0">
              <a:pos x="24" y="63"/>
            </a:cxn>
            <a:cxn ang="0">
              <a:pos x="28" y="59"/>
            </a:cxn>
            <a:cxn ang="0">
              <a:pos x="35" y="60"/>
            </a:cxn>
            <a:cxn ang="0">
              <a:pos x="40" y="61"/>
            </a:cxn>
            <a:cxn ang="0">
              <a:pos x="45" y="62"/>
            </a:cxn>
            <a:cxn ang="0">
              <a:pos x="47" y="65"/>
            </a:cxn>
            <a:cxn ang="0">
              <a:pos x="51" y="66"/>
            </a:cxn>
            <a:cxn ang="0">
              <a:pos x="54" y="65"/>
            </a:cxn>
            <a:cxn ang="0">
              <a:pos x="56" y="66"/>
            </a:cxn>
            <a:cxn ang="0">
              <a:pos x="65" y="58"/>
            </a:cxn>
            <a:cxn ang="0">
              <a:pos x="71" y="54"/>
            </a:cxn>
            <a:cxn ang="0">
              <a:pos x="73" y="53"/>
            </a:cxn>
            <a:cxn ang="0">
              <a:pos x="77" y="49"/>
            </a:cxn>
            <a:cxn ang="0">
              <a:pos x="75" y="42"/>
            </a:cxn>
            <a:cxn ang="0">
              <a:pos x="69" y="24"/>
            </a:cxn>
            <a:cxn ang="0">
              <a:pos x="67" y="16"/>
            </a:cxn>
            <a:cxn ang="0">
              <a:pos x="66" y="11"/>
            </a:cxn>
          </a:cxnLst>
          <a:rect l="0" t="0" r="r" b="b"/>
          <a:pathLst>
            <a:path w="77" h="66">
              <a:moveTo>
                <a:pt x="66" y="11"/>
              </a:moveTo>
              <a:lnTo>
                <a:pt x="65" y="9"/>
              </a:lnTo>
              <a:lnTo>
                <a:pt x="65" y="5"/>
              </a:lnTo>
              <a:lnTo>
                <a:pt x="61" y="2"/>
              </a:lnTo>
              <a:lnTo>
                <a:pt x="56" y="0"/>
              </a:lnTo>
              <a:lnTo>
                <a:pt x="52" y="4"/>
              </a:lnTo>
              <a:lnTo>
                <a:pt x="46" y="10"/>
              </a:lnTo>
              <a:lnTo>
                <a:pt x="41" y="17"/>
              </a:lnTo>
              <a:lnTo>
                <a:pt x="37" y="23"/>
              </a:lnTo>
              <a:lnTo>
                <a:pt x="30" y="24"/>
              </a:lnTo>
              <a:lnTo>
                <a:pt x="24" y="25"/>
              </a:lnTo>
              <a:lnTo>
                <a:pt x="21" y="30"/>
              </a:lnTo>
              <a:lnTo>
                <a:pt x="16" y="34"/>
              </a:lnTo>
              <a:lnTo>
                <a:pt x="9" y="33"/>
              </a:lnTo>
              <a:lnTo>
                <a:pt x="3" y="32"/>
              </a:lnTo>
              <a:lnTo>
                <a:pt x="1" y="32"/>
              </a:lnTo>
              <a:lnTo>
                <a:pt x="0" y="38"/>
              </a:lnTo>
              <a:lnTo>
                <a:pt x="1" y="42"/>
              </a:lnTo>
              <a:lnTo>
                <a:pt x="1" y="46"/>
              </a:lnTo>
              <a:lnTo>
                <a:pt x="3" y="50"/>
              </a:lnTo>
              <a:lnTo>
                <a:pt x="6" y="55"/>
              </a:lnTo>
              <a:lnTo>
                <a:pt x="7" y="62"/>
              </a:lnTo>
              <a:lnTo>
                <a:pt x="8" y="65"/>
              </a:lnTo>
              <a:lnTo>
                <a:pt x="16" y="64"/>
              </a:lnTo>
              <a:lnTo>
                <a:pt x="21" y="63"/>
              </a:lnTo>
              <a:lnTo>
                <a:pt x="24" y="63"/>
              </a:lnTo>
              <a:lnTo>
                <a:pt x="28" y="59"/>
              </a:lnTo>
              <a:lnTo>
                <a:pt x="35" y="60"/>
              </a:lnTo>
              <a:lnTo>
                <a:pt x="40" y="61"/>
              </a:lnTo>
              <a:lnTo>
                <a:pt x="45" y="62"/>
              </a:lnTo>
              <a:lnTo>
                <a:pt x="47" y="65"/>
              </a:lnTo>
              <a:lnTo>
                <a:pt x="51" y="66"/>
              </a:lnTo>
              <a:lnTo>
                <a:pt x="54" y="65"/>
              </a:lnTo>
              <a:lnTo>
                <a:pt x="56" y="66"/>
              </a:lnTo>
              <a:lnTo>
                <a:pt x="65" y="58"/>
              </a:lnTo>
              <a:lnTo>
                <a:pt x="71" y="54"/>
              </a:lnTo>
              <a:lnTo>
                <a:pt x="73" y="53"/>
              </a:lnTo>
              <a:lnTo>
                <a:pt x="77" y="49"/>
              </a:lnTo>
              <a:lnTo>
                <a:pt x="75" y="42"/>
              </a:lnTo>
              <a:lnTo>
                <a:pt x="69" y="24"/>
              </a:lnTo>
              <a:lnTo>
                <a:pt x="67" y="16"/>
              </a:lnTo>
              <a:lnTo>
                <a:pt x="66" y="11"/>
              </a:lnTo>
              <a:close/>
            </a:path>
          </a:pathLst>
        </a:custGeom>
        <a:solidFill>
          <a:srgbClr val="FF0000"/>
        </a:solidFill>
        <a:ln w="9525" cap="flat">
          <a:solidFill>
            <a:srgbClr val="000000"/>
          </a:solidFill>
          <a:prstDash val="solid"/>
          <a:round/>
          <a:headEnd/>
          <a:tailEnd/>
        </a:ln>
      </xdr:spPr>
    </xdr:sp>
    <xdr:clientData/>
  </xdr:twoCellAnchor>
  <xdr:twoCellAnchor>
    <xdr:from>
      <xdr:col>9</xdr:col>
      <xdr:colOff>209550</xdr:colOff>
      <xdr:row>18</xdr:row>
      <xdr:rowOff>133350</xdr:rowOff>
    </xdr:from>
    <xdr:to>
      <xdr:col>10</xdr:col>
      <xdr:colOff>371475</xdr:colOff>
      <xdr:row>25</xdr:row>
      <xdr:rowOff>133350</xdr:rowOff>
    </xdr:to>
    <xdr:sp macro="" textlink="">
      <xdr:nvSpPr>
        <xdr:cNvPr id="337" name="d14215">
          <a:extLst>
            <a:ext uri="{FF2B5EF4-FFF2-40B4-BE49-F238E27FC236}">
              <a16:creationId xmlns:a16="http://schemas.microsoft.com/office/drawing/2014/main" id="{00000000-0008-0000-0000-000051010000}"/>
            </a:ext>
          </a:extLst>
        </xdr:cNvPr>
        <xdr:cNvSpPr>
          <a:spLocks/>
        </xdr:cNvSpPr>
      </xdr:nvSpPr>
      <xdr:spPr bwMode="auto">
        <a:xfrm>
          <a:off x="5695950" y="2876550"/>
          <a:ext cx="771525" cy="1066800"/>
        </a:xfrm>
        <a:custGeom>
          <a:avLst/>
          <a:gdLst/>
          <a:ahLst/>
          <a:cxnLst>
            <a:cxn ang="0">
              <a:pos x="45" y="101"/>
            </a:cxn>
            <a:cxn ang="0">
              <a:pos x="43" y="108"/>
            </a:cxn>
            <a:cxn ang="0">
              <a:pos x="40" y="109"/>
            </a:cxn>
            <a:cxn ang="0">
              <a:pos x="37" y="111"/>
            </a:cxn>
            <a:cxn ang="0">
              <a:pos x="34" y="110"/>
            </a:cxn>
            <a:cxn ang="0">
              <a:pos x="31" y="110"/>
            </a:cxn>
            <a:cxn ang="0">
              <a:pos x="25" y="111"/>
            </a:cxn>
            <a:cxn ang="0">
              <a:pos x="20" y="112"/>
            </a:cxn>
            <a:cxn ang="0">
              <a:pos x="16" y="110"/>
            </a:cxn>
            <a:cxn ang="0">
              <a:pos x="7" y="111"/>
            </a:cxn>
            <a:cxn ang="0">
              <a:pos x="4" y="111"/>
            </a:cxn>
            <a:cxn ang="0">
              <a:pos x="2" y="111"/>
            </a:cxn>
            <a:cxn ang="0">
              <a:pos x="1" y="106"/>
            </a:cxn>
            <a:cxn ang="0">
              <a:pos x="0" y="100"/>
            </a:cxn>
            <a:cxn ang="0">
              <a:pos x="1" y="92"/>
            </a:cxn>
            <a:cxn ang="0">
              <a:pos x="2" y="87"/>
            </a:cxn>
            <a:cxn ang="0">
              <a:pos x="3" y="81"/>
            </a:cxn>
            <a:cxn ang="0">
              <a:pos x="5" y="73"/>
            </a:cxn>
            <a:cxn ang="0">
              <a:pos x="7" y="65"/>
            </a:cxn>
            <a:cxn ang="0">
              <a:pos x="6" y="57"/>
            </a:cxn>
            <a:cxn ang="0">
              <a:pos x="4" y="53"/>
            </a:cxn>
            <a:cxn ang="0">
              <a:pos x="3" y="49"/>
            </a:cxn>
            <a:cxn ang="0">
              <a:pos x="2" y="43"/>
            </a:cxn>
            <a:cxn ang="0">
              <a:pos x="4" y="38"/>
            </a:cxn>
            <a:cxn ang="0">
              <a:pos x="8" y="32"/>
            </a:cxn>
            <a:cxn ang="0">
              <a:pos x="13" y="24"/>
            </a:cxn>
            <a:cxn ang="0">
              <a:pos x="14" y="16"/>
            </a:cxn>
            <a:cxn ang="0">
              <a:pos x="14" y="11"/>
            </a:cxn>
            <a:cxn ang="0">
              <a:pos x="22" y="10"/>
            </a:cxn>
            <a:cxn ang="0">
              <a:pos x="27" y="9"/>
            </a:cxn>
            <a:cxn ang="0">
              <a:pos x="30" y="9"/>
            </a:cxn>
            <a:cxn ang="0">
              <a:pos x="34" y="5"/>
            </a:cxn>
            <a:cxn ang="0">
              <a:pos x="41" y="6"/>
            </a:cxn>
            <a:cxn ang="0">
              <a:pos x="46" y="7"/>
            </a:cxn>
            <a:cxn ang="0">
              <a:pos x="51" y="8"/>
            </a:cxn>
            <a:cxn ang="0">
              <a:pos x="53" y="11"/>
            </a:cxn>
            <a:cxn ang="0">
              <a:pos x="57" y="12"/>
            </a:cxn>
            <a:cxn ang="0">
              <a:pos x="60" y="11"/>
            </a:cxn>
            <a:cxn ang="0">
              <a:pos x="62" y="12"/>
            </a:cxn>
            <a:cxn ang="0">
              <a:pos x="71" y="4"/>
            </a:cxn>
            <a:cxn ang="0">
              <a:pos x="77" y="0"/>
            </a:cxn>
            <a:cxn ang="0">
              <a:pos x="80" y="5"/>
            </a:cxn>
            <a:cxn ang="0">
              <a:pos x="81" y="10"/>
            </a:cxn>
            <a:cxn ang="0">
              <a:pos x="81" y="15"/>
            </a:cxn>
            <a:cxn ang="0">
              <a:pos x="63" y="16"/>
            </a:cxn>
            <a:cxn ang="0">
              <a:pos x="61" y="15"/>
            </a:cxn>
            <a:cxn ang="0">
              <a:pos x="59" y="15"/>
            </a:cxn>
            <a:cxn ang="0">
              <a:pos x="59" y="16"/>
            </a:cxn>
            <a:cxn ang="0">
              <a:pos x="50" y="29"/>
            </a:cxn>
            <a:cxn ang="0">
              <a:pos x="48" y="30"/>
            </a:cxn>
            <a:cxn ang="0">
              <a:pos x="44" y="39"/>
            </a:cxn>
            <a:cxn ang="0">
              <a:pos x="40" y="41"/>
            </a:cxn>
            <a:cxn ang="0">
              <a:pos x="40" y="43"/>
            </a:cxn>
            <a:cxn ang="0">
              <a:pos x="44" y="46"/>
            </a:cxn>
            <a:cxn ang="0">
              <a:pos x="45" y="52"/>
            </a:cxn>
            <a:cxn ang="0">
              <a:pos x="48" y="63"/>
            </a:cxn>
            <a:cxn ang="0">
              <a:pos x="48" y="69"/>
            </a:cxn>
            <a:cxn ang="0">
              <a:pos x="46" y="79"/>
            </a:cxn>
            <a:cxn ang="0">
              <a:pos x="45" y="87"/>
            </a:cxn>
            <a:cxn ang="0">
              <a:pos x="45" y="101"/>
            </a:cxn>
          </a:cxnLst>
          <a:rect l="0" t="0" r="r" b="b"/>
          <a:pathLst>
            <a:path w="81" h="112">
              <a:moveTo>
                <a:pt x="45" y="101"/>
              </a:moveTo>
              <a:lnTo>
                <a:pt x="43" y="108"/>
              </a:lnTo>
              <a:lnTo>
                <a:pt x="40" y="109"/>
              </a:lnTo>
              <a:lnTo>
                <a:pt x="37" y="111"/>
              </a:lnTo>
              <a:lnTo>
                <a:pt x="34" y="110"/>
              </a:lnTo>
              <a:lnTo>
                <a:pt x="31" y="110"/>
              </a:lnTo>
              <a:lnTo>
                <a:pt x="25" y="111"/>
              </a:lnTo>
              <a:lnTo>
                <a:pt x="20" y="112"/>
              </a:lnTo>
              <a:lnTo>
                <a:pt x="16" y="110"/>
              </a:lnTo>
              <a:lnTo>
                <a:pt x="7" y="111"/>
              </a:lnTo>
              <a:lnTo>
                <a:pt x="4" y="111"/>
              </a:lnTo>
              <a:lnTo>
                <a:pt x="2" y="111"/>
              </a:lnTo>
              <a:lnTo>
                <a:pt x="1" y="106"/>
              </a:lnTo>
              <a:lnTo>
                <a:pt x="0" y="100"/>
              </a:lnTo>
              <a:lnTo>
                <a:pt x="1" y="92"/>
              </a:lnTo>
              <a:lnTo>
                <a:pt x="2" y="87"/>
              </a:lnTo>
              <a:lnTo>
                <a:pt x="3" y="81"/>
              </a:lnTo>
              <a:lnTo>
                <a:pt x="5" y="73"/>
              </a:lnTo>
              <a:lnTo>
                <a:pt x="7" y="65"/>
              </a:lnTo>
              <a:lnTo>
                <a:pt x="6" y="57"/>
              </a:lnTo>
              <a:lnTo>
                <a:pt x="4" y="53"/>
              </a:lnTo>
              <a:lnTo>
                <a:pt x="3" y="49"/>
              </a:lnTo>
              <a:lnTo>
                <a:pt x="2" y="43"/>
              </a:lnTo>
              <a:lnTo>
                <a:pt x="4" y="38"/>
              </a:lnTo>
              <a:lnTo>
                <a:pt x="8" y="32"/>
              </a:lnTo>
              <a:lnTo>
                <a:pt x="13" y="24"/>
              </a:lnTo>
              <a:lnTo>
                <a:pt x="14" y="16"/>
              </a:lnTo>
              <a:lnTo>
                <a:pt x="14" y="11"/>
              </a:lnTo>
              <a:lnTo>
                <a:pt x="22" y="10"/>
              </a:lnTo>
              <a:lnTo>
                <a:pt x="27" y="9"/>
              </a:lnTo>
              <a:lnTo>
                <a:pt x="30" y="9"/>
              </a:lnTo>
              <a:lnTo>
                <a:pt x="34" y="5"/>
              </a:lnTo>
              <a:lnTo>
                <a:pt x="41" y="6"/>
              </a:lnTo>
              <a:lnTo>
                <a:pt x="46" y="7"/>
              </a:lnTo>
              <a:lnTo>
                <a:pt x="51" y="8"/>
              </a:lnTo>
              <a:lnTo>
                <a:pt x="53" y="11"/>
              </a:lnTo>
              <a:lnTo>
                <a:pt x="57" y="12"/>
              </a:lnTo>
              <a:lnTo>
                <a:pt x="60" y="11"/>
              </a:lnTo>
              <a:lnTo>
                <a:pt x="62" y="12"/>
              </a:lnTo>
              <a:lnTo>
                <a:pt x="71" y="4"/>
              </a:lnTo>
              <a:lnTo>
                <a:pt x="77" y="0"/>
              </a:lnTo>
              <a:lnTo>
                <a:pt x="80" y="5"/>
              </a:lnTo>
              <a:lnTo>
                <a:pt x="81" y="10"/>
              </a:lnTo>
              <a:lnTo>
                <a:pt x="81" y="15"/>
              </a:lnTo>
              <a:lnTo>
                <a:pt x="63" y="16"/>
              </a:lnTo>
              <a:lnTo>
                <a:pt x="61" y="15"/>
              </a:lnTo>
              <a:lnTo>
                <a:pt x="59" y="15"/>
              </a:lnTo>
              <a:lnTo>
                <a:pt x="59" y="16"/>
              </a:lnTo>
              <a:lnTo>
                <a:pt x="50" y="29"/>
              </a:lnTo>
              <a:lnTo>
                <a:pt x="48" y="30"/>
              </a:lnTo>
              <a:lnTo>
                <a:pt x="44" y="39"/>
              </a:lnTo>
              <a:lnTo>
                <a:pt x="40" y="41"/>
              </a:lnTo>
              <a:lnTo>
                <a:pt x="40" y="43"/>
              </a:lnTo>
              <a:lnTo>
                <a:pt x="44" y="46"/>
              </a:lnTo>
              <a:lnTo>
                <a:pt x="45" y="52"/>
              </a:lnTo>
              <a:lnTo>
                <a:pt x="48" y="63"/>
              </a:lnTo>
              <a:lnTo>
                <a:pt x="48" y="69"/>
              </a:lnTo>
              <a:lnTo>
                <a:pt x="46" y="79"/>
              </a:lnTo>
              <a:lnTo>
                <a:pt x="45" y="87"/>
              </a:lnTo>
              <a:lnTo>
                <a:pt x="45" y="101"/>
              </a:lnTo>
              <a:close/>
            </a:path>
          </a:pathLst>
        </a:custGeom>
        <a:solidFill>
          <a:srgbClr val="FF0000"/>
        </a:solidFill>
        <a:ln w="9525" cap="flat">
          <a:solidFill>
            <a:srgbClr val="000000"/>
          </a:solidFill>
          <a:prstDash val="solid"/>
          <a:round/>
          <a:headEnd/>
          <a:tailEnd/>
        </a:ln>
      </xdr:spPr>
    </xdr:sp>
    <xdr:clientData/>
  </xdr:twoCellAnchor>
  <xdr:twoCellAnchor>
    <xdr:from>
      <xdr:col>9</xdr:col>
      <xdr:colOff>590550</xdr:colOff>
      <xdr:row>19</xdr:row>
      <xdr:rowOff>114300</xdr:rowOff>
    </xdr:from>
    <xdr:to>
      <xdr:col>10</xdr:col>
      <xdr:colOff>600075</xdr:colOff>
      <xdr:row>25</xdr:row>
      <xdr:rowOff>38100</xdr:rowOff>
    </xdr:to>
    <xdr:sp macro="" textlink="">
      <xdr:nvSpPr>
        <xdr:cNvPr id="338" name="d14218">
          <a:extLst>
            <a:ext uri="{FF2B5EF4-FFF2-40B4-BE49-F238E27FC236}">
              <a16:creationId xmlns:a16="http://schemas.microsoft.com/office/drawing/2014/main" id="{00000000-0008-0000-0000-000052010000}"/>
            </a:ext>
          </a:extLst>
        </xdr:cNvPr>
        <xdr:cNvSpPr>
          <a:spLocks/>
        </xdr:cNvSpPr>
      </xdr:nvSpPr>
      <xdr:spPr bwMode="auto">
        <a:xfrm>
          <a:off x="6076950" y="3009900"/>
          <a:ext cx="619125" cy="838200"/>
        </a:xfrm>
        <a:custGeom>
          <a:avLst/>
          <a:gdLst/>
          <a:ahLst/>
          <a:cxnLst>
            <a:cxn ang="0">
              <a:pos x="5" y="87"/>
            </a:cxn>
            <a:cxn ang="0">
              <a:pos x="5" y="73"/>
            </a:cxn>
            <a:cxn ang="0">
              <a:pos x="6" y="65"/>
            </a:cxn>
            <a:cxn ang="0">
              <a:pos x="8" y="55"/>
            </a:cxn>
            <a:cxn ang="0">
              <a:pos x="8" y="49"/>
            </a:cxn>
            <a:cxn ang="0">
              <a:pos x="5" y="38"/>
            </a:cxn>
            <a:cxn ang="0">
              <a:pos x="4" y="32"/>
            </a:cxn>
            <a:cxn ang="0">
              <a:pos x="0" y="29"/>
            </a:cxn>
            <a:cxn ang="0">
              <a:pos x="0" y="27"/>
            </a:cxn>
            <a:cxn ang="0">
              <a:pos x="4" y="25"/>
            </a:cxn>
            <a:cxn ang="0">
              <a:pos x="8" y="16"/>
            </a:cxn>
            <a:cxn ang="0">
              <a:pos x="10" y="15"/>
            </a:cxn>
            <a:cxn ang="0">
              <a:pos x="20" y="1"/>
            </a:cxn>
            <a:cxn ang="0">
              <a:pos x="23" y="2"/>
            </a:cxn>
            <a:cxn ang="0">
              <a:pos x="41" y="1"/>
            </a:cxn>
            <a:cxn ang="0">
              <a:pos x="59" y="0"/>
            </a:cxn>
            <a:cxn ang="0">
              <a:pos x="59" y="11"/>
            </a:cxn>
            <a:cxn ang="0">
              <a:pos x="62" y="14"/>
            </a:cxn>
            <a:cxn ang="0">
              <a:pos x="64" y="19"/>
            </a:cxn>
            <a:cxn ang="0">
              <a:pos x="63" y="24"/>
            </a:cxn>
            <a:cxn ang="0">
              <a:pos x="60" y="27"/>
            </a:cxn>
            <a:cxn ang="0">
              <a:pos x="57" y="33"/>
            </a:cxn>
            <a:cxn ang="0">
              <a:pos x="56" y="34"/>
            </a:cxn>
            <a:cxn ang="0">
              <a:pos x="57" y="42"/>
            </a:cxn>
            <a:cxn ang="0">
              <a:pos x="58" y="48"/>
            </a:cxn>
            <a:cxn ang="0">
              <a:pos x="55" y="56"/>
            </a:cxn>
            <a:cxn ang="0">
              <a:pos x="50" y="59"/>
            </a:cxn>
            <a:cxn ang="0">
              <a:pos x="61" y="68"/>
            </a:cxn>
            <a:cxn ang="0">
              <a:pos x="65" y="73"/>
            </a:cxn>
            <a:cxn ang="0">
              <a:pos x="61" y="84"/>
            </a:cxn>
            <a:cxn ang="0">
              <a:pos x="53" y="84"/>
            </a:cxn>
            <a:cxn ang="0">
              <a:pos x="54" y="88"/>
            </a:cxn>
            <a:cxn ang="0">
              <a:pos x="49" y="85"/>
            </a:cxn>
            <a:cxn ang="0">
              <a:pos x="48" y="79"/>
            </a:cxn>
            <a:cxn ang="0">
              <a:pos x="45" y="76"/>
            </a:cxn>
            <a:cxn ang="0">
              <a:pos x="35" y="70"/>
            </a:cxn>
            <a:cxn ang="0">
              <a:pos x="27" y="70"/>
            </a:cxn>
            <a:cxn ang="0">
              <a:pos x="27" y="74"/>
            </a:cxn>
            <a:cxn ang="0">
              <a:pos x="14" y="71"/>
            </a:cxn>
            <a:cxn ang="0">
              <a:pos x="10" y="80"/>
            </a:cxn>
            <a:cxn ang="0">
              <a:pos x="5" y="87"/>
            </a:cxn>
          </a:cxnLst>
          <a:rect l="0" t="0" r="r" b="b"/>
          <a:pathLst>
            <a:path w="65" h="88">
              <a:moveTo>
                <a:pt x="5" y="87"/>
              </a:moveTo>
              <a:lnTo>
                <a:pt x="5" y="73"/>
              </a:lnTo>
              <a:lnTo>
                <a:pt x="6" y="65"/>
              </a:lnTo>
              <a:lnTo>
                <a:pt x="8" y="55"/>
              </a:lnTo>
              <a:lnTo>
                <a:pt x="8" y="49"/>
              </a:lnTo>
              <a:lnTo>
                <a:pt x="5" y="38"/>
              </a:lnTo>
              <a:lnTo>
                <a:pt x="4" y="32"/>
              </a:lnTo>
              <a:lnTo>
                <a:pt x="0" y="29"/>
              </a:lnTo>
              <a:lnTo>
                <a:pt x="0" y="27"/>
              </a:lnTo>
              <a:lnTo>
                <a:pt x="4" y="25"/>
              </a:lnTo>
              <a:lnTo>
                <a:pt x="8" y="16"/>
              </a:lnTo>
              <a:lnTo>
                <a:pt x="10" y="15"/>
              </a:lnTo>
              <a:lnTo>
                <a:pt x="20" y="1"/>
              </a:lnTo>
              <a:lnTo>
                <a:pt x="23" y="2"/>
              </a:lnTo>
              <a:lnTo>
                <a:pt x="41" y="1"/>
              </a:lnTo>
              <a:lnTo>
                <a:pt x="59" y="0"/>
              </a:lnTo>
              <a:lnTo>
                <a:pt x="59" y="11"/>
              </a:lnTo>
              <a:lnTo>
                <a:pt x="62" y="14"/>
              </a:lnTo>
              <a:lnTo>
                <a:pt x="64" y="19"/>
              </a:lnTo>
              <a:lnTo>
                <a:pt x="63" y="24"/>
              </a:lnTo>
              <a:lnTo>
                <a:pt x="60" y="27"/>
              </a:lnTo>
              <a:lnTo>
                <a:pt x="57" y="33"/>
              </a:lnTo>
              <a:lnTo>
                <a:pt x="56" y="34"/>
              </a:lnTo>
              <a:lnTo>
                <a:pt x="57" y="42"/>
              </a:lnTo>
              <a:lnTo>
                <a:pt x="58" y="48"/>
              </a:lnTo>
              <a:lnTo>
                <a:pt x="55" y="56"/>
              </a:lnTo>
              <a:lnTo>
                <a:pt x="50" y="59"/>
              </a:lnTo>
              <a:lnTo>
                <a:pt x="61" y="68"/>
              </a:lnTo>
              <a:lnTo>
                <a:pt x="65" y="73"/>
              </a:lnTo>
              <a:lnTo>
                <a:pt x="61" y="84"/>
              </a:lnTo>
              <a:lnTo>
                <a:pt x="53" y="84"/>
              </a:lnTo>
              <a:lnTo>
                <a:pt x="54" y="88"/>
              </a:lnTo>
              <a:lnTo>
                <a:pt x="49" y="85"/>
              </a:lnTo>
              <a:lnTo>
                <a:pt x="48" y="79"/>
              </a:lnTo>
              <a:lnTo>
                <a:pt x="45" y="76"/>
              </a:lnTo>
              <a:lnTo>
                <a:pt x="35" y="70"/>
              </a:lnTo>
              <a:lnTo>
                <a:pt x="27" y="70"/>
              </a:lnTo>
              <a:lnTo>
                <a:pt x="27" y="74"/>
              </a:lnTo>
              <a:lnTo>
                <a:pt x="14" y="71"/>
              </a:lnTo>
              <a:lnTo>
                <a:pt x="10" y="80"/>
              </a:lnTo>
              <a:lnTo>
                <a:pt x="5" y="87"/>
              </a:lnTo>
              <a:close/>
            </a:path>
          </a:pathLst>
        </a:custGeom>
        <a:solidFill>
          <a:srgbClr val="FF0000"/>
        </a:solidFill>
        <a:ln w="9525" cap="flat">
          <a:solidFill>
            <a:srgbClr val="000000"/>
          </a:solidFill>
          <a:prstDash val="solid"/>
          <a:round/>
          <a:headEnd/>
          <a:tailEnd/>
        </a:ln>
      </xdr:spPr>
    </xdr:sp>
    <xdr:clientData/>
  </xdr:twoCellAnchor>
  <xdr:twoCellAnchor>
    <xdr:from>
      <xdr:col>2</xdr:col>
      <xdr:colOff>38100</xdr:colOff>
      <xdr:row>5</xdr:row>
      <xdr:rowOff>104775</xdr:rowOff>
    </xdr:from>
    <xdr:to>
      <xdr:col>7</xdr:col>
      <xdr:colOff>409575</xdr:colOff>
      <xdr:row>44</xdr:row>
      <xdr:rowOff>133350</xdr:rowOff>
    </xdr:to>
    <xdr:grpSp>
      <xdr:nvGrpSpPr>
        <xdr:cNvPr id="339" name="Group 86">
          <a:extLst>
            <a:ext uri="{FF2B5EF4-FFF2-40B4-BE49-F238E27FC236}">
              <a16:creationId xmlns:a16="http://schemas.microsoft.com/office/drawing/2014/main" id="{00000000-0008-0000-0000-000053010000}"/>
            </a:ext>
          </a:extLst>
        </xdr:cNvPr>
        <xdr:cNvGrpSpPr>
          <a:grpSpLocks/>
        </xdr:cNvGrpSpPr>
      </xdr:nvGrpSpPr>
      <xdr:grpSpPr bwMode="auto">
        <a:xfrm>
          <a:off x="1130300" y="866775"/>
          <a:ext cx="3101975" cy="5972175"/>
          <a:chOff x="132" y="187"/>
          <a:chExt cx="359" cy="627"/>
        </a:xfrm>
      </xdr:grpSpPr>
      <xdr:sp macro="" textlink="">
        <xdr:nvSpPr>
          <xdr:cNvPr id="340" name="Freeform 87">
            <a:extLst>
              <a:ext uri="{FF2B5EF4-FFF2-40B4-BE49-F238E27FC236}">
                <a16:creationId xmlns:a16="http://schemas.microsoft.com/office/drawing/2014/main" id="{00000000-0008-0000-0000-000054010000}"/>
              </a:ext>
            </a:extLst>
          </xdr:cNvPr>
          <xdr:cNvSpPr>
            <a:spLocks/>
          </xdr:cNvSpPr>
        </xdr:nvSpPr>
        <xdr:spPr bwMode="auto">
          <a:xfrm>
            <a:off x="355" y="187"/>
            <a:ext cx="32" cy="27"/>
          </a:xfrm>
          <a:custGeom>
            <a:avLst/>
            <a:gdLst/>
            <a:ahLst/>
            <a:cxnLst>
              <a:cxn ang="0">
                <a:pos x="20" y="9"/>
              </a:cxn>
              <a:cxn ang="0">
                <a:pos x="16" y="6"/>
              </a:cxn>
              <a:cxn ang="0">
                <a:pos x="16" y="4"/>
              </a:cxn>
              <a:cxn ang="0">
                <a:pos x="16" y="1"/>
              </a:cxn>
              <a:cxn ang="0">
                <a:pos x="10" y="1"/>
              </a:cxn>
              <a:cxn ang="0">
                <a:pos x="4" y="1"/>
              </a:cxn>
              <a:cxn ang="0">
                <a:pos x="0" y="9"/>
              </a:cxn>
              <a:cxn ang="0">
                <a:pos x="1" y="14"/>
              </a:cxn>
              <a:cxn ang="0">
                <a:pos x="9" y="12"/>
              </a:cxn>
              <a:cxn ang="0">
                <a:pos x="11" y="11"/>
              </a:cxn>
              <a:cxn ang="0">
                <a:pos x="14" y="17"/>
              </a:cxn>
              <a:cxn ang="0">
                <a:pos x="13" y="21"/>
              </a:cxn>
              <a:cxn ang="0">
                <a:pos x="20" y="21"/>
              </a:cxn>
              <a:cxn ang="0">
                <a:pos x="26" y="21"/>
              </a:cxn>
              <a:cxn ang="0">
                <a:pos x="29" y="26"/>
              </a:cxn>
              <a:cxn ang="0">
                <a:pos x="31" y="25"/>
              </a:cxn>
              <a:cxn ang="0">
                <a:pos x="28" y="16"/>
              </a:cxn>
              <a:cxn ang="0">
                <a:pos x="31" y="13"/>
              </a:cxn>
              <a:cxn ang="0">
                <a:pos x="32" y="11"/>
              </a:cxn>
              <a:cxn ang="0">
                <a:pos x="28" y="10"/>
              </a:cxn>
              <a:cxn ang="0">
                <a:pos x="20" y="9"/>
              </a:cxn>
            </a:cxnLst>
            <a:rect l="0" t="0" r="r" b="b"/>
            <a:pathLst>
              <a:path w="32" h="27">
                <a:moveTo>
                  <a:pt x="20" y="9"/>
                </a:moveTo>
                <a:cubicBezTo>
                  <a:pt x="18" y="8"/>
                  <a:pt x="17" y="7"/>
                  <a:pt x="16" y="6"/>
                </a:cubicBezTo>
                <a:cubicBezTo>
                  <a:pt x="15" y="5"/>
                  <a:pt x="16" y="5"/>
                  <a:pt x="16" y="4"/>
                </a:cubicBezTo>
                <a:cubicBezTo>
                  <a:pt x="16" y="3"/>
                  <a:pt x="17" y="1"/>
                  <a:pt x="16" y="1"/>
                </a:cubicBezTo>
                <a:cubicBezTo>
                  <a:pt x="15" y="1"/>
                  <a:pt x="12" y="1"/>
                  <a:pt x="10" y="1"/>
                </a:cubicBezTo>
                <a:cubicBezTo>
                  <a:pt x="8" y="1"/>
                  <a:pt x="6" y="0"/>
                  <a:pt x="4" y="1"/>
                </a:cubicBezTo>
                <a:cubicBezTo>
                  <a:pt x="2" y="2"/>
                  <a:pt x="0" y="7"/>
                  <a:pt x="0" y="9"/>
                </a:cubicBezTo>
                <a:cubicBezTo>
                  <a:pt x="0" y="11"/>
                  <a:pt x="0" y="14"/>
                  <a:pt x="1" y="14"/>
                </a:cubicBezTo>
                <a:cubicBezTo>
                  <a:pt x="2" y="14"/>
                  <a:pt x="7" y="13"/>
                  <a:pt x="9" y="12"/>
                </a:cubicBezTo>
                <a:cubicBezTo>
                  <a:pt x="11" y="11"/>
                  <a:pt x="10" y="10"/>
                  <a:pt x="11" y="11"/>
                </a:cubicBezTo>
                <a:cubicBezTo>
                  <a:pt x="12" y="12"/>
                  <a:pt x="14" y="15"/>
                  <a:pt x="14" y="17"/>
                </a:cubicBezTo>
                <a:cubicBezTo>
                  <a:pt x="14" y="19"/>
                  <a:pt x="12" y="20"/>
                  <a:pt x="13" y="21"/>
                </a:cubicBezTo>
                <a:cubicBezTo>
                  <a:pt x="14" y="22"/>
                  <a:pt x="18" y="21"/>
                  <a:pt x="20" y="21"/>
                </a:cubicBezTo>
                <a:cubicBezTo>
                  <a:pt x="22" y="21"/>
                  <a:pt x="25" y="20"/>
                  <a:pt x="26" y="21"/>
                </a:cubicBezTo>
                <a:cubicBezTo>
                  <a:pt x="27" y="22"/>
                  <a:pt x="28" y="25"/>
                  <a:pt x="29" y="26"/>
                </a:cubicBezTo>
                <a:cubicBezTo>
                  <a:pt x="30" y="27"/>
                  <a:pt x="31" y="27"/>
                  <a:pt x="31" y="25"/>
                </a:cubicBezTo>
                <a:cubicBezTo>
                  <a:pt x="31" y="23"/>
                  <a:pt x="28" y="18"/>
                  <a:pt x="28" y="16"/>
                </a:cubicBezTo>
                <a:cubicBezTo>
                  <a:pt x="28" y="14"/>
                  <a:pt x="30" y="14"/>
                  <a:pt x="31" y="13"/>
                </a:cubicBezTo>
                <a:cubicBezTo>
                  <a:pt x="32" y="12"/>
                  <a:pt x="32" y="11"/>
                  <a:pt x="32" y="11"/>
                </a:cubicBezTo>
                <a:cubicBezTo>
                  <a:pt x="32" y="11"/>
                  <a:pt x="30" y="10"/>
                  <a:pt x="28" y="10"/>
                </a:cubicBezTo>
                <a:cubicBezTo>
                  <a:pt x="26" y="10"/>
                  <a:pt x="22" y="10"/>
                  <a:pt x="20" y="9"/>
                </a:cubicBezTo>
                <a:close/>
              </a:path>
            </a:pathLst>
          </a:custGeom>
          <a:solidFill>
            <a:srgbClr val="FFFFFF"/>
          </a:solidFill>
          <a:ln w="9525">
            <a:solidFill>
              <a:srgbClr val="000000"/>
            </a:solidFill>
            <a:round/>
            <a:headEnd/>
            <a:tailEnd/>
          </a:ln>
        </xdr:spPr>
      </xdr:sp>
      <xdr:sp macro="" textlink="">
        <xdr:nvSpPr>
          <xdr:cNvPr id="341" name="Freeform 88">
            <a:extLst>
              <a:ext uri="{FF2B5EF4-FFF2-40B4-BE49-F238E27FC236}">
                <a16:creationId xmlns:a16="http://schemas.microsoft.com/office/drawing/2014/main" id="{00000000-0008-0000-0000-000055010000}"/>
              </a:ext>
            </a:extLst>
          </xdr:cNvPr>
          <xdr:cNvSpPr>
            <a:spLocks/>
          </xdr:cNvSpPr>
        </xdr:nvSpPr>
        <xdr:spPr bwMode="auto">
          <a:xfrm>
            <a:off x="436" y="216"/>
            <a:ext cx="55" cy="26"/>
          </a:xfrm>
          <a:custGeom>
            <a:avLst/>
            <a:gdLst/>
            <a:ahLst/>
            <a:cxnLst>
              <a:cxn ang="0">
                <a:pos x="37" y="10"/>
              </a:cxn>
              <a:cxn ang="0">
                <a:pos x="41" y="9"/>
              </a:cxn>
              <a:cxn ang="0">
                <a:pos x="45" y="9"/>
              </a:cxn>
              <a:cxn ang="0">
                <a:pos x="47" y="10"/>
              </a:cxn>
              <a:cxn ang="0">
                <a:pos x="42" y="14"/>
              </a:cxn>
              <a:cxn ang="0">
                <a:pos x="50" y="18"/>
              </a:cxn>
              <a:cxn ang="0">
                <a:pos x="53" y="20"/>
              </a:cxn>
              <a:cxn ang="0">
                <a:pos x="53" y="23"/>
              </a:cxn>
              <a:cxn ang="0">
                <a:pos x="40" y="24"/>
              </a:cxn>
              <a:cxn ang="0">
                <a:pos x="36" y="21"/>
              </a:cxn>
              <a:cxn ang="0">
                <a:pos x="31" y="25"/>
              </a:cxn>
              <a:cxn ang="0">
                <a:pos x="23" y="25"/>
              </a:cxn>
              <a:cxn ang="0">
                <a:pos x="21" y="20"/>
              </a:cxn>
              <a:cxn ang="0">
                <a:pos x="17" y="19"/>
              </a:cxn>
              <a:cxn ang="0">
                <a:pos x="16" y="14"/>
              </a:cxn>
              <a:cxn ang="0">
                <a:pos x="13" y="15"/>
              </a:cxn>
              <a:cxn ang="0">
                <a:pos x="10" y="8"/>
              </a:cxn>
              <a:cxn ang="0">
                <a:pos x="9" y="6"/>
              </a:cxn>
              <a:cxn ang="0">
                <a:pos x="5" y="6"/>
              </a:cxn>
              <a:cxn ang="0">
                <a:pos x="3" y="10"/>
              </a:cxn>
              <a:cxn ang="0">
                <a:pos x="0" y="9"/>
              </a:cxn>
              <a:cxn ang="0">
                <a:pos x="2" y="2"/>
              </a:cxn>
              <a:cxn ang="0">
                <a:pos x="9" y="1"/>
              </a:cxn>
              <a:cxn ang="0">
                <a:pos x="16" y="6"/>
              </a:cxn>
              <a:cxn ang="0">
                <a:pos x="22" y="10"/>
              </a:cxn>
              <a:cxn ang="0">
                <a:pos x="24" y="13"/>
              </a:cxn>
              <a:cxn ang="0">
                <a:pos x="26" y="16"/>
              </a:cxn>
              <a:cxn ang="0">
                <a:pos x="32" y="18"/>
              </a:cxn>
              <a:cxn ang="0">
                <a:pos x="34" y="12"/>
              </a:cxn>
              <a:cxn ang="0">
                <a:pos x="37" y="10"/>
              </a:cxn>
            </a:cxnLst>
            <a:rect l="0" t="0" r="r" b="b"/>
            <a:pathLst>
              <a:path w="55" h="26">
                <a:moveTo>
                  <a:pt x="37" y="10"/>
                </a:moveTo>
                <a:cubicBezTo>
                  <a:pt x="38" y="10"/>
                  <a:pt x="40" y="9"/>
                  <a:pt x="41" y="9"/>
                </a:cubicBezTo>
                <a:cubicBezTo>
                  <a:pt x="42" y="9"/>
                  <a:pt x="44" y="9"/>
                  <a:pt x="45" y="9"/>
                </a:cubicBezTo>
                <a:cubicBezTo>
                  <a:pt x="46" y="9"/>
                  <a:pt x="47" y="9"/>
                  <a:pt x="47" y="10"/>
                </a:cubicBezTo>
                <a:cubicBezTo>
                  <a:pt x="47" y="11"/>
                  <a:pt x="42" y="13"/>
                  <a:pt x="42" y="14"/>
                </a:cubicBezTo>
                <a:cubicBezTo>
                  <a:pt x="42" y="15"/>
                  <a:pt x="48" y="17"/>
                  <a:pt x="50" y="18"/>
                </a:cubicBezTo>
                <a:cubicBezTo>
                  <a:pt x="52" y="19"/>
                  <a:pt x="53" y="19"/>
                  <a:pt x="53" y="20"/>
                </a:cubicBezTo>
                <a:cubicBezTo>
                  <a:pt x="53" y="21"/>
                  <a:pt x="55" y="22"/>
                  <a:pt x="53" y="23"/>
                </a:cubicBezTo>
                <a:cubicBezTo>
                  <a:pt x="51" y="24"/>
                  <a:pt x="43" y="24"/>
                  <a:pt x="40" y="24"/>
                </a:cubicBezTo>
                <a:cubicBezTo>
                  <a:pt x="37" y="24"/>
                  <a:pt x="37" y="21"/>
                  <a:pt x="36" y="21"/>
                </a:cubicBezTo>
                <a:cubicBezTo>
                  <a:pt x="35" y="21"/>
                  <a:pt x="33" y="24"/>
                  <a:pt x="31" y="25"/>
                </a:cubicBezTo>
                <a:cubicBezTo>
                  <a:pt x="29" y="26"/>
                  <a:pt x="25" y="26"/>
                  <a:pt x="23" y="25"/>
                </a:cubicBezTo>
                <a:cubicBezTo>
                  <a:pt x="21" y="24"/>
                  <a:pt x="22" y="21"/>
                  <a:pt x="21" y="20"/>
                </a:cubicBezTo>
                <a:cubicBezTo>
                  <a:pt x="20" y="19"/>
                  <a:pt x="18" y="20"/>
                  <a:pt x="17" y="19"/>
                </a:cubicBezTo>
                <a:cubicBezTo>
                  <a:pt x="16" y="18"/>
                  <a:pt x="17" y="15"/>
                  <a:pt x="16" y="14"/>
                </a:cubicBezTo>
                <a:cubicBezTo>
                  <a:pt x="15" y="13"/>
                  <a:pt x="14" y="16"/>
                  <a:pt x="13" y="15"/>
                </a:cubicBezTo>
                <a:cubicBezTo>
                  <a:pt x="12" y="14"/>
                  <a:pt x="11" y="9"/>
                  <a:pt x="10" y="8"/>
                </a:cubicBezTo>
                <a:cubicBezTo>
                  <a:pt x="9" y="7"/>
                  <a:pt x="10" y="6"/>
                  <a:pt x="9" y="6"/>
                </a:cubicBezTo>
                <a:cubicBezTo>
                  <a:pt x="8" y="6"/>
                  <a:pt x="6" y="5"/>
                  <a:pt x="5" y="6"/>
                </a:cubicBezTo>
                <a:cubicBezTo>
                  <a:pt x="4" y="7"/>
                  <a:pt x="4" y="10"/>
                  <a:pt x="3" y="10"/>
                </a:cubicBezTo>
                <a:cubicBezTo>
                  <a:pt x="2" y="10"/>
                  <a:pt x="0" y="10"/>
                  <a:pt x="0" y="9"/>
                </a:cubicBezTo>
                <a:cubicBezTo>
                  <a:pt x="0" y="8"/>
                  <a:pt x="1" y="3"/>
                  <a:pt x="2" y="2"/>
                </a:cubicBezTo>
                <a:cubicBezTo>
                  <a:pt x="3" y="1"/>
                  <a:pt x="7" y="0"/>
                  <a:pt x="9" y="1"/>
                </a:cubicBezTo>
                <a:cubicBezTo>
                  <a:pt x="11" y="2"/>
                  <a:pt x="14" y="5"/>
                  <a:pt x="16" y="6"/>
                </a:cubicBezTo>
                <a:cubicBezTo>
                  <a:pt x="18" y="7"/>
                  <a:pt x="21" y="9"/>
                  <a:pt x="22" y="10"/>
                </a:cubicBezTo>
                <a:cubicBezTo>
                  <a:pt x="23" y="11"/>
                  <a:pt x="23" y="12"/>
                  <a:pt x="24" y="13"/>
                </a:cubicBezTo>
                <a:cubicBezTo>
                  <a:pt x="25" y="14"/>
                  <a:pt x="25" y="15"/>
                  <a:pt x="26" y="16"/>
                </a:cubicBezTo>
                <a:cubicBezTo>
                  <a:pt x="27" y="17"/>
                  <a:pt x="31" y="19"/>
                  <a:pt x="32" y="18"/>
                </a:cubicBezTo>
                <a:cubicBezTo>
                  <a:pt x="33" y="17"/>
                  <a:pt x="33" y="13"/>
                  <a:pt x="34" y="12"/>
                </a:cubicBezTo>
                <a:cubicBezTo>
                  <a:pt x="35" y="11"/>
                  <a:pt x="36" y="10"/>
                  <a:pt x="37" y="10"/>
                </a:cubicBezTo>
                <a:close/>
              </a:path>
            </a:pathLst>
          </a:custGeom>
          <a:solidFill>
            <a:srgbClr val="FFFFFF"/>
          </a:solidFill>
          <a:ln w="9525">
            <a:solidFill>
              <a:srgbClr val="000000"/>
            </a:solidFill>
            <a:round/>
            <a:headEnd/>
            <a:tailEnd/>
          </a:ln>
        </xdr:spPr>
      </xdr:sp>
      <xdr:sp macro="" textlink="">
        <xdr:nvSpPr>
          <xdr:cNvPr id="342" name="Freeform 89">
            <a:extLst>
              <a:ext uri="{FF2B5EF4-FFF2-40B4-BE49-F238E27FC236}">
                <a16:creationId xmlns:a16="http://schemas.microsoft.com/office/drawing/2014/main" id="{00000000-0008-0000-0000-000056010000}"/>
              </a:ext>
            </a:extLst>
          </xdr:cNvPr>
          <xdr:cNvSpPr>
            <a:spLocks/>
          </xdr:cNvSpPr>
        </xdr:nvSpPr>
        <xdr:spPr bwMode="auto">
          <a:xfrm>
            <a:off x="171" y="483"/>
            <a:ext cx="46" cy="21"/>
          </a:xfrm>
          <a:custGeom>
            <a:avLst/>
            <a:gdLst/>
            <a:ahLst/>
            <a:cxnLst>
              <a:cxn ang="0">
                <a:pos x="0" y="11"/>
              </a:cxn>
              <a:cxn ang="0">
                <a:pos x="6" y="3"/>
              </a:cxn>
              <a:cxn ang="0">
                <a:pos x="18" y="3"/>
              </a:cxn>
              <a:cxn ang="0">
                <a:pos x="24" y="7"/>
              </a:cxn>
              <a:cxn ang="0">
                <a:pos x="28" y="12"/>
              </a:cxn>
              <a:cxn ang="0">
                <a:pos x="32" y="13"/>
              </a:cxn>
              <a:cxn ang="0">
                <a:pos x="30" y="5"/>
              </a:cxn>
              <a:cxn ang="0">
                <a:pos x="31" y="0"/>
              </a:cxn>
              <a:cxn ang="0">
                <a:pos x="35" y="6"/>
              </a:cxn>
              <a:cxn ang="0">
                <a:pos x="39" y="9"/>
              </a:cxn>
              <a:cxn ang="0">
                <a:pos x="46" y="11"/>
              </a:cxn>
              <a:cxn ang="0">
                <a:pos x="37" y="17"/>
              </a:cxn>
              <a:cxn ang="0">
                <a:pos x="33" y="17"/>
              </a:cxn>
              <a:cxn ang="0">
                <a:pos x="29" y="21"/>
              </a:cxn>
              <a:cxn ang="0">
                <a:pos x="23" y="15"/>
              </a:cxn>
              <a:cxn ang="0">
                <a:pos x="18" y="11"/>
              </a:cxn>
              <a:cxn ang="0">
                <a:pos x="5" y="10"/>
              </a:cxn>
              <a:cxn ang="0">
                <a:pos x="0" y="11"/>
              </a:cxn>
            </a:cxnLst>
            <a:rect l="0" t="0" r="r" b="b"/>
            <a:pathLst>
              <a:path w="46" h="21">
                <a:moveTo>
                  <a:pt x="0" y="11"/>
                </a:moveTo>
                <a:cubicBezTo>
                  <a:pt x="0" y="10"/>
                  <a:pt x="3" y="4"/>
                  <a:pt x="6" y="3"/>
                </a:cubicBezTo>
                <a:cubicBezTo>
                  <a:pt x="9" y="2"/>
                  <a:pt x="15" y="2"/>
                  <a:pt x="18" y="3"/>
                </a:cubicBezTo>
                <a:cubicBezTo>
                  <a:pt x="21" y="4"/>
                  <a:pt x="22" y="6"/>
                  <a:pt x="24" y="7"/>
                </a:cubicBezTo>
                <a:cubicBezTo>
                  <a:pt x="26" y="8"/>
                  <a:pt x="27" y="11"/>
                  <a:pt x="28" y="12"/>
                </a:cubicBezTo>
                <a:cubicBezTo>
                  <a:pt x="29" y="13"/>
                  <a:pt x="32" y="14"/>
                  <a:pt x="32" y="13"/>
                </a:cubicBezTo>
                <a:cubicBezTo>
                  <a:pt x="32" y="12"/>
                  <a:pt x="30" y="7"/>
                  <a:pt x="30" y="5"/>
                </a:cubicBezTo>
                <a:cubicBezTo>
                  <a:pt x="30" y="3"/>
                  <a:pt x="30" y="0"/>
                  <a:pt x="31" y="0"/>
                </a:cubicBezTo>
                <a:cubicBezTo>
                  <a:pt x="32" y="0"/>
                  <a:pt x="34" y="5"/>
                  <a:pt x="35" y="6"/>
                </a:cubicBezTo>
                <a:cubicBezTo>
                  <a:pt x="36" y="7"/>
                  <a:pt x="37" y="8"/>
                  <a:pt x="39" y="9"/>
                </a:cubicBezTo>
                <a:cubicBezTo>
                  <a:pt x="41" y="10"/>
                  <a:pt x="46" y="10"/>
                  <a:pt x="46" y="11"/>
                </a:cubicBezTo>
                <a:cubicBezTo>
                  <a:pt x="46" y="12"/>
                  <a:pt x="39" y="16"/>
                  <a:pt x="37" y="17"/>
                </a:cubicBezTo>
                <a:cubicBezTo>
                  <a:pt x="35" y="18"/>
                  <a:pt x="34" y="16"/>
                  <a:pt x="33" y="17"/>
                </a:cubicBezTo>
                <a:cubicBezTo>
                  <a:pt x="32" y="18"/>
                  <a:pt x="31" y="21"/>
                  <a:pt x="29" y="21"/>
                </a:cubicBezTo>
                <a:cubicBezTo>
                  <a:pt x="27" y="21"/>
                  <a:pt x="25" y="17"/>
                  <a:pt x="23" y="15"/>
                </a:cubicBezTo>
                <a:cubicBezTo>
                  <a:pt x="21" y="13"/>
                  <a:pt x="21" y="12"/>
                  <a:pt x="18" y="11"/>
                </a:cubicBezTo>
                <a:cubicBezTo>
                  <a:pt x="15" y="10"/>
                  <a:pt x="8" y="10"/>
                  <a:pt x="5" y="10"/>
                </a:cubicBezTo>
                <a:cubicBezTo>
                  <a:pt x="2" y="10"/>
                  <a:pt x="0" y="12"/>
                  <a:pt x="0" y="11"/>
                </a:cubicBezTo>
                <a:close/>
              </a:path>
            </a:pathLst>
          </a:custGeom>
          <a:solidFill>
            <a:srgbClr val="FFFFFF"/>
          </a:solidFill>
          <a:ln w="9525">
            <a:solidFill>
              <a:srgbClr val="000000"/>
            </a:solidFill>
            <a:round/>
            <a:headEnd/>
            <a:tailEnd/>
          </a:ln>
        </xdr:spPr>
      </xdr:sp>
      <xdr:sp macro="" textlink="">
        <xdr:nvSpPr>
          <xdr:cNvPr id="343" name="Freeform 90">
            <a:extLst>
              <a:ext uri="{FF2B5EF4-FFF2-40B4-BE49-F238E27FC236}">
                <a16:creationId xmlns:a16="http://schemas.microsoft.com/office/drawing/2014/main" id="{00000000-0008-0000-0000-000057010000}"/>
              </a:ext>
            </a:extLst>
          </xdr:cNvPr>
          <xdr:cNvSpPr>
            <a:spLocks/>
          </xdr:cNvSpPr>
        </xdr:nvSpPr>
        <xdr:spPr bwMode="auto">
          <a:xfrm>
            <a:off x="400" y="289"/>
            <a:ext cx="71" cy="89"/>
          </a:xfrm>
          <a:custGeom>
            <a:avLst/>
            <a:gdLst/>
            <a:ahLst/>
            <a:cxnLst>
              <a:cxn ang="0">
                <a:pos x="1371" y="65"/>
              </a:cxn>
              <a:cxn ang="0">
                <a:pos x="1221" y="5"/>
              </a:cxn>
              <a:cxn ang="0">
                <a:pos x="1191" y="93"/>
              </a:cxn>
              <a:cxn ang="0">
                <a:pos x="1117" y="153"/>
              </a:cxn>
              <a:cxn ang="0">
                <a:pos x="1011" y="261"/>
              </a:cxn>
              <a:cxn ang="0">
                <a:pos x="967" y="393"/>
              </a:cxn>
              <a:cxn ang="0">
                <a:pos x="877" y="453"/>
              </a:cxn>
              <a:cxn ang="0">
                <a:pos x="787" y="453"/>
              </a:cxn>
              <a:cxn ang="0">
                <a:pos x="711" y="501"/>
              </a:cxn>
              <a:cxn ang="0">
                <a:pos x="547" y="469"/>
              </a:cxn>
              <a:cxn ang="0">
                <a:pos x="457" y="381"/>
              </a:cxn>
              <a:cxn ang="0">
                <a:pos x="367" y="381"/>
              </a:cxn>
              <a:cxn ang="0">
                <a:pos x="291" y="453"/>
              </a:cxn>
              <a:cxn ang="0">
                <a:pos x="217" y="529"/>
              </a:cxn>
              <a:cxn ang="0">
                <a:pos x="187" y="633"/>
              </a:cxn>
              <a:cxn ang="0">
                <a:pos x="111" y="693"/>
              </a:cxn>
              <a:cxn ang="0">
                <a:pos x="7" y="813"/>
              </a:cxn>
              <a:cxn ang="0">
                <a:pos x="67" y="965"/>
              </a:cxn>
              <a:cxn ang="0">
                <a:pos x="141" y="873"/>
              </a:cxn>
              <a:cxn ang="0">
                <a:pos x="261" y="801"/>
              </a:cxn>
              <a:cxn ang="0">
                <a:pos x="367" y="801"/>
              </a:cxn>
              <a:cxn ang="0">
                <a:pos x="531" y="753"/>
              </a:cxn>
              <a:cxn ang="0">
                <a:pos x="637" y="829"/>
              </a:cxn>
              <a:cxn ang="0">
                <a:pos x="637" y="993"/>
              </a:cxn>
              <a:cxn ang="0">
                <a:pos x="637" y="1085"/>
              </a:cxn>
              <a:cxn ang="0">
                <a:pos x="801" y="1101"/>
              </a:cxn>
              <a:cxn ang="0">
                <a:pos x="801" y="1233"/>
              </a:cxn>
              <a:cxn ang="0">
                <a:pos x="831" y="1369"/>
              </a:cxn>
              <a:cxn ang="0">
                <a:pos x="847" y="1473"/>
              </a:cxn>
              <a:cxn ang="0">
                <a:pos x="801" y="1625"/>
              </a:cxn>
              <a:cxn ang="0">
                <a:pos x="847" y="1729"/>
              </a:cxn>
              <a:cxn ang="0">
                <a:pos x="771" y="1893"/>
              </a:cxn>
              <a:cxn ang="0">
                <a:pos x="787" y="2061"/>
              </a:cxn>
              <a:cxn ang="0">
                <a:pos x="817" y="1969"/>
              </a:cxn>
              <a:cxn ang="0">
                <a:pos x="847" y="1761"/>
              </a:cxn>
              <a:cxn ang="0">
                <a:pos x="921" y="1593"/>
              </a:cxn>
              <a:cxn ang="0">
                <a:pos x="951" y="1353"/>
              </a:cxn>
              <a:cxn ang="0">
                <a:pos x="951" y="1249"/>
              </a:cxn>
              <a:cxn ang="0">
                <a:pos x="1101" y="1461"/>
              </a:cxn>
              <a:cxn ang="0">
                <a:pos x="1221" y="1521"/>
              </a:cxn>
              <a:cxn ang="0">
                <a:pos x="1311" y="1625"/>
              </a:cxn>
              <a:cxn ang="0">
                <a:pos x="1371" y="1713"/>
              </a:cxn>
              <a:cxn ang="0">
                <a:pos x="1477" y="1773"/>
              </a:cxn>
              <a:cxn ang="0">
                <a:pos x="1581" y="1805"/>
              </a:cxn>
              <a:cxn ang="0">
                <a:pos x="1431" y="1641"/>
              </a:cxn>
              <a:cxn ang="0">
                <a:pos x="1357" y="1521"/>
              </a:cxn>
              <a:cxn ang="0">
                <a:pos x="1221" y="1385"/>
              </a:cxn>
              <a:cxn ang="0">
                <a:pos x="1131" y="1249"/>
              </a:cxn>
              <a:cxn ang="0">
                <a:pos x="1057" y="1113"/>
              </a:cxn>
              <a:cxn ang="0">
                <a:pos x="967" y="949"/>
              </a:cxn>
              <a:cxn ang="0">
                <a:pos x="921" y="861"/>
              </a:cxn>
              <a:cxn ang="0">
                <a:pos x="877" y="753"/>
              </a:cxn>
              <a:cxn ang="0">
                <a:pos x="981" y="561"/>
              </a:cxn>
              <a:cxn ang="0">
                <a:pos x="1101" y="561"/>
              </a:cxn>
              <a:cxn ang="0">
                <a:pos x="1131" y="425"/>
              </a:cxn>
              <a:cxn ang="0">
                <a:pos x="1207" y="289"/>
              </a:cxn>
              <a:cxn ang="0">
                <a:pos x="1341" y="229"/>
              </a:cxn>
              <a:cxn ang="0">
                <a:pos x="1431" y="185"/>
              </a:cxn>
              <a:cxn ang="0">
                <a:pos x="1371" y="65"/>
              </a:cxn>
            </a:cxnLst>
            <a:rect l="0" t="0" r="r" b="b"/>
            <a:pathLst>
              <a:path w="1589" h="2074">
                <a:moveTo>
                  <a:pt x="1371" y="65"/>
                </a:moveTo>
                <a:cubicBezTo>
                  <a:pt x="1336" y="35"/>
                  <a:pt x="1251" y="0"/>
                  <a:pt x="1221" y="5"/>
                </a:cubicBezTo>
                <a:cubicBezTo>
                  <a:pt x="1191" y="10"/>
                  <a:pt x="1208" y="68"/>
                  <a:pt x="1191" y="93"/>
                </a:cubicBezTo>
                <a:cubicBezTo>
                  <a:pt x="1174" y="118"/>
                  <a:pt x="1147" y="125"/>
                  <a:pt x="1117" y="153"/>
                </a:cubicBezTo>
                <a:cubicBezTo>
                  <a:pt x="1087" y="181"/>
                  <a:pt x="1036" y="221"/>
                  <a:pt x="1011" y="261"/>
                </a:cubicBezTo>
                <a:cubicBezTo>
                  <a:pt x="986" y="301"/>
                  <a:pt x="989" y="361"/>
                  <a:pt x="967" y="393"/>
                </a:cubicBezTo>
                <a:cubicBezTo>
                  <a:pt x="945" y="425"/>
                  <a:pt x="907" y="443"/>
                  <a:pt x="877" y="453"/>
                </a:cubicBezTo>
                <a:cubicBezTo>
                  <a:pt x="847" y="463"/>
                  <a:pt x="814" y="445"/>
                  <a:pt x="787" y="453"/>
                </a:cubicBezTo>
                <a:cubicBezTo>
                  <a:pt x="760" y="461"/>
                  <a:pt x="751" y="498"/>
                  <a:pt x="711" y="501"/>
                </a:cubicBezTo>
                <a:cubicBezTo>
                  <a:pt x="671" y="504"/>
                  <a:pt x="589" y="489"/>
                  <a:pt x="547" y="469"/>
                </a:cubicBezTo>
                <a:cubicBezTo>
                  <a:pt x="505" y="449"/>
                  <a:pt x="487" y="396"/>
                  <a:pt x="457" y="381"/>
                </a:cubicBezTo>
                <a:cubicBezTo>
                  <a:pt x="427" y="366"/>
                  <a:pt x="395" y="369"/>
                  <a:pt x="367" y="381"/>
                </a:cubicBezTo>
                <a:cubicBezTo>
                  <a:pt x="339" y="393"/>
                  <a:pt x="316" y="428"/>
                  <a:pt x="291" y="453"/>
                </a:cubicBezTo>
                <a:cubicBezTo>
                  <a:pt x="266" y="478"/>
                  <a:pt x="234" y="499"/>
                  <a:pt x="217" y="529"/>
                </a:cubicBezTo>
                <a:cubicBezTo>
                  <a:pt x="200" y="559"/>
                  <a:pt x="205" y="606"/>
                  <a:pt x="187" y="633"/>
                </a:cubicBezTo>
                <a:cubicBezTo>
                  <a:pt x="169" y="660"/>
                  <a:pt x="141" y="663"/>
                  <a:pt x="111" y="693"/>
                </a:cubicBezTo>
                <a:cubicBezTo>
                  <a:pt x="81" y="723"/>
                  <a:pt x="14" y="768"/>
                  <a:pt x="7" y="813"/>
                </a:cubicBezTo>
                <a:cubicBezTo>
                  <a:pt x="0" y="858"/>
                  <a:pt x="45" y="955"/>
                  <a:pt x="67" y="965"/>
                </a:cubicBezTo>
                <a:cubicBezTo>
                  <a:pt x="89" y="975"/>
                  <a:pt x="109" y="900"/>
                  <a:pt x="141" y="873"/>
                </a:cubicBezTo>
                <a:cubicBezTo>
                  <a:pt x="173" y="846"/>
                  <a:pt x="223" y="813"/>
                  <a:pt x="261" y="801"/>
                </a:cubicBezTo>
                <a:cubicBezTo>
                  <a:pt x="299" y="789"/>
                  <a:pt x="322" y="809"/>
                  <a:pt x="367" y="801"/>
                </a:cubicBezTo>
                <a:cubicBezTo>
                  <a:pt x="412" y="793"/>
                  <a:pt x="486" y="748"/>
                  <a:pt x="531" y="753"/>
                </a:cubicBezTo>
                <a:cubicBezTo>
                  <a:pt x="576" y="758"/>
                  <a:pt x="619" y="789"/>
                  <a:pt x="637" y="829"/>
                </a:cubicBezTo>
                <a:cubicBezTo>
                  <a:pt x="655" y="869"/>
                  <a:pt x="637" y="950"/>
                  <a:pt x="637" y="993"/>
                </a:cubicBezTo>
                <a:cubicBezTo>
                  <a:pt x="637" y="1036"/>
                  <a:pt x="610" y="1067"/>
                  <a:pt x="637" y="1085"/>
                </a:cubicBezTo>
                <a:cubicBezTo>
                  <a:pt x="664" y="1103"/>
                  <a:pt x="774" y="1076"/>
                  <a:pt x="801" y="1101"/>
                </a:cubicBezTo>
                <a:cubicBezTo>
                  <a:pt x="828" y="1126"/>
                  <a:pt x="796" y="1188"/>
                  <a:pt x="801" y="1233"/>
                </a:cubicBezTo>
                <a:cubicBezTo>
                  <a:pt x="806" y="1278"/>
                  <a:pt x="823" y="1329"/>
                  <a:pt x="831" y="1369"/>
                </a:cubicBezTo>
                <a:cubicBezTo>
                  <a:pt x="839" y="1409"/>
                  <a:pt x="852" y="1430"/>
                  <a:pt x="847" y="1473"/>
                </a:cubicBezTo>
                <a:cubicBezTo>
                  <a:pt x="842" y="1516"/>
                  <a:pt x="801" y="1582"/>
                  <a:pt x="801" y="1625"/>
                </a:cubicBezTo>
                <a:cubicBezTo>
                  <a:pt x="801" y="1668"/>
                  <a:pt x="852" y="1684"/>
                  <a:pt x="847" y="1729"/>
                </a:cubicBezTo>
                <a:cubicBezTo>
                  <a:pt x="842" y="1774"/>
                  <a:pt x="781" y="1838"/>
                  <a:pt x="771" y="1893"/>
                </a:cubicBezTo>
                <a:cubicBezTo>
                  <a:pt x="761" y="1948"/>
                  <a:pt x="779" y="2048"/>
                  <a:pt x="787" y="2061"/>
                </a:cubicBezTo>
                <a:cubicBezTo>
                  <a:pt x="795" y="2074"/>
                  <a:pt x="807" y="2019"/>
                  <a:pt x="817" y="1969"/>
                </a:cubicBezTo>
                <a:cubicBezTo>
                  <a:pt x="827" y="1919"/>
                  <a:pt x="830" y="1824"/>
                  <a:pt x="847" y="1761"/>
                </a:cubicBezTo>
                <a:cubicBezTo>
                  <a:pt x="864" y="1698"/>
                  <a:pt x="904" y="1661"/>
                  <a:pt x="921" y="1593"/>
                </a:cubicBezTo>
                <a:cubicBezTo>
                  <a:pt x="938" y="1525"/>
                  <a:pt x="946" y="1410"/>
                  <a:pt x="951" y="1353"/>
                </a:cubicBezTo>
                <a:cubicBezTo>
                  <a:pt x="956" y="1296"/>
                  <a:pt x="926" y="1231"/>
                  <a:pt x="951" y="1249"/>
                </a:cubicBezTo>
                <a:cubicBezTo>
                  <a:pt x="976" y="1267"/>
                  <a:pt x="1056" y="1416"/>
                  <a:pt x="1101" y="1461"/>
                </a:cubicBezTo>
                <a:cubicBezTo>
                  <a:pt x="1146" y="1506"/>
                  <a:pt x="1186" y="1494"/>
                  <a:pt x="1221" y="1521"/>
                </a:cubicBezTo>
                <a:cubicBezTo>
                  <a:pt x="1256" y="1548"/>
                  <a:pt x="1286" y="1593"/>
                  <a:pt x="1311" y="1625"/>
                </a:cubicBezTo>
                <a:cubicBezTo>
                  <a:pt x="1336" y="1657"/>
                  <a:pt x="1343" y="1688"/>
                  <a:pt x="1371" y="1713"/>
                </a:cubicBezTo>
                <a:cubicBezTo>
                  <a:pt x="1399" y="1738"/>
                  <a:pt x="1442" y="1758"/>
                  <a:pt x="1477" y="1773"/>
                </a:cubicBezTo>
                <a:cubicBezTo>
                  <a:pt x="1512" y="1788"/>
                  <a:pt x="1589" y="1827"/>
                  <a:pt x="1581" y="1805"/>
                </a:cubicBezTo>
                <a:cubicBezTo>
                  <a:pt x="1573" y="1783"/>
                  <a:pt x="1468" y="1688"/>
                  <a:pt x="1431" y="1641"/>
                </a:cubicBezTo>
                <a:cubicBezTo>
                  <a:pt x="1394" y="1594"/>
                  <a:pt x="1392" y="1564"/>
                  <a:pt x="1357" y="1521"/>
                </a:cubicBezTo>
                <a:cubicBezTo>
                  <a:pt x="1322" y="1478"/>
                  <a:pt x="1259" y="1430"/>
                  <a:pt x="1221" y="1385"/>
                </a:cubicBezTo>
                <a:cubicBezTo>
                  <a:pt x="1183" y="1340"/>
                  <a:pt x="1158" y="1294"/>
                  <a:pt x="1131" y="1249"/>
                </a:cubicBezTo>
                <a:cubicBezTo>
                  <a:pt x="1104" y="1204"/>
                  <a:pt x="1084" y="1163"/>
                  <a:pt x="1057" y="1113"/>
                </a:cubicBezTo>
                <a:cubicBezTo>
                  <a:pt x="1030" y="1063"/>
                  <a:pt x="990" y="991"/>
                  <a:pt x="967" y="949"/>
                </a:cubicBezTo>
                <a:cubicBezTo>
                  <a:pt x="944" y="907"/>
                  <a:pt x="936" y="894"/>
                  <a:pt x="921" y="861"/>
                </a:cubicBezTo>
                <a:cubicBezTo>
                  <a:pt x="906" y="828"/>
                  <a:pt x="867" y="803"/>
                  <a:pt x="877" y="753"/>
                </a:cubicBezTo>
                <a:cubicBezTo>
                  <a:pt x="887" y="703"/>
                  <a:pt x="944" y="593"/>
                  <a:pt x="981" y="561"/>
                </a:cubicBezTo>
                <a:cubicBezTo>
                  <a:pt x="1018" y="529"/>
                  <a:pt x="1076" y="584"/>
                  <a:pt x="1101" y="561"/>
                </a:cubicBezTo>
                <a:cubicBezTo>
                  <a:pt x="1126" y="538"/>
                  <a:pt x="1113" y="470"/>
                  <a:pt x="1131" y="425"/>
                </a:cubicBezTo>
                <a:cubicBezTo>
                  <a:pt x="1149" y="380"/>
                  <a:pt x="1172" y="322"/>
                  <a:pt x="1207" y="289"/>
                </a:cubicBezTo>
                <a:cubicBezTo>
                  <a:pt x="1242" y="256"/>
                  <a:pt x="1304" y="246"/>
                  <a:pt x="1341" y="229"/>
                </a:cubicBezTo>
                <a:cubicBezTo>
                  <a:pt x="1378" y="212"/>
                  <a:pt x="1421" y="215"/>
                  <a:pt x="1431" y="185"/>
                </a:cubicBezTo>
                <a:cubicBezTo>
                  <a:pt x="1441" y="155"/>
                  <a:pt x="1406" y="95"/>
                  <a:pt x="1371" y="65"/>
                </a:cubicBezTo>
                <a:close/>
              </a:path>
            </a:pathLst>
          </a:custGeom>
          <a:solidFill>
            <a:srgbClr val="FFFFFF"/>
          </a:solidFill>
          <a:ln w="9525">
            <a:solidFill>
              <a:srgbClr val="000000"/>
            </a:solidFill>
            <a:round/>
            <a:headEnd/>
            <a:tailEnd/>
          </a:ln>
        </xdr:spPr>
      </xdr:sp>
      <xdr:sp macro="" textlink="">
        <xdr:nvSpPr>
          <xdr:cNvPr id="344" name="Freeform 91">
            <a:extLst>
              <a:ext uri="{FF2B5EF4-FFF2-40B4-BE49-F238E27FC236}">
                <a16:creationId xmlns:a16="http://schemas.microsoft.com/office/drawing/2014/main" id="{00000000-0008-0000-0000-000058010000}"/>
              </a:ext>
            </a:extLst>
          </xdr:cNvPr>
          <xdr:cNvSpPr>
            <a:spLocks/>
          </xdr:cNvSpPr>
        </xdr:nvSpPr>
        <xdr:spPr bwMode="auto">
          <a:xfrm>
            <a:off x="132" y="741"/>
            <a:ext cx="57" cy="73"/>
          </a:xfrm>
          <a:custGeom>
            <a:avLst/>
            <a:gdLst/>
            <a:ahLst/>
            <a:cxnLst>
              <a:cxn ang="0">
                <a:pos x="45" y="73"/>
              </a:cxn>
              <a:cxn ang="0">
                <a:pos x="43" y="68"/>
              </a:cxn>
              <a:cxn ang="0">
                <a:pos x="35" y="68"/>
              </a:cxn>
              <a:cxn ang="0">
                <a:pos x="32" y="72"/>
              </a:cxn>
              <a:cxn ang="0">
                <a:pos x="28" y="65"/>
              </a:cxn>
              <a:cxn ang="0">
                <a:pos x="28" y="60"/>
              </a:cxn>
              <a:cxn ang="0">
                <a:pos x="21" y="57"/>
              </a:cxn>
              <a:cxn ang="0">
                <a:pos x="21" y="52"/>
              </a:cxn>
              <a:cxn ang="0">
                <a:pos x="15" y="47"/>
              </a:cxn>
              <a:cxn ang="0">
                <a:pos x="15" y="42"/>
              </a:cxn>
              <a:cxn ang="0">
                <a:pos x="15" y="38"/>
              </a:cxn>
              <a:cxn ang="0">
                <a:pos x="16" y="33"/>
              </a:cxn>
              <a:cxn ang="0">
                <a:pos x="13" y="28"/>
              </a:cxn>
              <a:cxn ang="0">
                <a:pos x="7" y="24"/>
              </a:cxn>
              <a:cxn ang="0">
                <a:pos x="7" y="20"/>
              </a:cxn>
              <a:cxn ang="0">
                <a:pos x="6" y="16"/>
              </a:cxn>
              <a:cxn ang="0">
                <a:pos x="1" y="12"/>
              </a:cxn>
              <a:cxn ang="0">
                <a:pos x="0" y="6"/>
              </a:cxn>
              <a:cxn ang="0">
                <a:pos x="1" y="2"/>
              </a:cxn>
              <a:cxn ang="0">
                <a:pos x="6" y="0"/>
              </a:cxn>
              <a:cxn ang="0">
                <a:pos x="10" y="1"/>
              </a:cxn>
              <a:cxn ang="0">
                <a:pos x="16" y="5"/>
              </a:cxn>
              <a:cxn ang="0">
                <a:pos x="16" y="9"/>
              </a:cxn>
              <a:cxn ang="0">
                <a:pos x="17" y="17"/>
              </a:cxn>
              <a:cxn ang="0">
                <a:pos x="19" y="24"/>
              </a:cxn>
              <a:cxn ang="0">
                <a:pos x="23" y="31"/>
              </a:cxn>
              <a:cxn ang="0">
                <a:pos x="27" y="37"/>
              </a:cxn>
              <a:cxn ang="0">
                <a:pos x="32" y="41"/>
              </a:cxn>
              <a:cxn ang="0">
                <a:pos x="38" y="45"/>
              </a:cxn>
              <a:cxn ang="0">
                <a:pos x="44" y="49"/>
              </a:cxn>
              <a:cxn ang="0">
                <a:pos x="53" y="53"/>
              </a:cxn>
              <a:cxn ang="0">
                <a:pos x="57" y="53"/>
              </a:cxn>
              <a:cxn ang="0">
                <a:pos x="56" y="57"/>
              </a:cxn>
              <a:cxn ang="0">
                <a:pos x="53" y="61"/>
              </a:cxn>
              <a:cxn ang="0">
                <a:pos x="47" y="62"/>
              </a:cxn>
              <a:cxn ang="0">
                <a:pos x="51" y="67"/>
              </a:cxn>
              <a:cxn ang="0">
                <a:pos x="45" y="73"/>
              </a:cxn>
            </a:cxnLst>
            <a:rect l="0" t="0" r="r" b="b"/>
            <a:pathLst>
              <a:path w="57" h="73">
                <a:moveTo>
                  <a:pt x="45" y="73"/>
                </a:moveTo>
                <a:cubicBezTo>
                  <a:pt x="44" y="73"/>
                  <a:pt x="45" y="69"/>
                  <a:pt x="43" y="68"/>
                </a:cubicBezTo>
                <a:cubicBezTo>
                  <a:pt x="41" y="67"/>
                  <a:pt x="37" y="67"/>
                  <a:pt x="35" y="68"/>
                </a:cubicBezTo>
                <a:cubicBezTo>
                  <a:pt x="33" y="69"/>
                  <a:pt x="33" y="72"/>
                  <a:pt x="32" y="72"/>
                </a:cubicBezTo>
                <a:cubicBezTo>
                  <a:pt x="31" y="72"/>
                  <a:pt x="29" y="67"/>
                  <a:pt x="28" y="65"/>
                </a:cubicBezTo>
                <a:cubicBezTo>
                  <a:pt x="27" y="63"/>
                  <a:pt x="29" y="61"/>
                  <a:pt x="28" y="60"/>
                </a:cubicBezTo>
                <a:cubicBezTo>
                  <a:pt x="27" y="59"/>
                  <a:pt x="22" y="58"/>
                  <a:pt x="21" y="57"/>
                </a:cubicBezTo>
                <a:cubicBezTo>
                  <a:pt x="20" y="56"/>
                  <a:pt x="22" y="54"/>
                  <a:pt x="21" y="52"/>
                </a:cubicBezTo>
                <a:cubicBezTo>
                  <a:pt x="20" y="50"/>
                  <a:pt x="16" y="49"/>
                  <a:pt x="15" y="47"/>
                </a:cubicBezTo>
                <a:cubicBezTo>
                  <a:pt x="14" y="45"/>
                  <a:pt x="15" y="43"/>
                  <a:pt x="15" y="42"/>
                </a:cubicBezTo>
                <a:cubicBezTo>
                  <a:pt x="15" y="41"/>
                  <a:pt x="15" y="39"/>
                  <a:pt x="15" y="38"/>
                </a:cubicBezTo>
                <a:cubicBezTo>
                  <a:pt x="15" y="37"/>
                  <a:pt x="16" y="35"/>
                  <a:pt x="16" y="33"/>
                </a:cubicBezTo>
                <a:cubicBezTo>
                  <a:pt x="16" y="31"/>
                  <a:pt x="14" y="29"/>
                  <a:pt x="13" y="28"/>
                </a:cubicBezTo>
                <a:cubicBezTo>
                  <a:pt x="12" y="27"/>
                  <a:pt x="8" y="25"/>
                  <a:pt x="7" y="24"/>
                </a:cubicBezTo>
                <a:cubicBezTo>
                  <a:pt x="6" y="23"/>
                  <a:pt x="7" y="21"/>
                  <a:pt x="7" y="20"/>
                </a:cubicBezTo>
                <a:cubicBezTo>
                  <a:pt x="7" y="19"/>
                  <a:pt x="7" y="17"/>
                  <a:pt x="6" y="16"/>
                </a:cubicBezTo>
                <a:cubicBezTo>
                  <a:pt x="5" y="15"/>
                  <a:pt x="2" y="14"/>
                  <a:pt x="1" y="12"/>
                </a:cubicBezTo>
                <a:cubicBezTo>
                  <a:pt x="0" y="10"/>
                  <a:pt x="0" y="8"/>
                  <a:pt x="0" y="6"/>
                </a:cubicBezTo>
                <a:cubicBezTo>
                  <a:pt x="0" y="4"/>
                  <a:pt x="0" y="3"/>
                  <a:pt x="1" y="2"/>
                </a:cubicBezTo>
                <a:cubicBezTo>
                  <a:pt x="2" y="1"/>
                  <a:pt x="5" y="0"/>
                  <a:pt x="6" y="0"/>
                </a:cubicBezTo>
                <a:cubicBezTo>
                  <a:pt x="7" y="0"/>
                  <a:pt x="8" y="0"/>
                  <a:pt x="10" y="1"/>
                </a:cubicBezTo>
                <a:cubicBezTo>
                  <a:pt x="12" y="2"/>
                  <a:pt x="15" y="4"/>
                  <a:pt x="16" y="5"/>
                </a:cubicBezTo>
                <a:cubicBezTo>
                  <a:pt x="17" y="6"/>
                  <a:pt x="16" y="7"/>
                  <a:pt x="16" y="9"/>
                </a:cubicBezTo>
                <a:cubicBezTo>
                  <a:pt x="16" y="11"/>
                  <a:pt x="17" y="15"/>
                  <a:pt x="17" y="17"/>
                </a:cubicBezTo>
                <a:cubicBezTo>
                  <a:pt x="17" y="19"/>
                  <a:pt x="18" y="22"/>
                  <a:pt x="19" y="24"/>
                </a:cubicBezTo>
                <a:cubicBezTo>
                  <a:pt x="20" y="26"/>
                  <a:pt x="22" y="29"/>
                  <a:pt x="23" y="31"/>
                </a:cubicBezTo>
                <a:cubicBezTo>
                  <a:pt x="24" y="33"/>
                  <a:pt x="26" y="35"/>
                  <a:pt x="27" y="37"/>
                </a:cubicBezTo>
                <a:cubicBezTo>
                  <a:pt x="28" y="39"/>
                  <a:pt x="30" y="40"/>
                  <a:pt x="32" y="41"/>
                </a:cubicBezTo>
                <a:cubicBezTo>
                  <a:pt x="34" y="42"/>
                  <a:pt x="36" y="44"/>
                  <a:pt x="38" y="45"/>
                </a:cubicBezTo>
                <a:cubicBezTo>
                  <a:pt x="40" y="46"/>
                  <a:pt x="42" y="48"/>
                  <a:pt x="44" y="49"/>
                </a:cubicBezTo>
                <a:cubicBezTo>
                  <a:pt x="46" y="50"/>
                  <a:pt x="51" y="52"/>
                  <a:pt x="53" y="53"/>
                </a:cubicBezTo>
                <a:cubicBezTo>
                  <a:pt x="55" y="54"/>
                  <a:pt x="57" y="52"/>
                  <a:pt x="57" y="53"/>
                </a:cubicBezTo>
                <a:cubicBezTo>
                  <a:pt x="57" y="54"/>
                  <a:pt x="57" y="56"/>
                  <a:pt x="56" y="57"/>
                </a:cubicBezTo>
                <a:cubicBezTo>
                  <a:pt x="55" y="58"/>
                  <a:pt x="54" y="60"/>
                  <a:pt x="53" y="61"/>
                </a:cubicBezTo>
                <a:cubicBezTo>
                  <a:pt x="52" y="62"/>
                  <a:pt x="47" y="61"/>
                  <a:pt x="47" y="62"/>
                </a:cubicBezTo>
                <a:cubicBezTo>
                  <a:pt x="47" y="63"/>
                  <a:pt x="51" y="66"/>
                  <a:pt x="51" y="67"/>
                </a:cubicBezTo>
                <a:cubicBezTo>
                  <a:pt x="51" y="68"/>
                  <a:pt x="46" y="73"/>
                  <a:pt x="45" y="73"/>
                </a:cubicBezTo>
                <a:close/>
              </a:path>
            </a:pathLst>
          </a:custGeom>
          <a:solidFill>
            <a:srgbClr val="FFFFFF"/>
          </a:solidFill>
          <a:ln w="9525">
            <a:solidFill>
              <a:srgbClr val="000000"/>
            </a:solidFill>
            <a:round/>
            <a:headEnd/>
            <a:tailEnd/>
          </a:ln>
        </xdr:spPr>
      </xdr:sp>
    </xdr:grpSp>
    <xdr:clientData/>
  </xdr:twoCellAnchor>
  <xdr:twoCellAnchor>
    <xdr:from>
      <xdr:col>6</xdr:col>
      <xdr:colOff>536863</xdr:colOff>
      <xdr:row>9</xdr:row>
      <xdr:rowOff>1</xdr:rowOff>
    </xdr:from>
    <xdr:to>
      <xdr:col>7</xdr:col>
      <xdr:colOff>294408</xdr:colOff>
      <xdr:row>11</xdr:row>
      <xdr:rowOff>34638</xdr:rowOff>
    </xdr:to>
    <xdr:sp macro="" textlink="">
      <xdr:nvSpPr>
        <xdr:cNvPr id="345" name="星 4 344">
          <a:hlinkClick xmlns:r="http://schemas.openxmlformats.org/officeDocument/2006/relationships" r:id="rId1"/>
          <a:extLst>
            <a:ext uri="{FF2B5EF4-FFF2-40B4-BE49-F238E27FC236}">
              <a16:creationId xmlns:a16="http://schemas.microsoft.com/office/drawing/2014/main" id="{00000000-0008-0000-0000-000059010000}"/>
            </a:ext>
          </a:extLst>
        </xdr:cNvPr>
        <xdr:cNvSpPr/>
      </xdr:nvSpPr>
      <xdr:spPr bwMode="auto">
        <a:xfrm>
          <a:off x="4194463" y="1371601"/>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9</xdr:col>
      <xdr:colOff>432954</xdr:colOff>
      <xdr:row>13</xdr:row>
      <xdr:rowOff>1</xdr:rowOff>
    </xdr:from>
    <xdr:to>
      <xdr:col>10</xdr:col>
      <xdr:colOff>190499</xdr:colOff>
      <xdr:row>15</xdr:row>
      <xdr:rowOff>34638</xdr:rowOff>
    </xdr:to>
    <xdr:sp macro="" textlink="">
      <xdr:nvSpPr>
        <xdr:cNvPr id="346" name="星 4 345">
          <a:hlinkClick xmlns:r="http://schemas.openxmlformats.org/officeDocument/2006/relationships" r:id="rId2"/>
          <a:extLst>
            <a:ext uri="{FF2B5EF4-FFF2-40B4-BE49-F238E27FC236}">
              <a16:creationId xmlns:a16="http://schemas.microsoft.com/office/drawing/2014/main" id="{00000000-0008-0000-0000-00005A010000}"/>
            </a:ext>
          </a:extLst>
        </xdr:cNvPr>
        <xdr:cNvSpPr/>
      </xdr:nvSpPr>
      <xdr:spPr bwMode="auto">
        <a:xfrm>
          <a:off x="5919354" y="1981201"/>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9</xdr:col>
      <xdr:colOff>138547</xdr:colOff>
      <xdr:row>11</xdr:row>
      <xdr:rowOff>51954</xdr:rowOff>
    </xdr:from>
    <xdr:to>
      <xdr:col>9</xdr:col>
      <xdr:colOff>484911</xdr:colOff>
      <xdr:row>13</xdr:row>
      <xdr:rowOff>69272</xdr:rowOff>
    </xdr:to>
    <xdr:sp macro="" textlink="">
      <xdr:nvSpPr>
        <xdr:cNvPr id="347" name="星 7 346">
          <a:hlinkClick xmlns:r="http://schemas.openxmlformats.org/officeDocument/2006/relationships" r:id="rId15"/>
          <a:extLst>
            <a:ext uri="{FF2B5EF4-FFF2-40B4-BE49-F238E27FC236}">
              <a16:creationId xmlns:a16="http://schemas.microsoft.com/office/drawing/2014/main" id="{00000000-0008-0000-0000-00005B010000}"/>
            </a:ext>
          </a:extLst>
        </xdr:cNvPr>
        <xdr:cNvSpPr/>
      </xdr:nvSpPr>
      <xdr:spPr bwMode="auto">
        <a:xfrm>
          <a:off x="5624947" y="1728354"/>
          <a:ext cx="346364" cy="322118"/>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7</xdr:col>
      <xdr:colOff>588819</xdr:colOff>
      <xdr:row>25</xdr:row>
      <xdr:rowOff>0</xdr:rowOff>
    </xdr:from>
    <xdr:to>
      <xdr:col>8</xdr:col>
      <xdr:colOff>329047</xdr:colOff>
      <xdr:row>27</xdr:row>
      <xdr:rowOff>17318</xdr:rowOff>
    </xdr:to>
    <xdr:sp macro="" textlink="">
      <xdr:nvSpPr>
        <xdr:cNvPr id="348" name="星 7 347">
          <a:hlinkClick xmlns:r="http://schemas.openxmlformats.org/officeDocument/2006/relationships" r:id="rId19"/>
          <a:extLst>
            <a:ext uri="{FF2B5EF4-FFF2-40B4-BE49-F238E27FC236}">
              <a16:creationId xmlns:a16="http://schemas.microsoft.com/office/drawing/2014/main" id="{00000000-0008-0000-0000-00005C010000}"/>
            </a:ext>
          </a:extLst>
        </xdr:cNvPr>
        <xdr:cNvSpPr/>
      </xdr:nvSpPr>
      <xdr:spPr bwMode="auto">
        <a:xfrm>
          <a:off x="4856019" y="3810000"/>
          <a:ext cx="349828" cy="322118"/>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1</xdr:col>
      <xdr:colOff>484910</xdr:colOff>
      <xdr:row>7</xdr:row>
      <xdr:rowOff>17318</xdr:rowOff>
    </xdr:from>
    <xdr:to>
      <xdr:col>12</xdr:col>
      <xdr:colOff>225138</xdr:colOff>
      <xdr:row>9</xdr:row>
      <xdr:rowOff>34637</xdr:rowOff>
    </xdr:to>
    <xdr:sp macro="" textlink="">
      <xdr:nvSpPr>
        <xdr:cNvPr id="349" name="星 7 348">
          <a:hlinkClick xmlns:r="http://schemas.openxmlformats.org/officeDocument/2006/relationships" r:id="rId3"/>
          <a:extLst>
            <a:ext uri="{FF2B5EF4-FFF2-40B4-BE49-F238E27FC236}">
              <a16:creationId xmlns:a16="http://schemas.microsoft.com/office/drawing/2014/main" id="{00000000-0008-0000-0000-00005D010000}"/>
            </a:ext>
          </a:extLst>
        </xdr:cNvPr>
        <xdr:cNvSpPr/>
      </xdr:nvSpPr>
      <xdr:spPr bwMode="auto">
        <a:xfrm>
          <a:off x="7190510" y="1084118"/>
          <a:ext cx="349828" cy="322119"/>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4</xdr:col>
      <xdr:colOff>1</xdr:colOff>
      <xdr:row>9</xdr:row>
      <xdr:rowOff>0</xdr:rowOff>
    </xdr:from>
    <xdr:to>
      <xdr:col>14</xdr:col>
      <xdr:colOff>346365</xdr:colOff>
      <xdr:row>11</xdr:row>
      <xdr:rowOff>17319</xdr:rowOff>
    </xdr:to>
    <xdr:sp macro="" textlink="">
      <xdr:nvSpPr>
        <xdr:cNvPr id="351" name="星 7 350">
          <a:hlinkClick xmlns:r="http://schemas.openxmlformats.org/officeDocument/2006/relationships" r:id="rId4"/>
          <a:extLst>
            <a:ext uri="{FF2B5EF4-FFF2-40B4-BE49-F238E27FC236}">
              <a16:creationId xmlns:a16="http://schemas.microsoft.com/office/drawing/2014/main" id="{00000000-0008-0000-0000-00005F010000}"/>
            </a:ext>
          </a:extLst>
        </xdr:cNvPr>
        <xdr:cNvSpPr/>
      </xdr:nvSpPr>
      <xdr:spPr bwMode="auto">
        <a:xfrm>
          <a:off x="8534401" y="1371600"/>
          <a:ext cx="346364" cy="322119"/>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138546</xdr:colOff>
      <xdr:row>18</xdr:row>
      <xdr:rowOff>86591</xdr:rowOff>
    </xdr:from>
    <xdr:to>
      <xdr:col>13</xdr:col>
      <xdr:colOff>484910</xdr:colOff>
      <xdr:row>20</xdr:row>
      <xdr:rowOff>103910</xdr:rowOff>
    </xdr:to>
    <xdr:sp macro="" textlink="">
      <xdr:nvSpPr>
        <xdr:cNvPr id="352" name="星 7 351">
          <a:hlinkClick xmlns:r="http://schemas.openxmlformats.org/officeDocument/2006/relationships" r:id="rId5"/>
          <a:extLst>
            <a:ext uri="{FF2B5EF4-FFF2-40B4-BE49-F238E27FC236}">
              <a16:creationId xmlns:a16="http://schemas.microsoft.com/office/drawing/2014/main" id="{00000000-0008-0000-0000-000060010000}"/>
            </a:ext>
          </a:extLst>
        </xdr:cNvPr>
        <xdr:cNvSpPr/>
      </xdr:nvSpPr>
      <xdr:spPr bwMode="auto">
        <a:xfrm>
          <a:off x="8063346" y="2829791"/>
          <a:ext cx="346364" cy="322119"/>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4</xdr:col>
      <xdr:colOff>51956</xdr:colOff>
      <xdr:row>28</xdr:row>
      <xdr:rowOff>138546</xdr:rowOff>
    </xdr:from>
    <xdr:to>
      <xdr:col>14</xdr:col>
      <xdr:colOff>398320</xdr:colOff>
      <xdr:row>31</xdr:row>
      <xdr:rowOff>1</xdr:rowOff>
    </xdr:to>
    <xdr:sp macro="" textlink="">
      <xdr:nvSpPr>
        <xdr:cNvPr id="353" name="星 7 352">
          <a:hlinkClick xmlns:r="http://schemas.openxmlformats.org/officeDocument/2006/relationships" r:id="rId6"/>
          <a:extLst>
            <a:ext uri="{FF2B5EF4-FFF2-40B4-BE49-F238E27FC236}">
              <a16:creationId xmlns:a16="http://schemas.microsoft.com/office/drawing/2014/main" id="{00000000-0008-0000-0000-000061010000}"/>
            </a:ext>
          </a:extLst>
        </xdr:cNvPr>
        <xdr:cNvSpPr/>
      </xdr:nvSpPr>
      <xdr:spPr bwMode="auto">
        <a:xfrm>
          <a:off x="8586356" y="4405746"/>
          <a:ext cx="346364" cy="318655"/>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4</xdr:col>
      <xdr:colOff>242453</xdr:colOff>
      <xdr:row>22</xdr:row>
      <xdr:rowOff>17320</xdr:rowOff>
    </xdr:from>
    <xdr:to>
      <xdr:col>14</xdr:col>
      <xdr:colOff>606135</xdr:colOff>
      <xdr:row>24</xdr:row>
      <xdr:rowOff>51956</xdr:rowOff>
    </xdr:to>
    <xdr:sp macro="" textlink="">
      <xdr:nvSpPr>
        <xdr:cNvPr id="354" name="星 4 353">
          <a:hlinkClick xmlns:r="http://schemas.openxmlformats.org/officeDocument/2006/relationships" r:id="rId20"/>
          <a:extLst>
            <a:ext uri="{FF2B5EF4-FFF2-40B4-BE49-F238E27FC236}">
              <a16:creationId xmlns:a16="http://schemas.microsoft.com/office/drawing/2014/main" id="{00000000-0008-0000-0000-000062010000}"/>
            </a:ext>
          </a:extLst>
        </xdr:cNvPr>
        <xdr:cNvSpPr/>
      </xdr:nvSpPr>
      <xdr:spPr bwMode="auto">
        <a:xfrm>
          <a:off x="8776853" y="3370120"/>
          <a:ext cx="363682" cy="339436"/>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380998</xdr:colOff>
      <xdr:row>21</xdr:row>
      <xdr:rowOff>86592</xdr:rowOff>
    </xdr:from>
    <xdr:to>
      <xdr:col>14</xdr:col>
      <xdr:colOff>138544</xdr:colOff>
      <xdr:row>23</xdr:row>
      <xdr:rowOff>121229</xdr:rowOff>
    </xdr:to>
    <xdr:sp macro="" textlink="">
      <xdr:nvSpPr>
        <xdr:cNvPr id="355" name="星 4 354">
          <a:hlinkClick xmlns:r="http://schemas.openxmlformats.org/officeDocument/2006/relationships" r:id="rId17"/>
          <a:extLst>
            <a:ext uri="{FF2B5EF4-FFF2-40B4-BE49-F238E27FC236}">
              <a16:creationId xmlns:a16="http://schemas.microsoft.com/office/drawing/2014/main" id="{00000000-0008-0000-0000-000063010000}"/>
            </a:ext>
          </a:extLst>
        </xdr:cNvPr>
        <xdr:cNvSpPr/>
      </xdr:nvSpPr>
      <xdr:spPr bwMode="auto">
        <a:xfrm>
          <a:off x="8305798" y="3286992"/>
          <a:ext cx="367146"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86589</xdr:colOff>
      <xdr:row>22</xdr:row>
      <xdr:rowOff>103911</xdr:rowOff>
    </xdr:from>
    <xdr:to>
      <xdr:col>13</xdr:col>
      <xdr:colOff>450271</xdr:colOff>
      <xdr:row>24</xdr:row>
      <xdr:rowOff>138547</xdr:rowOff>
    </xdr:to>
    <xdr:sp macro="" textlink="">
      <xdr:nvSpPr>
        <xdr:cNvPr id="356" name="星 4 355">
          <a:hlinkClick xmlns:r="http://schemas.openxmlformats.org/officeDocument/2006/relationships" r:id="rId18"/>
          <a:extLst>
            <a:ext uri="{FF2B5EF4-FFF2-40B4-BE49-F238E27FC236}">
              <a16:creationId xmlns:a16="http://schemas.microsoft.com/office/drawing/2014/main" id="{00000000-0008-0000-0000-000064010000}"/>
            </a:ext>
          </a:extLst>
        </xdr:cNvPr>
        <xdr:cNvSpPr/>
      </xdr:nvSpPr>
      <xdr:spPr bwMode="auto">
        <a:xfrm>
          <a:off x="8011389" y="3456711"/>
          <a:ext cx="363682" cy="339436"/>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6</xdr:col>
      <xdr:colOff>415635</xdr:colOff>
      <xdr:row>27</xdr:row>
      <xdr:rowOff>51955</xdr:rowOff>
    </xdr:from>
    <xdr:to>
      <xdr:col>7</xdr:col>
      <xdr:colOff>173180</xdr:colOff>
      <xdr:row>29</xdr:row>
      <xdr:rowOff>86592</xdr:rowOff>
    </xdr:to>
    <xdr:sp macro="" textlink="">
      <xdr:nvSpPr>
        <xdr:cNvPr id="358" name="星 4 357">
          <a:hlinkClick xmlns:r="http://schemas.openxmlformats.org/officeDocument/2006/relationships" r:id="rId8"/>
          <a:extLst>
            <a:ext uri="{FF2B5EF4-FFF2-40B4-BE49-F238E27FC236}">
              <a16:creationId xmlns:a16="http://schemas.microsoft.com/office/drawing/2014/main" id="{00000000-0008-0000-0000-000066010000}"/>
            </a:ext>
          </a:extLst>
        </xdr:cNvPr>
        <xdr:cNvSpPr/>
      </xdr:nvSpPr>
      <xdr:spPr bwMode="auto">
        <a:xfrm>
          <a:off x="4073235" y="4166755"/>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1</xdr:col>
      <xdr:colOff>311726</xdr:colOff>
      <xdr:row>26</xdr:row>
      <xdr:rowOff>121228</xdr:rowOff>
    </xdr:from>
    <xdr:to>
      <xdr:col>12</xdr:col>
      <xdr:colOff>69272</xdr:colOff>
      <xdr:row>29</xdr:row>
      <xdr:rowOff>1</xdr:rowOff>
    </xdr:to>
    <xdr:sp macro="" textlink="">
      <xdr:nvSpPr>
        <xdr:cNvPr id="359" name="星 4 358">
          <a:hlinkClick xmlns:r="http://schemas.openxmlformats.org/officeDocument/2006/relationships" r:id="rId9"/>
          <a:extLst>
            <a:ext uri="{FF2B5EF4-FFF2-40B4-BE49-F238E27FC236}">
              <a16:creationId xmlns:a16="http://schemas.microsoft.com/office/drawing/2014/main" id="{00000000-0008-0000-0000-000067010000}"/>
            </a:ext>
          </a:extLst>
        </xdr:cNvPr>
        <xdr:cNvSpPr/>
      </xdr:nvSpPr>
      <xdr:spPr bwMode="auto">
        <a:xfrm>
          <a:off x="7017326" y="4083628"/>
          <a:ext cx="367146" cy="335973"/>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4</xdr:col>
      <xdr:colOff>383885</xdr:colOff>
      <xdr:row>36</xdr:row>
      <xdr:rowOff>51955</xdr:rowOff>
    </xdr:from>
    <xdr:to>
      <xdr:col>5</xdr:col>
      <xdr:colOff>141430</xdr:colOff>
      <xdr:row>38</xdr:row>
      <xdr:rowOff>86592</xdr:rowOff>
    </xdr:to>
    <xdr:sp macro="" textlink="">
      <xdr:nvSpPr>
        <xdr:cNvPr id="360" name="星 4 359">
          <a:hlinkClick xmlns:r="http://schemas.openxmlformats.org/officeDocument/2006/relationships" r:id="rId10"/>
          <a:extLst>
            <a:ext uri="{FF2B5EF4-FFF2-40B4-BE49-F238E27FC236}">
              <a16:creationId xmlns:a16="http://schemas.microsoft.com/office/drawing/2014/main" id="{00000000-0008-0000-0000-000068010000}"/>
            </a:ext>
          </a:extLst>
        </xdr:cNvPr>
        <xdr:cNvSpPr/>
      </xdr:nvSpPr>
      <xdr:spPr bwMode="auto">
        <a:xfrm>
          <a:off x="2822285" y="5538355"/>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3</xdr:col>
      <xdr:colOff>415635</xdr:colOff>
      <xdr:row>39</xdr:row>
      <xdr:rowOff>99580</xdr:rowOff>
    </xdr:from>
    <xdr:to>
      <xdr:col>14</xdr:col>
      <xdr:colOff>173180</xdr:colOff>
      <xdr:row>41</xdr:row>
      <xdr:rowOff>134217</xdr:rowOff>
    </xdr:to>
    <xdr:sp macro="" textlink="">
      <xdr:nvSpPr>
        <xdr:cNvPr id="361" name="星 4 360">
          <a:hlinkClick xmlns:r="http://schemas.openxmlformats.org/officeDocument/2006/relationships" r:id="rId11"/>
          <a:extLst>
            <a:ext uri="{FF2B5EF4-FFF2-40B4-BE49-F238E27FC236}">
              <a16:creationId xmlns:a16="http://schemas.microsoft.com/office/drawing/2014/main" id="{00000000-0008-0000-0000-000069010000}"/>
            </a:ext>
          </a:extLst>
        </xdr:cNvPr>
        <xdr:cNvSpPr/>
      </xdr:nvSpPr>
      <xdr:spPr bwMode="auto">
        <a:xfrm>
          <a:off x="8340435" y="6043180"/>
          <a:ext cx="367145"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2</xdr:col>
      <xdr:colOff>460375</xdr:colOff>
      <xdr:row>5</xdr:row>
      <xdr:rowOff>15874</xdr:rowOff>
    </xdr:from>
    <xdr:to>
      <xdr:col>16</xdr:col>
      <xdr:colOff>47624</xdr:colOff>
      <xdr:row>6</xdr:row>
      <xdr:rowOff>141524</xdr:rowOff>
    </xdr:to>
    <xdr:sp macro="" textlink="">
      <xdr:nvSpPr>
        <xdr:cNvPr id="362" name="正方形/長方形 361">
          <a:hlinkClick xmlns:r="http://schemas.openxmlformats.org/officeDocument/2006/relationships" r:id="rId3"/>
          <a:extLst>
            <a:ext uri="{FF2B5EF4-FFF2-40B4-BE49-F238E27FC236}">
              <a16:creationId xmlns:a16="http://schemas.microsoft.com/office/drawing/2014/main" id="{00000000-0008-0000-0000-00006A010000}"/>
            </a:ext>
          </a:extLst>
        </xdr:cNvPr>
        <xdr:cNvSpPr/>
      </xdr:nvSpPr>
      <xdr:spPr bwMode="auto">
        <a:xfrm>
          <a:off x="7775575" y="777874"/>
          <a:ext cx="2025649" cy="27805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聖マリアンナ医科大学病院</a:t>
          </a:r>
        </a:p>
      </xdr:txBody>
    </xdr:sp>
    <xdr:clientData/>
  </xdr:twoCellAnchor>
  <xdr:twoCellAnchor>
    <xdr:from>
      <xdr:col>14</xdr:col>
      <xdr:colOff>492125</xdr:colOff>
      <xdr:row>8</xdr:row>
      <xdr:rowOff>47625</xdr:rowOff>
    </xdr:from>
    <xdr:to>
      <xdr:col>17</xdr:col>
      <xdr:colOff>266375</xdr:colOff>
      <xdr:row>10</xdr:row>
      <xdr:rowOff>14525</xdr:rowOff>
    </xdr:to>
    <xdr:sp macro="" textlink="">
      <xdr:nvSpPr>
        <xdr:cNvPr id="363" name="正方形/長方形 362">
          <a:hlinkClick xmlns:r="http://schemas.openxmlformats.org/officeDocument/2006/relationships" r:id="rId4"/>
          <a:extLst>
            <a:ext uri="{FF2B5EF4-FFF2-40B4-BE49-F238E27FC236}">
              <a16:creationId xmlns:a16="http://schemas.microsoft.com/office/drawing/2014/main" id="{00000000-0008-0000-0000-00006B010000}"/>
            </a:ext>
          </a:extLst>
        </xdr:cNvPr>
        <xdr:cNvSpPr/>
      </xdr:nvSpPr>
      <xdr:spPr bwMode="auto">
        <a:xfrm>
          <a:off x="9026525" y="1266825"/>
          <a:ext cx="160305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川崎市立井田病院</a:t>
          </a:r>
        </a:p>
      </xdr:txBody>
    </xdr:sp>
    <xdr:clientData/>
  </xdr:twoCellAnchor>
  <xdr:twoCellAnchor>
    <xdr:from>
      <xdr:col>14</xdr:col>
      <xdr:colOff>222250</xdr:colOff>
      <xdr:row>41</xdr:row>
      <xdr:rowOff>47626</xdr:rowOff>
    </xdr:from>
    <xdr:to>
      <xdr:col>17</xdr:col>
      <xdr:colOff>508000</xdr:colOff>
      <xdr:row>43</xdr:row>
      <xdr:rowOff>101600</xdr:rowOff>
    </xdr:to>
    <xdr:sp macro="" textlink="">
      <xdr:nvSpPr>
        <xdr:cNvPr id="365" name="正方形/長方形 364">
          <a:hlinkClick xmlns:r="http://schemas.openxmlformats.org/officeDocument/2006/relationships" r:id="rId11"/>
          <a:extLst>
            <a:ext uri="{FF2B5EF4-FFF2-40B4-BE49-F238E27FC236}">
              <a16:creationId xmlns:a16="http://schemas.microsoft.com/office/drawing/2014/main" id="{00000000-0008-0000-0000-00006D010000}"/>
            </a:ext>
          </a:extLst>
        </xdr:cNvPr>
        <xdr:cNvSpPr/>
      </xdr:nvSpPr>
      <xdr:spPr bwMode="auto">
        <a:xfrm>
          <a:off x="7867650" y="6296026"/>
          <a:ext cx="1924050" cy="358774"/>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100"/>
            <a:t>【</a:t>
          </a:r>
          <a:r>
            <a:rPr kumimoji="1" lang="ja-JP" altLang="en-US" sz="1100"/>
            <a:t>休止中</a:t>
          </a:r>
          <a:r>
            <a:rPr kumimoji="1" lang="en-US" altLang="ja-JP" sz="1100"/>
            <a:t>】</a:t>
          </a:r>
          <a:r>
            <a:rPr kumimoji="1" lang="ja-JP" altLang="en-US" sz="1100"/>
            <a:t>横須賀市立市民病院</a:t>
          </a:r>
        </a:p>
      </xdr:txBody>
    </xdr:sp>
    <xdr:clientData/>
  </xdr:twoCellAnchor>
  <xdr:twoCellAnchor>
    <xdr:from>
      <xdr:col>13</xdr:col>
      <xdr:colOff>476250</xdr:colOff>
      <xdr:row>32</xdr:row>
      <xdr:rowOff>79375</xdr:rowOff>
    </xdr:from>
    <xdr:to>
      <xdr:col>16</xdr:col>
      <xdr:colOff>444500</xdr:colOff>
      <xdr:row>34</xdr:row>
      <xdr:rowOff>46275</xdr:rowOff>
    </xdr:to>
    <xdr:sp macro="" textlink="">
      <xdr:nvSpPr>
        <xdr:cNvPr id="366" name="正方形/長方形 365">
          <a:hlinkClick xmlns:r="http://schemas.openxmlformats.org/officeDocument/2006/relationships" r:id="rId6"/>
          <a:extLst>
            <a:ext uri="{FF2B5EF4-FFF2-40B4-BE49-F238E27FC236}">
              <a16:creationId xmlns:a16="http://schemas.microsoft.com/office/drawing/2014/main" id="{00000000-0008-0000-0000-00006E010000}"/>
            </a:ext>
          </a:extLst>
        </xdr:cNvPr>
        <xdr:cNvSpPr/>
      </xdr:nvSpPr>
      <xdr:spPr bwMode="auto">
        <a:xfrm>
          <a:off x="8401050" y="4956175"/>
          <a:ext cx="179705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市立大学附属病院</a:t>
          </a:r>
        </a:p>
      </xdr:txBody>
    </xdr:sp>
    <xdr:clientData/>
  </xdr:twoCellAnchor>
  <xdr:twoCellAnchor>
    <xdr:from>
      <xdr:col>6</xdr:col>
      <xdr:colOff>79374</xdr:colOff>
      <xdr:row>30</xdr:row>
      <xdr:rowOff>127001</xdr:rowOff>
    </xdr:from>
    <xdr:to>
      <xdr:col>9</xdr:col>
      <xdr:colOff>333375</xdr:colOff>
      <xdr:row>32</xdr:row>
      <xdr:rowOff>93901</xdr:rowOff>
    </xdr:to>
    <xdr:sp macro="" textlink="">
      <xdr:nvSpPr>
        <xdr:cNvPr id="367" name="正方形/長方形 366">
          <a:hlinkClick xmlns:r="http://schemas.openxmlformats.org/officeDocument/2006/relationships" r:id="rId19"/>
          <a:extLst>
            <a:ext uri="{FF2B5EF4-FFF2-40B4-BE49-F238E27FC236}">
              <a16:creationId xmlns:a16="http://schemas.microsoft.com/office/drawing/2014/main" id="{00000000-0008-0000-0000-00006F010000}"/>
            </a:ext>
          </a:extLst>
        </xdr:cNvPr>
        <xdr:cNvSpPr/>
      </xdr:nvSpPr>
      <xdr:spPr bwMode="auto">
        <a:xfrm>
          <a:off x="3736974" y="4699001"/>
          <a:ext cx="2082801"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東海大学医学部付属病院</a:t>
          </a:r>
        </a:p>
      </xdr:txBody>
    </xdr:sp>
    <xdr:clientData/>
  </xdr:twoCellAnchor>
  <xdr:twoCellAnchor>
    <xdr:from>
      <xdr:col>4</xdr:col>
      <xdr:colOff>301625</xdr:colOff>
      <xdr:row>24</xdr:row>
      <xdr:rowOff>127000</xdr:rowOff>
    </xdr:from>
    <xdr:to>
      <xdr:col>7</xdr:col>
      <xdr:colOff>142875</xdr:colOff>
      <xdr:row>26</xdr:row>
      <xdr:rowOff>93900</xdr:rowOff>
    </xdr:to>
    <xdr:sp macro="" textlink="">
      <xdr:nvSpPr>
        <xdr:cNvPr id="368" name="正方形/長方形 367">
          <a:hlinkClick xmlns:r="http://schemas.openxmlformats.org/officeDocument/2006/relationships" r:id="rId8"/>
          <a:extLst>
            <a:ext uri="{FF2B5EF4-FFF2-40B4-BE49-F238E27FC236}">
              <a16:creationId xmlns:a16="http://schemas.microsoft.com/office/drawing/2014/main" id="{00000000-0008-0000-0000-000070010000}"/>
            </a:ext>
          </a:extLst>
        </xdr:cNvPr>
        <xdr:cNvSpPr/>
      </xdr:nvSpPr>
      <xdr:spPr bwMode="auto">
        <a:xfrm>
          <a:off x="2740025" y="3784600"/>
          <a:ext cx="167005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秦野赤十字病院</a:t>
          </a:r>
        </a:p>
      </xdr:txBody>
    </xdr:sp>
    <xdr:clientData/>
  </xdr:twoCellAnchor>
  <xdr:twoCellAnchor>
    <xdr:from>
      <xdr:col>4</xdr:col>
      <xdr:colOff>334819</xdr:colOff>
      <xdr:row>28</xdr:row>
      <xdr:rowOff>142875</xdr:rowOff>
    </xdr:from>
    <xdr:to>
      <xdr:col>5</xdr:col>
      <xdr:colOff>75047</xdr:colOff>
      <xdr:row>31</xdr:row>
      <xdr:rowOff>1443</xdr:rowOff>
    </xdr:to>
    <xdr:sp macro="" textlink="">
      <xdr:nvSpPr>
        <xdr:cNvPr id="369" name="星 7 368">
          <a:hlinkClick xmlns:r="http://schemas.openxmlformats.org/officeDocument/2006/relationships" r:id="rId12"/>
          <a:extLst>
            <a:ext uri="{FF2B5EF4-FFF2-40B4-BE49-F238E27FC236}">
              <a16:creationId xmlns:a16="http://schemas.microsoft.com/office/drawing/2014/main" id="{00000000-0008-0000-0000-000071010000}"/>
            </a:ext>
          </a:extLst>
        </xdr:cNvPr>
        <xdr:cNvSpPr/>
      </xdr:nvSpPr>
      <xdr:spPr bwMode="auto">
        <a:xfrm>
          <a:off x="2773219" y="4410075"/>
          <a:ext cx="349828" cy="315768"/>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xdr:col>
      <xdr:colOff>127000</xdr:colOff>
      <xdr:row>31</xdr:row>
      <xdr:rowOff>47626</xdr:rowOff>
    </xdr:from>
    <xdr:to>
      <xdr:col>5</xdr:col>
      <xdr:colOff>174625</xdr:colOff>
      <xdr:row>33</xdr:row>
      <xdr:rowOff>14526</xdr:rowOff>
    </xdr:to>
    <xdr:sp macro="" textlink="">
      <xdr:nvSpPr>
        <xdr:cNvPr id="370" name="正方形/長方形 369">
          <a:hlinkClick xmlns:r="http://schemas.openxmlformats.org/officeDocument/2006/relationships" r:id="rId12"/>
          <a:extLst>
            <a:ext uri="{FF2B5EF4-FFF2-40B4-BE49-F238E27FC236}">
              <a16:creationId xmlns:a16="http://schemas.microsoft.com/office/drawing/2014/main" id="{00000000-0008-0000-0000-000072010000}"/>
            </a:ext>
          </a:extLst>
        </xdr:cNvPr>
        <xdr:cNvSpPr/>
      </xdr:nvSpPr>
      <xdr:spPr bwMode="auto">
        <a:xfrm>
          <a:off x="1346200" y="4772026"/>
          <a:ext cx="1876425"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神奈川県立足柄上病院</a:t>
          </a:r>
        </a:p>
      </xdr:txBody>
    </xdr:sp>
    <xdr:clientData/>
  </xdr:twoCellAnchor>
  <xdr:twoCellAnchor>
    <xdr:from>
      <xdr:col>2</xdr:col>
      <xdr:colOff>63500</xdr:colOff>
      <xdr:row>39</xdr:row>
      <xdr:rowOff>15875</xdr:rowOff>
    </xdr:from>
    <xdr:to>
      <xdr:col>4</xdr:col>
      <xdr:colOff>587375</xdr:colOff>
      <xdr:row>40</xdr:row>
      <xdr:rowOff>141525</xdr:rowOff>
    </xdr:to>
    <xdr:sp macro="" textlink="">
      <xdr:nvSpPr>
        <xdr:cNvPr id="371" name="正方形/長方形 370">
          <a:hlinkClick xmlns:r="http://schemas.openxmlformats.org/officeDocument/2006/relationships" r:id="rId10"/>
          <a:extLst>
            <a:ext uri="{FF2B5EF4-FFF2-40B4-BE49-F238E27FC236}">
              <a16:creationId xmlns:a16="http://schemas.microsoft.com/office/drawing/2014/main" id="{00000000-0008-0000-0000-000073010000}"/>
            </a:ext>
          </a:extLst>
        </xdr:cNvPr>
        <xdr:cNvSpPr/>
      </xdr:nvSpPr>
      <xdr:spPr bwMode="auto">
        <a:xfrm>
          <a:off x="1282700" y="5959475"/>
          <a:ext cx="1743075" cy="27805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小田原市立病院</a:t>
          </a:r>
        </a:p>
      </xdr:txBody>
    </xdr:sp>
    <xdr:clientData/>
  </xdr:twoCellAnchor>
  <xdr:twoCellAnchor>
    <xdr:from>
      <xdr:col>7</xdr:col>
      <xdr:colOff>476250</xdr:colOff>
      <xdr:row>19</xdr:row>
      <xdr:rowOff>15875</xdr:rowOff>
    </xdr:from>
    <xdr:to>
      <xdr:col>10</xdr:col>
      <xdr:colOff>381000</xdr:colOff>
      <xdr:row>20</xdr:row>
      <xdr:rowOff>141525</xdr:rowOff>
    </xdr:to>
    <xdr:sp macro="" textlink="">
      <xdr:nvSpPr>
        <xdr:cNvPr id="372" name="正方形/長方形 371">
          <a:hlinkClick xmlns:r="http://schemas.openxmlformats.org/officeDocument/2006/relationships" r:id="rId13"/>
          <a:extLst>
            <a:ext uri="{FF2B5EF4-FFF2-40B4-BE49-F238E27FC236}">
              <a16:creationId xmlns:a16="http://schemas.microsoft.com/office/drawing/2014/main" id="{00000000-0008-0000-0000-000074010000}"/>
            </a:ext>
          </a:extLst>
        </xdr:cNvPr>
        <xdr:cNvSpPr/>
      </xdr:nvSpPr>
      <xdr:spPr bwMode="auto">
        <a:xfrm>
          <a:off x="4743450" y="2911475"/>
          <a:ext cx="1733550" cy="27805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厚木市立病院</a:t>
          </a:r>
        </a:p>
      </xdr:txBody>
    </xdr:sp>
    <xdr:clientData/>
  </xdr:twoCellAnchor>
  <xdr:twoCellAnchor>
    <xdr:from>
      <xdr:col>4</xdr:col>
      <xdr:colOff>253999</xdr:colOff>
      <xdr:row>10</xdr:row>
      <xdr:rowOff>111127</xdr:rowOff>
    </xdr:from>
    <xdr:to>
      <xdr:col>7</xdr:col>
      <xdr:colOff>28249</xdr:colOff>
      <xdr:row>12</xdr:row>
      <xdr:rowOff>78027</xdr:rowOff>
    </xdr:to>
    <xdr:sp macro="" textlink="">
      <xdr:nvSpPr>
        <xdr:cNvPr id="373" name="正方形/長方形 372">
          <a:hlinkClick xmlns:r="http://schemas.openxmlformats.org/officeDocument/2006/relationships" r:id="rId1"/>
          <a:extLst>
            <a:ext uri="{FF2B5EF4-FFF2-40B4-BE49-F238E27FC236}">
              <a16:creationId xmlns:a16="http://schemas.microsoft.com/office/drawing/2014/main" id="{00000000-0008-0000-0000-000075010000}"/>
            </a:ext>
          </a:extLst>
        </xdr:cNvPr>
        <xdr:cNvSpPr/>
      </xdr:nvSpPr>
      <xdr:spPr bwMode="auto">
        <a:xfrm>
          <a:off x="2692399" y="1635127"/>
          <a:ext cx="160305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相模原赤十字病院</a:t>
          </a:r>
        </a:p>
      </xdr:txBody>
    </xdr:sp>
    <xdr:clientData/>
  </xdr:twoCellAnchor>
  <xdr:twoCellAnchor>
    <xdr:from>
      <xdr:col>8</xdr:col>
      <xdr:colOff>396875</xdr:colOff>
      <xdr:row>9</xdr:row>
      <xdr:rowOff>0</xdr:rowOff>
    </xdr:from>
    <xdr:to>
      <xdr:col>11</xdr:col>
      <xdr:colOff>27125</xdr:colOff>
      <xdr:row>10</xdr:row>
      <xdr:rowOff>125650</xdr:rowOff>
    </xdr:to>
    <xdr:sp macro="" textlink="">
      <xdr:nvSpPr>
        <xdr:cNvPr id="374" name="正方形/長方形 373">
          <a:hlinkClick xmlns:r="http://schemas.openxmlformats.org/officeDocument/2006/relationships" r:id="rId15"/>
          <a:extLst>
            <a:ext uri="{FF2B5EF4-FFF2-40B4-BE49-F238E27FC236}">
              <a16:creationId xmlns:a16="http://schemas.microsoft.com/office/drawing/2014/main" id="{00000000-0008-0000-0000-000076010000}"/>
            </a:ext>
          </a:extLst>
        </xdr:cNvPr>
        <xdr:cNvSpPr/>
      </xdr:nvSpPr>
      <xdr:spPr bwMode="auto">
        <a:xfrm>
          <a:off x="5273675" y="1371600"/>
          <a:ext cx="1459050" cy="27805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北里大学病院</a:t>
          </a:r>
        </a:p>
      </xdr:txBody>
    </xdr:sp>
    <xdr:clientData/>
  </xdr:twoCellAnchor>
  <xdr:twoCellAnchor>
    <xdr:from>
      <xdr:col>10</xdr:col>
      <xdr:colOff>206375</xdr:colOff>
      <xdr:row>15</xdr:row>
      <xdr:rowOff>63500</xdr:rowOff>
    </xdr:from>
    <xdr:to>
      <xdr:col>12</xdr:col>
      <xdr:colOff>439875</xdr:colOff>
      <xdr:row>17</xdr:row>
      <xdr:rowOff>30400</xdr:rowOff>
    </xdr:to>
    <xdr:sp macro="" textlink="">
      <xdr:nvSpPr>
        <xdr:cNvPr id="375" name="正方形/長方形 374">
          <a:hlinkClick xmlns:r="http://schemas.openxmlformats.org/officeDocument/2006/relationships" r:id="rId2"/>
          <a:extLst>
            <a:ext uri="{FF2B5EF4-FFF2-40B4-BE49-F238E27FC236}">
              <a16:creationId xmlns:a16="http://schemas.microsoft.com/office/drawing/2014/main" id="{00000000-0008-0000-0000-000077010000}"/>
            </a:ext>
          </a:extLst>
        </xdr:cNvPr>
        <xdr:cNvSpPr/>
      </xdr:nvSpPr>
      <xdr:spPr bwMode="auto">
        <a:xfrm>
          <a:off x="6302375" y="2349500"/>
          <a:ext cx="145270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相模原病院</a:t>
          </a:r>
        </a:p>
      </xdr:txBody>
    </xdr:sp>
    <xdr:clientData/>
  </xdr:twoCellAnchor>
  <xdr:twoCellAnchor>
    <xdr:from>
      <xdr:col>10</xdr:col>
      <xdr:colOff>142875</xdr:colOff>
      <xdr:row>30</xdr:row>
      <xdr:rowOff>31752</xdr:rowOff>
    </xdr:from>
    <xdr:to>
      <xdr:col>12</xdr:col>
      <xdr:colOff>520375</xdr:colOff>
      <xdr:row>31</xdr:row>
      <xdr:rowOff>147877</xdr:rowOff>
    </xdr:to>
    <xdr:sp macro="" textlink="">
      <xdr:nvSpPr>
        <xdr:cNvPr id="376" name="正方形/長方形 375">
          <a:hlinkClick xmlns:r="http://schemas.openxmlformats.org/officeDocument/2006/relationships" r:id="rId9"/>
          <a:extLst>
            <a:ext uri="{FF2B5EF4-FFF2-40B4-BE49-F238E27FC236}">
              <a16:creationId xmlns:a16="http://schemas.microsoft.com/office/drawing/2014/main" id="{00000000-0008-0000-0000-000078010000}"/>
            </a:ext>
          </a:extLst>
        </xdr:cNvPr>
        <xdr:cNvSpPr/>
      </xdr:nvSpPr>
      <xdr:spPr bwMode="auto">
        <a:xfrm>
          <a:off x="6238875" y="4603752"/>
          <a:ext cx="1596700" cy="268525"/>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医療センター</a:t>
          </a:r>
        </a:p>
      </xdr:txBody>
    </xdr:sp>
    <xdr:clientData/>
  </xdr:twoCellAnchor>
  <xdr:twoCellAnchor>
    <xdr:from>
      <xdr:col>9</xdr:col>
      <xdr:colOff>238126</xdr:colOff>
      <xdr:row>24</xdr:row>
      <xdr:rowOff>63501</xdr:rowOff>
    </xdr:from>
    <xdr:to>
      <xdr:col>12</xdr:col>
      <xdr:colOff>588376</xdr:colOff>
      <xdr:row>26</xdr:row>
      <xdr:rowOff>30401</xdr:rowOff>
    </xdr:to>
    <xdr:sp macro="" textlink="">
      <xdr:nvSpPr>
        <xdr:cNvPr id="377" name="正方形/長方形 376">
          <a:hlinkClick xmlns:r="http://schemas.openxmlformats.org/officeDocument/2006/relationships" r:id="rId18"/>
          <a:extLst>
            <a:ext uri="{FF2B5EF4-FFF2-40B4-BE49-F238E27FC236}">
              <a16:creationId xmlns:a16="http://schemas.microsoft.com/office/drawing/2014/main" id="{00000000-0008-0000-0000-000079010000}"/>
            </a:ext>
          </a:extLst>
        </xdr:cNvPr>
        <xdr:cNvSpPr/>
      </xdr:nvSpPr>
      <xdr:spPr bwMode="auto">
        <a:xfrm>
          <a:off x="5724526" y="3721101"/>
          <a:ext cx="217905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神奈川県立こども医療センター</a:t>
          </a:r>
        </a:p>
      </xdr:txBody>
    </xdr:sp>
    <xdr:clientData/>
  </xdr:twoCellAnchor>
  <xdr:twoCellAnchor>
    <xdr:from>
      <xdr:col>15</xdr:col>
      <xdr:colOff>523875</xdr:colOff>
      <xdr:row>19</xdr:row>
      <xdr:rowOff>142876</xdr:rowOff>
    </xdr:from>
    <xdr:to>
      <xdr:col>18</xdr:col>
      <xdr:colOff>514125</xdr:colOff>
      <xdr:row>22</xdr:row>
      <xdr:rowOff>142876</xdr:rowOff>
    </xdr:to>
    <xdr:sp macro="" textlink="">
      <xdr:nvSpPr>
        <xdr:cNvPr id="378" name="正方形/長方形 377">
          <a:hlinkClick xmlns:r="http://schemas.openxmlformats.org/officeDocument/2006/relationships" r:id="rId17"/>
          <a:extLst>
            <a:ext uri="{FF2B5EF4-FFF2-40B4-BE49-F238E27FC236}">
              <a16:creationId xmlns:a16="http://schemas.microsoft.com/office/drawing/2014/main" id="{00000000-0008-0000-0000-00007A010000}"/>
            </a:ext>
          </a:extLst>
        </xdr:cNvPr>
        <xdr:cNvSpPr/>
      </xdr:nvSpPr>
      <xdr:spPr bwMode="auto">
        <a:xfrm>
          <a:off x="9667875" y="3038476"/>
          <a:ext cx="1819050" cy="4572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市立大学附属</a:t>
          </a:r>
          <a:endParaRPr kumimoji="1" lang="en-US" altLang="ja-JP" sz="1100"/>
        </a:p>
        <a:p>
          <a:pPr algn="ctr"/>
          <a:r>
            <a:rPr kumimoji="1" lang="ja-JP" altLang="en-US" sz="1100"/>
            <a:t>市民総合医療センター</a:t>
          </a:r>
        </a:p>
      </xdr:txBody>
    </xdr:sp>
    <xdr:clientData/>
  </xdr:twoCellAnchor>
  <xdr:twoCellAnchor>
    <xdr:from>
      <xdr:col>15</xdr:col>
      <xdr:colOff>317500</xdr:colOff>
      <xdr:row>24</xdr:row>
      <xdr:rowOff>1</xdr:rowOff>
    </xdr:from>
    <xdr:to>
      <xdr:col>18</xdr:col>
      <xdr:colOff>570550</xdr:colOff>
      <xdr:row>25</xdr:row>
      <xdr:rowOff>125651</xdr:rowOff>
    </xdr:to>
    <xdr:sp macro="" textlink="">
      <xdr:nvSpPr>
        <xdr:cNvPr id="380" name="正方形/長方形 379">
          <a:hlinkClick xmlns:r="http://schemas.openxmlformats.org/officeDocument/2006/relationships" r:id="rId20"/>
          <a:extLst>
            <a:ext uri="{FF2B5EF4-FFF2-40B4-BE49-F238E27FC236}">
              <a16:creationId xmlns:a16="http://schemas.microsoft.com/office/drawing/2014/main" id="{00000000-0008-0000-0000-00007C010000}"/>
            </a:ext>
          </a:extLst>
        </xdr:cNvPr>
        <xdr:cNvSpPr/>
      </xdr:nvSpPr>
      <xdr:spPr bwMode="auto">
        <a:xfrm>
          <a:off x="9461500" y="3657601"/>
          <a:ext cx="2081850" cy="27805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市立みなと赤十字病院</a:t>
          </a:r>
        </a:p>
      </xdr:txBody>
    </xdr:sp>
    <xdr:clientData/>
  </xdr:twoCellAnchor>
  <xdr:twoCellAnchor>
    <xdr:from>
      <xdr:col>7</xdr:col>
      <xdr:colOff>508000</xdr:colOff>
      <xdr:row>26</xdr:row>
      <xdr:rowOff>47625</xdr:rowOff>
    </xdr:from>
    <xdr:to>
      <xdr:col>8</xdr:col>
      <xdr:colOff>142876</xdr:colOff>
      <xdr:row>30</xdr:row>
      <xdr:rowOff>127001</xdr:rowOff>
    </xdr:to>
    <xdr:cxnSp macro="">
      <xdr:nvCxnSpPr>
        <xdr:cNvPr id="381" name="直線コネクタ 380">
          <a:hlinkClick xmlns:r="http://schemas.openxmlformats.org/officeDocument/2006/relationships" r:id="rId19"/>
          <a:extLst>
            <a:ext uri="{FF2B5EF4-FFF2-40B4-BE49-F238E27FC236}">
              <a16:creationId xmlns:a16="http://schemas.microsoft.com/office/drawing/2014/main" id="{00000000-0008-0000-0000-00007D010000}"/>
            </a:ext>
          </a:extLst>
        </xdr:cNvPr>
        <xdr:cNvCxnSpPr>
          <a:endCxn id="367" idx="0"/>
        </xdr:cNvCxnSpPr>
      </xdr:nvCxnSpPr>
      <xdr:spPr bwMode="auto">
        <a:xfrm flipH="1">
          <a:off x="4775200" y="4010025"/>
          <a:ext cx="244476" cy="68897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3</xdr:col>
      <xdr:colOff>325438</xdr:colOff>
      <xdr:row>37</xdr:row>
      <xdr:rowOff>95250</xdr:rowOff>
    </xdr:from>
    <xdr:to>
      <xdr:col>4</xdr:col>
      <xdr:colOff>555626</xdr:colOff>
      <xdr:row>39</xdr:row>
      <xdr:rowOff>15875</xdr:rowOff>
    </xdr:to>
    <xdr:cxnSp macro="">
      <xdr:nvCxnSpPr>
        <xdr:cNvPr id="382" name="直線コネクタ 381">
          <a:hlinkClick xmlns:r="http://schemas.openxmlformats.org/officeDocument/2006/relationships" r:id="rId10"/>
          <a:extLst>
            <a:ext uri="{FF2B5EF4-FFF2-40B4-BE49-F238E27FC236}">
              <a16:creationId xmlns:a16="http://schemas.microsoft.com/office/drawing/2014/main" id="{00000000-0008-0000-0000-00007E010000}"/>
            </a:ext>
          </a:extLst>
        </xdr:cNvPr>
        <xdr:cNvCxnSpPr>
          <a:endCxn id="371" idx="0"/>
        </xdr:cNvCxnSpPr>
      </xdr:nvCxnSpPr>
      <xdr:spPr bwMode="auto">
        <a:xfrm flipH="1">
          <a:off x="2154238" y="5734050"/>
          <a:ext cx="839788" cy="22542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3</xdr:col>
      <xdr:colOff>452438</xdr:colOff>
      <xdr:row>30</xdr:row>
      <xdr:rowOff>15875</xdr:rowOff>
    </xdr:from>
    <xdr:to>
      <xdr:col>4</xdr:col>
      <xdr:colOff>508000</xdr:colOff>
      <xdr:row>31</xdr:row>
      <xdr:rowOff>47626</xdr:rowOff>
    </xdr:to>
    <xdr:cxnSp macro="">
      <xdr:nvCxnSpPr>
        <xdr:cNvPr id="383" name="直線コネクタ 382">
          <a:hlinkClick xmlns:r="http://schemas.openxmlformats.org/officeDocument/2006/relationships" r:id="rId12"/>
          <a:extLst>
            <a:ext uri="{FF2B5EF4-FFF2-40B4-BE49-F238E27FC236}">
              <a16:creationId xmlns:a16="http://schemas.microsoft.com/office/drawing/2014/main" id="{00000000-0008-0000-0000-00007F010000}"/>
            </a:ext>
          </a:extLst>
        </xdr:cNvPr>
        <xdr:cNvCxnSpPr>
          <a:endCxn id="370" idx="0"/>
        </xdr:cNvCxnSpPr>
      </xdr:nvCxnSpPr>
      <xdr:spPr bwMode="auto">
        <a:xfrm flipH="1">
          <a:off x="2281238" y="4587875"/>
          <a:ext cx="665162" cy="184151"/>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47626</xdr:colOff>
      <xdr:row>40</xdr:row>
      <xdr:rowOff>142878</xdr:rowOff>
    </xdr:from>
    <xdr:to>
      <xdr:col>14</xdr:col>
      <xdr:colOff>222250</xdr:colOff>
      <xdr:row>42</xdr:row>
      <xdr:rowOff>74613</xdr:rowOff>
    </xdr:to>
    <xdr:cxnSp macro="">
      <xdr:nvCxnSpPr>
        <xdr:cNvPr id="384" name="直線コネクタ 383">
          <a:hlinkClick xmlns:r="http://schemas.openxmlformats.org/officeDocument/2006/relationships" r:id="rId11"/>
          <a:extLst>
            <a:ext uri="{FF2B5EF4-FFF2-40B4-BE49-F238E27FC236}">
              <a16:creationId xmlns:a16="http://schemas.microsoft.com/office/drawing/2014/main" id="{00000000-0008-0000-0000-000080010000}"/>
            </a:ext>
          </a:extLst>
        </xdr:cNvPr>
        <xdr:cNvCxnSpPr>
          <a:stCxn id="365" idx="1"/>
        </xdr:cNvCxnSpPr>
      </xdr:nvCxnSpPr>
      <xdr:spPr bwMode="auto">
        <a:xfrm flipH="1" flipV="1">
          <a:off x="7693026" y="6238878"/>
          <a:ext cx="174624" cy="23653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238125</xdr:colOff>
      <xdr:row>30</xdr:row>
      <xdr:rowOff>0</xdr:rowOff>
    </xdr:from>
    <xdr:to>
      <xdr:col>15</xdr:col>
      <xdr:colOff>158750</xdr:colOff>
      <xdr:row>32</xdr:row>
      <xdr:rowOff>79375</xdr:rowOff>
    </xdr:to>
    <xdr:cxnSp macro="">
      <xdr:nvCxnSpPr>
        <xdr:cNvPr id="385" name="直線コネクタ 384">
          <a:hlinkClick xmlns:r="http://schemas.openxmlformats.org/officeDocument/2006/relationships" r:id="rId6"/>
          <a:extLst>
            <a:ext uri="{FF2B5EF4-FFF2-40B4-BE49-F238E27FC236}">
              <a16:creationId xmlns:a16="http://schemas.microsoft.com/office/drawing/2014/main" id="{00000000-0008-0000-0000-000081010000}"/>
            </a:ext>
          </a:extLst>
        </xdr:cNvPr>
        <xdr:cNvCxnSpPr>
          <a:endCxn id="366" idx="0"/>
        </xdr:cNvCxnSpPr>
      </xdr:nvCxnSpPr>
      <xdr:spPr bwMode="auto">
        <a:xfrm>
          <a:off x="8772525" y="4572000"/>
          <a:ext cx="530225" cy="38417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1</xdr:col>
      <xdr:colOff>331625</xdr:colOff>
      <xdr:row>28</xdr:row>
      <xdr:rowOff>15875</xdr:rowOff>
    </xdr:from>
    <xdr:to>
      <xdr:col>11</xdr:col>
      <xdr:colOff>508000</xdr:colOff>
      <xdr:row>30</xdr:row>
      <xdr:rowOff>31752</xdr:rowOff>
    </xdr:to>
    <xdr:cxnSp macro="">
      <xdr:nvCxnSpPr>
        <xdr:cNvPr id="386" name="直線コネクタ 385">
          <a:hlinkClick xmlns:r="http://schemas.openxmlformats.org/officeDocument/2006/relationships" r:id="rId9"/>
          <a:extLst>
            <a:ext uri="{FF2B5EF4-FFF2-40B4-BE49-F238E27FC236}">
              <a16:creationId xmlns:a16="http://schemas.microsoft.com/office/drawing/2014/main" id="{00000000-0008-0000-0000-000082010000}"/>
            </a:ext>
          </a:extLst>
        </xdr:cNvPr>
        <xdr:cNvCxnSpPr>
          <a:endCxn id="376" idx="0"/>
        </xdr:cNvCxnSpPr>
      </xdr:nvCxnSpPr>
      <xdr:spPr bwMode="auto">
        <a:xfrm flipH="1">
          <a:off x="7037225" y="4283075"/>
          <a:ext cx="176375" cy="320677"/>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5</xdr:col>
      <xdr:colOff>460375</xdr:colOff>
      <xdr:row>26</xdr:row>
      <xdr:rowOff>95250</xdr:rowOff>
    </xdr:from>
    <xdr:to>
      <xdr:col>7</xdr:col>
      <xdr:colOff>1</xdr:colOff>
      <xdr:row>28</xdr:row>
      <xdr:rowOff>79376</xdr:rowOff>
    </xdr:to>
    <xdr:cxnSp macro="">
      <xdr:nvCxnSpPr>
        <xdr:cNvPr id="387" name="直線コネクタ 386">
          <a:hlinkClick xmlns:r="http://schemas.openxmlformats.org/officeDocument/2006/relationships" r:id="rId8"/>
          <a:extLst>
            <a:ext uri="{FF2B5EF4-FFF2-40B4-BE49-F238E27FC236}">
              <a16:creationId xmlns:a16="http://schemas.microsoft.com/office/drawing/2014/main" id="{00000000-0008-0000-0000-000083010000}"/>
            </a:ext>
          </a:extLst>
        </xdr:cNvPr>
        <xdr:cNvCxnSpPr/>
      </xdr:nvCxnSpPr>
      <xdr:spPr bwMode="auto">
        <a:xfrm flipH="1" flipV="1">
          <a:off x="3508375" y="4057650"/>
          <a:ext cx="758826" cy="2889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5</xdr:col>
      <xdr:colOff>442749</xdr:colOff>
      <xdr:row>10</xdr:row>
      <xdr:rowOff>0</xdr:rowOff>
    </xdr:from>
    <xdr:to>
      <xdr:col>7</xdr:col>
      <xdr:colOff>111127</xdr:colOff>
      <xdr:row>10</xdr:row>
      <xdr:rowOff>111127</xdr:rowOff>
    </xdr:to>
    <xdr:cxnSp macro="">
      <xdr:nvCxnSpPr>
        <xdr:cNvPr id="388" name="直線コネクタ 387">
          <a:hlinkClick xmlns:r="http://schemas.openxmlformats.org/officeDocument/2006/relationships" r:id="rId1"/>
          <a:extLst>
            <a:ext uri="{FF2B5EF4-FFF2-40B4-BE49-F238E27FC236}">
              <a16:creationId xmlns:a16="http://schemas.microsoft.com/office/drawing/2014/main" id="{00000000-0008-0000-0000-000084010000}"/>
            </a:ext>
          </a:extLst>
        </xdr:cNvPr>
        <xdr:cNvCxnSpPr>
          <a:endCxn id="373" idx="0"/>
        </xdr:cNvCxnSpPr>
      </xdr:nvCxnSpPr>
      <xdr:spPr bwMode="auto">
        <a:xfrm flipH="1">
          <a:off x="3490749" y="1524000"/>
          <a:ext cx="887578" cy="111127"/>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9</xdr:col>
      <xdr:colOff>349250</xdr:colOff>
      <xdr:row>10</xdr:row>
      <xdr:rowOff>125650</xdr:rowOff>
    </xdr:from>
    <xdr:to>
      <xdr:col>9</xdr:col>
      <xdr:colOff>513625</xdr:colOff>
      <xdr:row>12</xdr:row>
      <xdr:rowOff>79376</xdr:rowOff>
    </xdr:to>
    <xdr:cxnSp macro="">
      <xdr:nvCxnSpPr>
        <xdr:cNvPr id="389" name="直線コネクタ 388">
          <a:hlinkClick xmlns:r="http://schemas.openxmlformats.org/officeDocument/2006/relationships" r:id="rId15"/>
          <a:extLst>
            <a:ext uri="{FF2B5EF4-FFF2-40B4-BE49-F238E27FC236}">
              <a16:creationId xmlns:a16="http://schemas.microsoft.com/office/drawing/2014/main" id="{00000000-0008-0000-0000-000085010000}"/>
            </a:ext>
          </a:extLst>
        </xdr:cNvPr>
        <xdr:cNvCxnSpPr>
          <a:endCxn id="374" idx="2"/>
        </xdr:cNvCxnSpPr>
      </xdr:nvCxnSpPr>
      <xdr:spPr bwMode="auto">
        <a:xfrm flipV="1">
          <a:off x="5835650" y="1649650"/>
          <a:ext cx="164375" cy="2585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0</xdr:col>
      <xdr:colOff>31750</xdr:colOff>
      <xdr:row>14</xdr:row>
      <xdr:rowOff>47625</xdr:rowOff>
    </xdr:from>
    <xdr:to>
      <xdr:col>10</xdr:col>
      <xdr:colOff>206375</xdr:colOff>
      <xdr:row>16</xdr:row>
      <xdr:rowOff>46950</xdr:rowOff>
    </xdr:to>
    <xdr:cxnSp macro="">
      <xdr:nvCxnSpPr>
        <xdr:cNvPr id="390" name="直線コネクタ 389">
          <a:hlinkClick xmlns:r="http://schemas.openxmlformats.org/officeDocument/2006/relationships" r:id="rId2"/>
          <a:extLst>
            <a:ext uri="{FF2B5EF4-FFF2-40B4-BE49-F238E27FC236}">
              <a16:creationId xmlns:a16="http://schemas.microsoft.com/office/drawing/2014/main" id="{00000000-0008-0000-0000-000086010000}"/>
            </a:ext>
          </a:extLst>
        </xdr:cNvPr>
        <xdr:cNvCxnSpPr>
          <a:endCxn id="375" idx="1"/>
        </xdr:cNvCxnSpPr>
      </xdr:nvCxnSpPr>
      <xdr:spPr bwMode="auto">
        <a:xfrm>
          <a:off x="6127750" y="2181225"/>
          <a:ext cx="174625" cy="30412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2</xdr:col>
      <xdr:colOff>95250</xdr:colOff>
      <xdr:row>5</xdr:row>
      <xdr:rowOff>148549</xdr:rowOff>
    </xdr:from>
    <xdr:to>
      <xdr:col>12</xdr:col>
      <xdr:colOff>460375</xdr:colOff>
      <xdr:row>8</xdr:row>
      <xdr:rowOff>15875</xdr:rowOff>
    </xdr:to>
    <xdr:cxnSp macro="">
      <xdr:nvCxnSpPr>
        <xdr:cNvPr id="391" name="直線コネクタ 390">
          <a:hlinkClick xmlns:r="http://schemas.openxmlformats.org/officeDocument/2006/relationships" r:id="rId3"/>
          <a:extLst>
            <a:ext uri="{FF2B5EF4-FFF2-40B4-BE49-F238E27FC236}">
              <a16:creationId xmlns:a16="http://schemas.microsoft.com/office/drawing/2014/main" id="{00000000-0008-0000-0000-000087010000}"/>
            </a:ext>
          </a:extLst>
        </xdr:cNvPr>
        <xdr:cNvCxnSpPr>
          <a:endCxn id="362" idx="1"/>
        </xdr:cNvCxnSpPr>
      </xdr:nvCxnSpPr>
      <xdr:spPr bwMode="auto">
        <a:xfrm flipV="1">
          <a:off x="7410450" y="910549"/>
          <a:ext cx="365125" cy="3245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206375</xdr:colOff>
      <xdr:row>9</xdr:row>
      <xdr:rowOff>31075</xdr:rowOff>
    </xdr:from>
    <xdr:to>
      <xdr:col>14</xdr:col>
      <xdr:colOff>492125</xdr:colOff>
      <xdr:row>10</xdr:row>
      <xdr:rowOff>15877</xdr:rowOff>
    </xdr:to>
    <xdr:cxnSp macro="">
      <xdr:nvCxnSpPr>
        <xdr:cNvPr id="392" name="直線コネクタ 391">
          <a:hlinkClick xmlns:r="http://schemas.openxmlformats.org/officeDocument/2006/relationships" r:id="rId4"/>
          <a:extLst>
            <a:ext uri="{FF2B5EF4-FFF2-40B4-BE49-F238E27FC236}">
              <a16:creationId xmlns:a16="http://schemas.microsoft.com/office/drawing/2014/main" id="{00000000-0008-0000-0000-000088010000}"/>
            </a:ext>
          </a:extLst>
        </xdr:cNvPr>
        <xdr:cNvCxnSpPr>
          <a:endCxn id="363" idx="1"/>
        </xdr:cNvCxnSpPr>
      </xdr:nvCxnSpPr>
      <xdr:spPr bwMode="auto">
        <a:xfrm flipV="1">
          <a:off x="8740775" y="1402675"/>
          <a:ext cx="285750" cy="137202"/>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3</xdr:col>
      <xdr:colOff>301625</xdr:colOff>
      <xdr:row>18</xdr:row>
      <xdr:rowOff>62825</xdr:rowOff>
    </xdr:from>
    <xdr:to>
      <xdr:col>14</xdr:col>
      <xdr:colOff>111125</xdr:colOff>
      <xdr:row>19</xdr:row>
      <xdr:rowOff>95253</xdr:rowOff>
    </xdr:to>
    <xdr:cxnSp macro="">
      <xdr:nvCxnSpPr>
        <xdr:cNvPr id="394" name="直線コネクタ 393">
          <a:hlinkClick xmlns:r="http://schemas.openxmlformats.org/officeDocument/2006/relationships" r:id="rId5"/>
          <a:extLst>
            <a:ext uri="{FF2B5EF4-FFF2-40B4-BE49-F238E27FC236}">
              <a16:creationId xmlns:a16="http://schemas.microsoft.com/office/drawing/2014/main" id="{00000000-0008-0000-0000-00008A010000}"/>
            </a:ext>
          </a:extLst>
        </xdr:cNvPr>
        <xdr:cNvCxnSpPr>
          <a:endCxn id="396" idx="1"/>
        </xdr:cNvCxnSpPr>
      </xdr:nvCxnSpPr>
      <xdr:spPr bwMode="auto">
        <a:xfrm flipV="1">
          <a:off x="8226425" y="2806025"/>
          <a:ext cx="419100" cy="184828"/>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428625</xdr:colOff>
      <xdr:row>23</xdr:row>
      <xdr:rowOff>63500</xdr:rowOff>
    </xdr:from>
    <xdr:to>
      <xdr:col>15</xdr:col>
      <xdr:colOff>317500</xdr:colOff>
      <xdr:row>24</xdr:row>
      <xdr:rowOff>142201</xdr:rowOff>
    </xdr:to>
    <xdr:cxnSp macro="">
      <xdr:nvCxnSpPr>
        <xdr:cNvPr id="395" name="直線コネクタ 394">
          <a:hlinkClick xmlns:r="http://schemas.openxmlformats.org/officeDocument/2006/relationships" r:id="rId20"/>
          <a:extLst>
            <a:ext uri="{FF2B5EF4-FFF2-40B4-BE49-F238E27FC236}">
              <a16:creationId xmlns:a16="http://schemas.microsoft.com/office/drawing/2014/main" id="{00000000-0008-0000-0000-00008B010000}"/>
            </a:ext>
          </a:extLst>
        </xdr:cNvPr>
        <xdr:cNvCxnSpPr>
          <a:endCxn id="380" idx="1"/>
        </xdr:cNvCxnSpPr>
      </xdr:nvCxnSpPr>
      <xdr:spPr bwMode="auto">
        <a:xfrm>
          <a:off x="8963025" y="3568700"/>
          <a:ext cx="498475" cy="231101"/>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4</xdr:col>
      <xdr:colOff>111125</xdr:colOff>
      <xdr:row>17</xdr:row>
      <xdr:rowOff>79375</xdr:rowOff>
    </xdr:from>
    <xdr:to>
      <xdr:col>16</xdr:col>
      <xdr:colOff>488625</xdr:colOff>
      <xdr:row>19</xdr:row>
      <xdr:rowOff>46275</xdr:rowOff>
    </xdr:to>
    <xdr:sp macro="" textlink="">
      <xdr:nvSpPr>
        <xdr:cNvPr id="396" name="正方形/長方形 395">
          <a:hlinkClick xmlns:r="http://schemas.openxmlformats.org/officeDocument/2006/relationships" r:id="rId5"/>
          <a:extLst>
            <a:ext uri="{FF2B5EF4-FFF2-40B4-BE49-F238E27FC236}">
              <a16:creationId xmlns:a16="http://schemas.microsoft.com/office/drawing/2014/main" id="{00000000-0008-0000-0000-00008C010000}"/>
            </a:ext>
          </a:extLst>
        </xdr:cNvPr>
        <xdr:cNvSpPr/>
      </xdr:nvSpPr>
      <xdr:spPr bwMode="auto">
        <a:xfrm>
          <a:off x="8645525" y="2670175"/>
          <a:ext cx="1596700" cy="2717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横浜市立市民病院</a:t>
          </a:r>
        </a:p>
      </xdr:txBody>
    </xdr:sp>
    <xdr:clientData/>
  </xdr:twoCellAnchor>
  <xdr:twoCellAnchor>
    <xdr:from>
      <xdr:col>12</xdr:col>
      <xdr:colOff>588376</xdr:colOff>
      <xdr:row>23</xdr:row>
      <xdr:rowOff>111125</xdr:rowOff>
    </xdr:from>
    <xdr:to>
      <xdr:col>13</xdr:col>
      <xdr:colOff>269876</xdr:colOff>
      <xdr:row>25</xdr:row>
      <xdr:rowOff>46951</xdr:rowOff>
    </xdr:to>
    <xdr:cxnSp macro="">
      <xdr:nvCxnSpPr>
        <xdr:cNvPr id="397" name="直線コネクタ 396">
          <a:hlinkClick xmlns:r="http://schemas.openxmlformats.org/officeDocument/2006/relationships" r:id="rId18"/>
          <a:extLst>
            <a:ext uri="{FF2B5EF4-FFF2-40B4-BE49-F238E27FC236}">
              <a16:creationId xmlns:a16="http://schemas.microsoft.com/office/drawing/2014/main" id="{00000000-0008-0000-0000-00008D010000}"/>
            </a:ext>
          </a:extLst>
        </xdr:cNvPr>
        <xdr:cNvCxnSpPr>
          <a:endCxn id="377" idx="3"/>
        </xdr:cNvCxnSpPr>
      </xdr:nvCxnSpPr>
      <xdr:spPr bwMode="auto">
        <a:xfrm flipH="1">
          <a:off x="7903576" y="3616325"/>
          <a:ext cx="291100" cy="2406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3</xdr:col>
      <xdr:colOff>571500</xdr:colOff>
      <xdr:row>21</xdr:row>
      <xdr:rowOff>63501</xdr:rowOff>
    </xdr:from>
    <xdr:to>
      <xdr:col>15</xdr:col>
      <xdr:colOff>523875</xdr:colOff>
      <xdr:row>22</xdr:row>
      <xdr:rowOff>95251</xdr:rowOff>
    </xdr:to>
    <xdr:cxnSp macro="">
      <xdr:nvCxnSpPr>
        <xdr:cNvPr id="399" name="直線コネクタ 398">
          <a:extLst>
            <a:ext uri="{FF2B5EF4-FFF2-40B4-BE49-F238E27FC236}">
              <a16:creationId xmlns:a16="http://schemas.microsoft.com/office/drawing/2014/main" id="{00000000-0008-0000-0000-00008F010000}"/>
            </a:ext>
          </a:extLst>
        </xdr:cNvPr>
        <xdr:cNvCxnSpPr>
          <a:endCxn id="378" idx="1"/>
        </xdr:cNvCxnSpPr>
      </xdr:nvCxnSpPr>
      <xdr:spPr bwMode="auto">
        <a:xfrm flipV="1">
          <a:off x="8496300" y="3263901"/>
          <a:ext cx="1171575" cy="184150"/>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9</xdr:col>
      <xdr:colOff>79374</xdr:colOff>
      <xdr:row>0</xdr:row>
      <xdr:rowOff>63500</xdr:rowOff>
    </xdr:from>
    <xdr:to>
      <xdr:col>35</xdr:col>
      <xdr:colOff>269875</xdr:colOff>
      <xdr:row>50</xdr:row>
      <xdr:rowOff>95250</xdr:rowOff>
    </xdr:to>
    <xdr:sp macro="" textlink="">
      <xdr:nvSpPr>
        <xdr:cNvPr id="400" name="正方形/長方形 399">
          <a:extLst>
            <a:ext uri="{FF2B5EF4-FFF2-40B4-BE49-F238E27FC236}">
              <a16:creationId xmlns:a16="http://schemas.microsoft.com/office/drawing/2014/main" id="{00000000-0008-0000-0000-000090010000}"/>
            </a:ext>
          </a:extLst>
        </xdr:cNvPr>
        <xdr:cNvSpPr/>
      </xdr:nvSpPr>
      <xdr:spPr bwMode="auto">
        <a:xfrm>
          <a:off x="11661774" y="63500"/>
          <a:ext cx="9563101" cy="7651750"/>
        </a:xfrm>
        <a:prstGeom prst="rect">
          <a:avLst/>
        </a:prstGeom>
        <a:solidFill>
          <a:srgbClr val="EDF2F9"/>
        </a:solidFill>
        <a:ln w="28575" cap="flat" cmpd="sng" algn="ctr">
          <a:solidFill>
            <a:schemeClr val="accent1"/>
          </a:solidFill>
          <a:prstDash val="solid"/>
          <a:round/>
          <a:headEnd type="none" w="med" len="med"/>
          <a:tailEnd type="none" w="med" len="med"/>
        </a:ln>
        <a:effectLst/>
      </xdr:spPr>
      <xdr:txBody>
        <a:bodyPr vertOverflow="clip" wrap="square" lIns="108000" tIns="108000" rIns="108000" bIns="108000" rtlCol="0" anchor="t" upright="1"/>
        <a:lstStyle/>
        <a:p>
          <a:pPr algn="ctr"/>
          <a:r>
            <a:rPr kumimoji="1" lang="ja-JP" altLang="en-US" sz="4400">
              <a:solidFill>
                <a:schemeClr val="tx2"/>
              </a:solidFill>
              <a:latin typeface="HGS創英角ﾎﾟｯﾌﾟ体" pitchFamily="50" charset="-128"/>
              <a:ea typeface="HGS創英角ﾎﾟｯﾌﾟ体" pitchFamily="50" charset="-128"/>
            </a:rPr>
            <a:t>神奈川県針刺し事故対応病院マップ</a:t>
          </a:r>
          <a:endParaRPr kumimoji="1" lang="en-US" altLang="ja-JP" sz="4400">
            <a:solidFill>
              <a:schemeClr val="tx2"/>
            </a:solidFill>
            <a:latin typeface="HGS創英角ﾎﾟｯﾌﾟ体" pitchFamily="50" charset="-128"/>
            <a:ea typeface="HGS創英角ﾎﾟｯﾌﾟ体" pitchFamily="50" charset="-128"/>
          </a:endParaRPr>
        </a:p>
        <a:p>
          <a:pPr algn="ctr"/>
          <a:endParaRPr kumimoji="1" lang="en-US" altLang="ja-JP" sz="1800">
            <a:solidFill>
              <a:schemeClr val="tx2"/>
            </a:solidFill>
            <a:latin typeface="HGS創英角ﾎﾟｯﾌﾟ体" pitchFamily="50" charset="-128"/>
            <a:ea typeface="HGS創英角ﾎﾟｯﾌﾟ体" pitchFamily="50" charset="-128"/>
          </a:endParaRPr>
        </a:p>
        <a:p>
          <a:pPr algn="l"/>
          <a:r>
            <a:rPr kumimoji="1" lang="ja-JP" altLang="en-US" sz="2800">
              <a:solidFill>
                <a:schemeClr val="tx2"/>
              </a:solidFill>
              <a:latin typeface="HGS創英角ﾎﾟｯﾌﾟ体" pitchFamily="50" charset="-128"/>
              <a:ea typeface="HGS創英角ﾎﾟｯﾌﾟ体" pitchFamily="50" charset="-128"/>
            </a:rPr>
            <a:t>　神奈川県では、医療事故等により</a:t>
          </a:r>
          <a:r>
            <a:rPr kumimoji="1" lang="en-US" altLang="ja-JP" sz="2800">
              <a:solidFill>
                <a:schemeClr val="tx2"/>
              </a:solidFill>
              <a:latin typeface="HGS創英角ﾎﾟｯﾌﾟ体" pitchFamily="50" charset="-128"/>
              <a:ea typeface="HGS創英角ﾎﾟｯﾌﾟ体" pitchFamily="50" charset="-128"/>
            </a:rPr>
            <a:t>HIV</a:t>
          </a:r>
          <a:r>
            <a:rPr kumimoji="1" lang="ja-JP" altLang="en-US" sz="2800">
              <a:solidFill>
                <a:schemeClr val="tx2"/>
              </a:solidFill>
              <a:latin typeface="HGS創英角ﾎﾟｯﾌﾟ体" pitchFamily="50" charset="-128"/>
              <a:ea typeface="HGS創英角ﾎﾟｯﾌﾟ体" pitchFamily="50" charset="-128"/>
            </a:rPr>
            <a:t>に感染する可能性が生じた方が、抗</a:t>
          </a:r>
          <a:r>
            <a:rPr kumimoji="1" lang="en-US" altLang="ja-JP" sz="2800">
              <a:solidFill>
                <a:schemeClr val="tx2"/>
              </a:solidFill>
              <a:latin typeface="HGS創英角ﾎﾟｯﾌﾟ体" pitchFamily="50" charset="-128"/>
              <a:ea typeface="HGS創英角ﾎﾟｯﾌﾟ体" pitchFamily="50" charset="-128"/>
            </a:rPr>
            <a:t>HIV</a:t>
          </a:r>
          <a:r>
            <a:rPr kumimoji="1" lang="ja-JP" altLang="en-US" sz="2800">
              <a:solidFill>
                <a:schemeClr val="tx2"/>
              </a:solidFill>
              <a:latin typeface="HGS創英角ﾎﾟｯﾌﾟ体" pitchFamily="50" charset="-128"/>
              <a:ea typeface="HGS創英角ﾎﾟｯﾌﾟ体" pitchFamily="50" charset="-128"/>
            </a:rPr>
            <a:t>薬の予防的服用を行うことのできる病院が</a:t>
          </a:r>
          <a:r>
            <a:rPr kumimoji="1" lang="en-US" altLang="ja-JP" sz="2800">
              <a:solidFill>
                <a:schemeClr val="tx2"/>
              </a:solidFill>
              <a:latin typeface="HGS創英角ﾎﾟｯﾌﾟ体" pitchFamily="50" charset="-128"/>
              <a:ea typeface="HGS創英角ﾎﾟｯﾌﾟ体" pitchFamily="50" charset="-128"/>
            </a:rPr>
            <a:t>18</a:t>
          </a:r>
          <a:r>
            <a:rPr kumimoji="1" lang="ja-JP" altLang="en-US" sz="2800">
              <a:solidFill>
                <a:schemeClr val="tx2"/>
              </a:solidFill>
              <a:latin typeface="HGS創英角ﾎﾟｯﾌﾟ体" pitchFamily="50" charset="-128"/>
              <a:ea typeface="HGS創英角ﾎﾟｯﾌﾟ体" pitchFamily="50" charset="-128"/>
            </a:rPr>
            <a:t>病院あります。</a:t>
          </a:r>
          <a:endParaRPr kumimoji="1" lang="en-US" altLang="ja-JP" sz="2800">
            <a:solidFill>
              <a:schemeClr val="tx2"/>
            </a:solidFill>
            <a:latin typeface="HGS創英角ﾎﾟｯﾌﾟ体" pitchFamily="50" charset="-128"/>
            <a:ea typeface="HGS創英角ﾎﾟｯﾌﾟ体" pitchFamily="50" charset="-128"/>
          </a:endParaRPr>
        </a:p>
        <a:p>
          <a:pPr algn="l"/>
          <a:r>
            <a:rPr kumimoji="1" lang="ja-JP" altLang="en-US" sz="2800">
              <a:solidFill>
                <a:schemeClr val="tx2"/>
              </a:solidFill>
              <a:latin typeface="HGS創英角ﾎﾟｯﾌﾟ体" pitchFamily="50" charset="-128"/>
              <a:ea typeface="HGS創英角ﾎﾟｯﾌﾟ体" pitchFamily="50" charset="-128"/>
            </a:rPr>
            <a:t>　万が一、血液曝露等が起こった場合、どこの病院に何を持って行けば良いか事前に確認しておきましょう。</a:t>
          </a:r>
          <a:endParaRPr kumimoji="1" lang="en-US" altLang="ja-JP" sz="2800">
            <a:solidFill>
              <a:schemeClr val="tx2"/>
            </a:solidFill>
            <a:latin typeface="HGS創英角ﾎﾟｯﾌﾟ体" pitchFamily="50" charset="-128"/>
            <a:ea typeface="HGS創英角ﾎﾟｯﾌﾟ体" pitchFamily="50" charset="-128"/>
          </a:endParaRPr>
        </a:p>
        <a:p>
          <a:pPr algn="l"/>
          <a:r>
            <a:rPr kumimoji="1" lang="ja-JP" altLang="en-US" sz="2800">
              <a:solidFill>
                <a:schemeClr val="tx2"/>
              </a:solidFill>
              <a:latin typeface="HGS創英角ﾎﾟｯﾌﾟ体" pitchFamily="50" charset="-128"/>
              <a:ea typeface="HGS創英角ﾎﾟｯﾌﾟ体" pitchFamily="50" charset="-128"/>
            </a:rPr>
            <a:t>　マップ上の病院をクリックして、お近くの病院の情報を確認してください。</a:t>
          </a:r>
          <a:endParaRPr kumimoji="1" lang="en-US" altLang="ja-JP" sz="2800">
            <a:solidFill>
              <a:schemeClr val="tx2"/>
            </a:solidFill>
            <a:latin typeface="HGS創英角ﾎﾟｯﾌﾟ体" pitchFamily="50" charset="-128"/>
            <a:ea typeface="HGS創英角ﾎﾟｯﾌﾟ体" pitchFamily="50" charset="-128"/>
          </a:endParaRPr>
        </a:p>
        <a:p>
          <a:pPr algn="l"/>
          <a:endParaRPr kumimoji="1" lang="en-US" altLang="ja-JP" sz="1100">
            <a:solidFill>
              <a:schemeClr val="tx2"/>
            </a:solidFill>
            <a:latin typeface="HGS創英角ﾎﾟｯﾌﾟ体" pitchFamily="50" charset="-128"/>
            <a:ea typeface="HGS創英角ﾎﾟｯﾌﾟ体" pitchFamily="50" charset="-128"/>
          </a:endParaRPr>
        </a:p>
        <a:p>
          <a:pPr algn="l"/>
          <a:r>
            <a:rPr kumimoji="1" lang="ja-JP" altLang="en-US" sz="2400">
              <a:solidFill>
                <a:srgbClr val="FF0000"/>
              </a:solidFill>
              <a:latin typeface="HGS創英角ﾎﾟｯﾌﾟ体" pitchFamily="50" charset="-128"/>
              <a:ea typeface="HGS創英角ﾎﾟｯﾌﾟ体" pitchFamily="50" charset="-128"/>
            </a:rPr>
            <a:t>病院には２種類あります。それぞれの違いを御確認ください！</a:t>
          </a:r>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2400">
            <a:solidFill>
              <a:srgbClr val="FF0000"/>
            </a:solidFill>
            <a:latin typeface="HGS創英角ﾎﾟｯﾌﾟ体" pitchFamily="50" charset="-128"/>
            <a:ea typeface="HGS創英角ﾎﾟｯﾌﾟ体" pitchFamily="50" charset="-128"/>
          </a:endParaRPr>
        </a:p>
        <a:p>
          <a:pPr algn="l"/>
          <a:endParaRPr kumimoji="1" lang="en-US" altLang="ja-JP" sz="800">
            <a:solidFill>
              <a:srgbClr val="FF0000"/>
            </a:solidFill>
            <a:latin typeface="HGS創英角ﾎﾟｯﾌﾟ体" pitchFamily="50" charset="-128"/>
            <a:ea typeface="HGS創英角ﾎﾟｯﾌﾟ体" pitchFamily="50" charset="-128"/>
          </a:endParaRPr>
        </a:p>
        <a:p>
          <a:r>
            <a:rPr kumimoji="1" lang="ja-JP" altLang="ja-JP" sz="2000">
              <a:solidFill>
                <a:srgbClr val="FF0000"/>
              </a:solidFill>
              <a:latin typeface="HGS創英角ｺﾞｼｯｸUB" pitchFamily="50" charset="-128"/>
              <a:ea typeface="HGS創英角ｺﾞｼｯｸUB" pitchFamily="50" charset="-128"/>
              <a:cs typeface="+mn-cs"/>
            </a:rPr>
            <a:t>　</a:t>
          </a:r>
          <a:endParaRPr kumimoji="1" lang="ja-JP" altLang="en-US" sz="2400">
            <a:solidFill>
              <a:srgbClr val="FF0000"/>
            </a:solidFill>
            <a:latin typeface="HGS創英角ﾎﾟｯﾌﾟ体" pitchFamily="50" charset="-128"/>
            <a:ea typeface="HGS創英角ﾎﾟｯﾌﾟ体" pitchFamily="50" charset="-128"/>
          </a:endParaRPr>
        </a:p>
      </xdr:txBody>
    </xdr:sp>
    <xdr:clientData/>
  </xdr:twoCellAnchor>
  <xdr:twoCellAnchor>
    <xdr:from>
      <xdr:col>20</xdr:col>
      <xdr:colOff>95250</xdr:colOff>
      <xdr:row>32</xdr:row>
      <xdr:rowOff>79375</xdr:rowOff>
    </xdr:from>
    <xdr:to>
      <xdr:col>35</xdr:col>
      <xdr:colOff>95250</xdr:colOff>
      <xdr:row>36</xdr:row>
      <xdr:rowOff>142875</xdr:rowOff>
    </xdr:to>
    <xdr:sp macro="" textlink="">
      <xdr:nvSpPr>
        <xdr:cNvPr id="401" name="テキスト ボックス 400">
          <a:extLst>
            <a:ext uri="{FF2B5EF4-FFF2-40B4-BE49-F238E27FC236}">
              <a16:creationId xmlns:a16="http://schemas.microsoft.com/office/drawing/2014/main" id="{00000000-0008-0000-0000-000091010000}"/>
            </a:ext>
          </a:extLst>
        </xdr:cNvPr>
        <xdr:cNvSpPr txBox="1"/>
      </xdr:nvSpPr>
      <xdr:spPr>
        <a:xfrm>
          <a:off x="11906250" y="4956175"/>
          <a:ext cx="9144000" cy="6731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en-US" sz="2400">
              <a:latin typeface="HGP創英角ｺﾞｼｯｸUB" pitchFamily="50" charset="-128"/>
              <a:ea typeface="HGP創英角ｺﾞｼｯｸUB" pitchFamily="50" charset="-128"/>
            </a:rPr>
            <a:t>　　受診と抗</a:t>
          </a:r>
          <a:r>
            <a:rPr kumimoji="1" lang="en-US" altLang="ja-JP" sz="2400">
              <a:latin typeface="HGP創英角ｺﾞｼｯｸUB" pitchFamily="50" charset="-128"/>
              <a:ea typeface="HGP創英角ｺﾞｼｯｸUB" pitchFamily="50" charset="-128"/>
            </a:rPr>
            <a:t>HIV</a:t>
          </a:r>
          <a:r>
            <a:rPr kumimoji="1" lang="ja-JP" altLang="en-US" sz="2400">
              <a:latin typeface="HGP創英角ｺﾞｼｯｸUB" pitchFamily="50" charset="-128"/>
              <a:ea typeface="HGP創英角ｺﾞｼｯｸUB" pitchFamily="50" charset="-128"/>
            </a:rPr>
            <a:t>薬の予防的服用を行うことのできる病院です</a:t>
          </a:r>
        </a:p>
      </xdr:txBody>
    </xdr:sp>
    <xdr:clientData/>
  </xdr:twoCellAnchor>
  <xdr:twoCellAnchor>
    <xdr:from>
      <xdr:col>20</xdr:col>
      <xdr:colOff>178956</xdr:colOff>
      <xdr:row>33</xdr:row>
      <xdr:rowOff>106796</xdr:rowOff>
    </xdr:from>
    <xdr:to>
      <xdr:col>20</xdr:col>
      <xdr:colOff>525320</xdr:colOff>
      <xdr:row>35</xdr:row>
      <xdr:rowOff>127001</xdr:rowOff>
    </xdr:to>
    <xdr:sp macro="" textlink="">
      <xdr:nvSpPr>
        <xdr:cNvPr id="402" name="星 7 401">
          <a:extLst>
            <a:ext uri="{FF2B5EF4-FFF2-40B4-BE49-F238E27FC236}">
              <a16:creationId xmlns:a16="http://schemas.microsoft.com/office/drawing/2014/main" id="{00000000-0008-0000-0000-000092010000}"/>
            </a:ext>
          </a:extLst>
        </xdr:cNvPr>
        <xdr:cNvSpPr/>
      </xdr:nvSpPr>
      <xdr:spPr bwMode="auto">
        <a:xfrm>
          <a:off x="11989956" y="5135996"/>
          <a:ext cx="346364" cy="325005"/>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0</xdr:col>
      <xdr:colOff>95249</xdr:colOff>
      <xdr:row>37</xdr:row>
      <xdr:rowOff>95250</xdr:rowOff>
    </xdr:from>
    <xdr:to>
      <xdr:col>35</xdr:col>
      <xdr:colOff>111124</xdr:colOff>
      <xdr:row>42</xdr:row>
      <xdr:rowOff>0</xdr:rowOff>
    </xdr:to>
    <xdr:sp macro="" textlink="">
      <xdr:nvSpPr>
        <xdr:cNvPr id="403" name="テキスト ボックス 402">
          <a:extLst>
            <a:ext uri="{FF2B5EF4-FFF2-40B4-BE49-F238E27FC236}">
              <a16:creationId xmlns:a16="http://schemas.microsoft.com/office/drawing/2014/main" id="{00000000-0008-0000-0000-000093010000}"/>
            </a:ext>
          </a:extLst>
        </xdr:cNvPr>
        <xdr:cNvSpPr txBox="1"/>
      </xdr:nvSpPr>
      <xdr:spPr>
        <a:xfrm>
          <a:off x="11906249" y="5734050"/>
          <a:ext cx="9159875" cy="6667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ja-JP" sz="2400">
              <a:solidFill>
                <a:schemeClr val="dk1"/>
              </a:solidFill>
              <a:latin typeface="HGP創英角ｺﾞｼｯｸUB" pitchFamily="50" charset="-128"/>
              <a:ea typeface="HGP創英角ｺﾞｼｯｸUB" pitchFamily="50" charset="-128"/>
              <a:cs typeface="+mn-cs"/>
            </a:rPr>
            <a:t>　　医師の指示があれば、抗</a:t>
          </a:r>
          <a:r>
            <a:rPr kumimoji="1" lang="en-US" altLang="ja-JP" sz="2400">
              <a:solidFill>
                <a:schemeClr val="dk1"/>
              </a:solidFill>
              <a:latin typeface="HGP創英角ｺﾞｼｯｸUB" pitchFamily="50" charset="-128"/>
              <a:ea typeface="HGP創英角ｺﾞｼｯｸUB" pitchFamily="50" charset="-128"/>
              <a:cs typeface="+mn-cs"/>
            </a:rPr>
            <a:t>HIV</a:t>
          </a:r>
          <a:r>
            <a:rPr kumimoji="1" lang="ja-JP" altLang="ja-JP" sz="2400">
              <a:solidFill>
                <a:schemeClr val="dk1"/>
              </a:solidFill>
              <a:latin typeface="HGP創英角ｺﾞｼｯｸUB" pitchFamily="50" charset="-128"/>
              <a:ea typeface="HGP創英角ｺﾞｼｯｸUB" pitchFamily="50" charset="-128"/>
              <a:cs typeface="+mn-cs"/>
            </a:rPr>
            <a:t>薬の予防的服用をできる病院です</a:t>
          </a:r>
          <a:endParaRPr lang="ja-JP" altLang="ja-JP" sz="2400">
            <a:latin typeface="HGP創英角ｺﾞｼｯｸUB" pitchFamily="50" charset="-128"/>
            <a:ea typeface="HGP創英角ｺﾞｼｯｸUB" pitchFamily="50" charset="-128"/>
          </a:endParaRPr>
        </a:p>
      </xdr:txBody>
    </xdr:sp>
    <xdr:clientData/>
  </xdr:twoCellAnchor>
  <xdr:twoCellAnchor>
    <xdr:from>
      <xdr:col>20</xdr:col>
      <xdr:colOff>154418</xdr:colOff>
      <xdr:row>38</xdr:row>
      <xdr:rowOff>129887</xdr:rowOff>
    </xdr:from>
    <xdr:to>
      <xdr:col>20</xdr:col>
      <xdr:colOff>515214</xdr:colOff>
      <xdr:row>41</xdr:row>
      <xdr:rowOff>5774</xdr:rowOff>
    </xdr:to>
    <xdr:sp macro="" textlink="">
      <xdr:nvSpPr>
        <xdr:cNvPr id="404" name="星 4 403">
          <a:extLst>
            <a:ext uri="{FF2B5EF4-FFF2-40B4-BE49-F238E27FC236}">
              <a16:creationId xmlns:a16="http://schemas.microsoft.com/office/drawing/2014/main" id="{00000000-0008-0000-0000-000094010000}"/>
            </a:ext>
          </a:extLst>
        </xdr:cNvPr>
        <xdr:cNvSpPr/>
      </xdr:nvSpPr>
      <xdr:spPr bwMode="auto">
        <a:xfrm>
          <a:off x="11965418" y="5921087"/>
          <a:ext cx="360796" cy="33308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0</xdr:col>
      <xdr:colOff>142874</xdr:colOff>
      <xdr:row>47</xdr:row>
      <xdr:rowOff>63500</xdr:rowOff>
    </xdr:from>
    <xdr:to>
      <xdr:col>35</xdr:col>
      <xdr:colOff>158749</xdr:colOff>
      <xdr:row>50</xdr:row>
      <xdr:rowOff>6349</xdr:rowOff>
    </xdr:to>
    <xdr:sp macro="" textlink="">
      <xdr:nvSpPr>
        <xdr:cNvPr id="405" name="テキスト ボックス 404">
          <a:extLst>
            <a:ext uri="{FF2B5EF4-FFF2-40B4-BE49-F238E27FC236}">
              <a16:creationId xmlns:a16="http://schemas.microsoft.com/office/drawing/2014/main" id="{00000000-0008-0000-0000-000095010000}"/>
            </a:ext>
          </a:extLst>
        </xdr:cNvPr>
        <xdr:cNvSpPr txBox="1"/>
      </xdr:nvSpPr>
      <xdr:spPr>
        <a:xfrm>
          <a:off x="11953874" y="7226300"/>
          <a:ext cx="9159875" cy="40004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r"/>
          <a:r>
            <a:rPr kumimoji="1" lang="ja-JP" altLang="en-US" sz="1800">
              <a:latin typeface="+mj-ea"/>
              <a:ea typeface="+mj-ea"/>
            </a:rPr>
            <a:t>（注意）ここに掲載されている情報は令和５年５月時点の情報です。</a:t>
          </a:r>
        </a:p>
      </xdr:txBody>
    </xdr:sp>
    <xdr:clientData/>
  </xdr:twoCellAnchor>
  <xdr:twoCellAnchor>
    <xdr:from>
      <xdr:col>8</xdr:col>
      <xdr:colOff>333375</xdr:colOff>
      <xdr:row>21</xdr:row>
      <xdr:rowOff>95250</xdr:rowOff>
    </xdr:from>
    <xdr:to>
      <xdr:col>9</xdr:col>
      <xdr:colOff>90921</xdr:colOff>
      <xdr:row>23</xdr:row>
      <xdr:rowOff>129887</xdr:rowOff>
    </xdr:to>
    <xdr:sp macro="" textlink="">
      <xdr:nvSpPr>
        <xdr:cNvPr id="406" name="星 4 405">
          <a:hlinkClick xmlns:r="http://schemas.openxmlformats.org/officeDocument/2006/relationships" r:id="rId13"/>
          <a:extLst>
            <a:ext uri="{FF2B5EF4-FFF2-40B4-BE49-F238E27FC236}">
              <a16:creationId xmlns:a16="http://schemas.microsoft.com/office/drawing/2014/main" id="{00000000-0008-0000-0000-000096010000}"/>
            </a:ext>
          </a:extLst>
        </xdr:cNvPr>
        <xdr:cNvSpPr/>
      </xdr:nvSpPr>
      <xdr:spPr bwMode="auto">
        <a:xfrm>
          <a:off x="5210175" y="3295650"/>
          <a:ext cx="367146" cy="339437"/>
        </a:xfrm>
        <a:prstGeom prst="star4">
          <a:avLst/>
        </a:prstGeom>
        <a:solidFill>
          <a:srgbClr val="FFFF00"/>
        </a:solidFill>
        <a:ln w="254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0</xdr:col>
      <xdr:colOff>79375</xdr:colOff>
      <xdr:row>42</xdr:row>
      <xdr:rowOff>63500</xdr:rowOff>
    </xdr:from>
    <xdr:to>
      <xdr:col>35</xdr:col>
      <xdr:colOff>174625</xdr:colOff>
      <xdr:row>47</xdr:row>
      <xdr:rowOff>95251</xdr:rowOff>
    </xdr:to>
    <xdr:sp macro="" textlink="">
      <xdr:nvSpPr>
        <xdr:cNvPr id="407" name="テキスト ボックス 406">
          <a:hlinkClick xmlns:r="http://schemas.openxmlformats.org/officeDocument/2006/relationships" r:id="rId21"/>
          <a:extLst>
            <a:ext uri="{FF2B5EF4-FFF2-40B4-BE49-F238E27FC236}">
              <a16:creationId xmlns:a16="http://schemas.microsoft.com/office/drawing/2014/main" id="{00000000-0008-0000-0000-000097010000}"/>
            </a:ext>
          </a:extLst>
        </xdr:cNvPr>
        <xdr:cNvSpPr txBox="1"/>
      </xdr:nvSpPr>
      <xdr:spPr>
        <a:xfrm>
          <a:off x="11890375" y="6464300"/>
          <a:ext cx="9239250" cy="7937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ja-JP" sz="2000">
              <a:solidFill>
                <a:srgbClr val="FF0000"/>
              </a:solidFill>
              <a:latin typeface="+mn-ea"/>
              <a:ea typeface="+mn-ea"/>
              <a:cs typeface="+mn-cs"/>
            </a:rPr>
            <a:t>（注意）</a:t>
          </a:r>
          <a:r>
            <a:rPr kumimoji="1" lang="ja-JP" altLang="en-US" sz="2000">
              <a:solidFill>
                <a:srgbClr val="FF0000"/>
              </a:solidFill>
              <a:latin typeface="+mn-ea"/>
              <a:ea typeface="+mn-ea"/>
              <a:cs typeface="+mn-cs"/>
            </a:rPr>
            <a:t>　</a:t>
          </a:r>
          <a:r>
            <a:rPr kumimoji="1" lang="ja-JP" altLang="ja-JP" sz="2000">
              <a:solidFill>
                <a:srgbClr val="FF0000"/>
              </a:solidFill>
              <a:latin typeface="+mn-ea"/>
              <a:ea typeface="+mn-ea"/>
              <a:cs typeface="+mn-cs"/>
            </a:rPr>
            <a:t>「抗</a:t>
          </a:r>
          <a:r>
            <a:rPr kumimoji="1" lang="en-US" altLang="ja-JP" sz="2000">
              <a:solidFill>
                <a:srgbClr val="FF0000"/>
              </a:solidFill>
              <a:latin typeface="+mn-ea"/>
              <a:ea typeface="+mn-ea"/>
              <a:cs typeface="+mn-cs"/>
            </a:rPr>
            <a:t>HIV</a:t>
          </a:r>
          <a:r>
            <a:rPr kumimoji="1" lang="ja-JP" altLang="ja-JP" sz="2000">
              <a:solidFill>
                <a:srgbClr val="FF0000"/>
              </a:solidFill>
              <a:latin typeface="+mn-ea"/>
              <a:ea typeface="+mn-ea"/>
              <a:cs typeface="+mn-cs"/>
            </a:rPr>
            <a:t>薬の予防的服用」は、原則として労災対応となります。</a:t>
          </a:r>
          <a:endParaRPr kumimoji="1" lang="en-US" altLang="ja-JP" sz="2000">
            <a:solidFill>
              <a:srgbClr val="FF0000"/>
            </a:solidFill>
            <a:latin typeface="+mn-ea"/>
            <a:ea typeface="+mn-ea"/>
            <a:cs typeface="+mn-cs"/>
          </a:endParaRPr>
        </a:p>
        <a:p>
          <a:r>
            <a:rPr kumimoji="1" lang="ja-JP" altLang="ja-JP" sz="2000">
              <a:solidFill>
                <a:srgbClr val="FF0000"/>
              </a:solidFill>
              <a:latin typeface="+mn-ea"/>
              <a:ea typeface="+mn-ea"/>
              <a:cs typeface="+mn-cs"/>
            </a:rPr>
            <a:t>　　　　　</a:t>
          </a:r>
          <a:r>
            <a:rPr kumimoji="1" lang="ja-JP" altLang="en-US" sz="2000">
              <a:solidFill>
                <a:srgbClr val="FF0000"/>
              </a:solidFill>
              <a:latin typeface="+mn-ea"/>
              <a:ea typeface="+mn-ea"/>
              <a:cs typeface="+mn-cs"/>
            </a:rPr>
            <a:t>　</a:t>
          </a:r>
          <a:r>
            <a:rPr kumimoji="1" lang="ja-JP" altLang="ja-JP" sz="2000">
              <a:solidFill>
                <a:srgbClr val="FF0000"/>
              </a:solidFill>
              <a:latin typeface="+mn-ea"/>
              <a:ea typeface="+mn-ea"/>
              <a:cs typeface="+mn-cs"/>
            </a:rPr>
            <a:t>事前に手続きの確認を行ってください。</a:t>
          </a:r>
          <a:r>
            <a:rPr kumimoji="1" lang="ja-JP" altLang="en-US" sz="1600" u="sng">
              <a:latin typeface="HGP創英角ﾎﾟｯﾌﾟ体" pitchFamily="50" charset="-128"/>
              <a:ea typeface="HGP創英角ﾎﾟｯﾌﾟ体" pitchFamily="50" charset="-128"/>
            </a:rPr>
            <a:t>（参考リンク）</a:t>
          </a:r>
          <a:r>
            <a:rPr kumimoji="1" lang="en-US" altLang="ja-JP" sz="1600" u="sng">
              <a:latin typeface="HGP創英角ﾎﾟｯﾌﾟ体" pitchFamily="50" charset="-128"/>
              <a:ea typeface="HGP創英角ﾎﾟｯﾌﾟ体" pitchFamily="50" charset="-128"/>
            </a:rPr>
            <a:t>HIV</a:t>
          </a:r>
          <a:r>
            <a:rPr kumimoji="1" lang="ja-JP" altLang="en-US" sz="1600" u="sng">
              <a:latin typeface="HGP創英角ﾎﾟｯﾌﾟ体" pitchFamily="50" charset="-128"/>
              <a:ea typeface="HGP創英角ﾎﾟｯﾌﾟ体" pitchFamily="50" charset="-128"/>
            </a:rPr>
            <a:t>の労災について</a:t>
          </a:r>
        </a:p>
      </xdr:txBody>
    </xdr:sp>
    <xdr:clientData/>
  </xdr:twoCellAnchor>
  <xdr:twoCellAnchor>
    <xdr:from>
      <xdr:col>8</xdr:col>
      <xdr:colOff>539750</xdr:colOff>
      <xdr:row>20</xdr:row>
      <xdr:rowOff>141525</xdr:rowOff>
    </xdr:from>
    <xdr:to>
      <xdr:col>9</xdr:col>
      <xdr:colOff>127000</xdr:colOff>
      <xdr:row>22</xdr:row>
      <xdr:rowOff>95251</xdr:rowOff>
    </xdr:to>
    <xdr:cxnSp macro="">
      <xdr:nvCxnSpPr>
        <xdr:cNvPr id="408" name="直線コネクタ 407">
          <a:hlinkClick xmlns:r="http://schemas.openxmlformats.org/officeDocument/2006/relationships" r:id="rId13"/>
          <a:extLst>
            <a:ext uri="{FF2B5EF4-FFF2-40B4-BE49-F238E27FC236}">
              <a16:creationId xmlns:a16="http://schemas.microsoft.com/office/drawing/2014/main" id="{00000000-0008-0000-0000-000098010000}"/>
            </a:ext>
          </a:extLst>
        </xdr:cNvPr>
        <xdr:cNvCxnSpPr>
          <a:endCxn id="372" idx="2"/>
        </xdr:cNvCxnSpPr>
      </xdr:nvCxnSpPr>
      <xdr:spPr bwMode="auto">
        <a:xfrm flipV="1">
          <a:off x="5416550" y="3189525"/>
          <a:ext cx="196850" cy="258526"/>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15</xdr:col>
      <xdr:colOff>295275</xdr:colOff>
      <xdr:row>13</xdr:row>
      <xdr:rowOff>124402</xdr:rowOff>
    </xdr:from>
    <xdr:to>
      <xdr:col>16</xdr:col>
      <xdr:colOff>35502</xdr:colOff>
      <xdr:row>15</xdr:row>
      <xdr:rowOff>132196</xdr:rowOff>
    </xdr:to>
    <xdr:sp macro="" textlink="">
      <xdr:nvSpPr>
        <xdr:cNvPr id="379" name="星 7 378">
          <a:hlinkClick xmlns:r="http://schemas.openxmlformats.org/officeDocument/2006/relationships" r:id="rId22"/>
          <a:extLst>
            <a:ext uri="{FF2B5EF4-FFF2-40B4-BE49-F238E27FC236}">
              <a16:creationId xmlns:a16="http://schemas.microsoft.com/office/drawing/2014/main" id="{00000000-0008-0000-0000-00007B010000}"/>
            </a:ext>
          </a:extLst>
        </xdr:cNvPr>
        <xdr:cNvSpPr/>
      </xdr:nvSpPr>
      <xdr:spPr bwMode="auto">
        <a:xfrm>
          <a:off x="9344025" y="2188152"/>
          <a:ext cx="343477" cy="325294"/>
        </a:xfrm>
        <a:prstGeom prst="star7">
          <a:avLst/>
        </a:prstGeom>
        <a:solidFill>
          <a:srgbClr val="FFFF00"/>
        </a:solidFill>
        <a:ln w="3810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6</xdr:col>
      <xdr:colOff>111988</xdr:colOff>
      <xdr:row>12</xdr:row>
      <xdr:rowOff>114300</xdr:rowOff>
    </xdr:from>
    <xdr:to>
      <xdr:col>18</xdr:col>
      <xdr:colOff>489488</xdr:colOff>
      <xdr:row>14</xdr:row>
      <xdr:rowOff>81200</xdr:rowOff>
    </xdr:to>
    <xdr:sp macro="" textlink="">
      <xdr:nvSpPr>
        <xdr:cNvPr id="393" name="正方形/長方形 392">
          <a:hlinkClick xmlns:r="http://schemas.openxmlformats.org/officeDocument/2006/relationships" r:id="rId22"/>
          <a:extLst>
            <a:ext uri="{FF2B5EF4-FFF2-40B4-BE49-F238E27FC236}">
              <a16:creationId xmlns:a16="http://schemas.microsoft.com/office/drawing/2014/main" id="{00000000-0008-0000-0000-000089010000}"/>
            </a:ext>
          </a:extLst>
        </xdr:cNvPr>
        <xdr:cNvSpPr/>
      </xdr:nvSpPr>
      <xdr:spPr bwMode="auto">
        <a:xfrm>
          <a:off x="9763988" y="2019300"/>
          <a:ext cx="1584000" cy="284400"/>
        </a:xfrm>
        <a:prstGeom prst="rect">
          <a:avLst/>
        </a:prstGeom>
        <a:solidFill>
          <a:schemeClr val="bg1"/>
        </a:solidFill>
        <a:ln w="6350"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a:t>川崎市立川崎病院</a:t>
          </a:r>
        </a:p>
      </xdr:txBody>
    </xdr:sp>
    <xdr:clientData/>
  </xdr:twoCellAnchor>
  <xdr:twoCellAnchor>
    <xdr:from>
      <xdr:col>15</xdr:col>
      <xdr:colOff>492990</xdr:colOff>
      <xdr:row>13</xdr:row>
      <xdr:rowOff>97750</xdr:rowOff>
    </xdr:from>
    <xdr:to>
      <xdr:col>16</xdr:col>
      <xdr:colOff>111988</xdr:colOff>
      <xdr:row>14</xdr:row>
      <xdr:rowOff>146052</xdr:rowOff>
    </xdr:to>
    <xdr:cxnSp macro="">
      <xdr:nvCxnSpPr>
        <xdr:cNvPr id="398" name="直線コネクタ 397">
          <a:hlinkClick xmlns:r="http://schemas.openxmlformats.org/officeDocument/2006/relationships" r:id="rId22"/>
          <a:extLst>
            <a:ext uri="{FF2B5EF4-FFF2-40B4-BE49-F238E27FC236}">
              <a16:creationId xmlns:a16="http://schemas.microsoft.com/office/drawing/2014/main" id="{00000000-0008-0000-0000-00008E010000}"/>
            </a:ext>
          </a:extLst>
        </xdr:cNvPr>
        <xdr:cNvCxnSpPr>
          <a:endCxn id="393" idx="1"/>
        </xdr:cNvCxnSpPr>
      </xdr:nvCxnSpPr>
      <xdr:spPr bwMode="auto">
        <a:xfrm flipV="1">
          <a:off x="9541740" y="2161500"/>
          <a:ext cx="222248" cy="207052"/>
        </a:xfrm>
        <a:prstGeom prst="line">
          <a:avLst/>
        </a:prstGeom>
        <a:noFill/>
        <a:ln w="9525" cap="flat" cmpd="sng" algn="ctr">
          <a:solidFill>
            <a:srgbClr val="000000"/>
          </a:solidFill>
          <a:prstDash val="solid"/>
          <a:round/>
          <a:headEnd type="none" w="med" len="med"/>
          <a:tailEnd type="none" w="med" len="med"/>
        </a:ln>
        <a:effectLst/>
      </xdr:spPr>
    </xdr:cxnSp>
    <xdr:clientData/>
  </xdr:twoCellAnchor>
</xdr:wsDr>
</file>

<file path=xl/drawings/drawing10.xml><?xml version="1.0" encoding="utf-8"?>
<xdr:wsDr xmlns:xdr="http://schemas.openxmlformats.org/drawingml/2006/spreadsheetDrawing" xmlns:a="http://schemas.openxmlformats.org/drawingml/2006/main">
  <xdr:twoCellAnchor>
    <xdr:from>
      <xdr:col>10</xdr:col>
      <xdr:colOff>266700</xdr:colOff>
      <xdr:row>1</xdr:row>
      <xdr:rowOff>0</xdr:rowOff>
    </xdr:from>
    <xdr:to>
      <xdr:col>17</xdr:col>
      <xdr:colOff>638175</xdr:colOff>
      <xdr:row>8</xdr:row>
      <xdr:rowOff>276226</xdr:rowOff>
    </xdr:to>
    <xdr:sp macro="" textlink="">
      <xdr:nvSpPr>
        <xdr:cNvPr id="7" name="テキスト ボックス 6">
          <a:extLst>
            <a:ext uri="{FF2B5EF4-FFF2-40B4-BE49-F238E27FC236}">
              <a16:creationId xmlns:a16="http://schemas.microsoft.com/office/drawing/2014/main" id="{00000000-0008-0000-0900-000007000000}"/>
            </a:ext>
          </a:extLst>
        </xdr:cNvPr>
        <xdr:cNvSpPr txBox="1"/>
      </xdr:nvSpPr>
      <xdr:spPr>
        <a:xfrm>
          <a:off x="6991350"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配置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はできませんが、医師の指示があれば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緊急的に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は可能ですが、後日、緊急診療対応病院を受診する必要があります。</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10</xdr:col>
      <xdr:colOff>161925</xdr:colOff>
      <xdr:row>0</xdr:row>
      <xdr:rowOff>190500</xdr:rowOff>
    </xdr:from>
    <xdr:to>
      <xdr:col>17</xdr:col>
      <xdr:colOff>533400</xdr:colOff>
      <xdr:row>9</xdr:row>
      <xdr:rowOff>76201</xdr:rowOff>
    </xdr:to>
    <xdr:sp macro="" textlink="">
      <xdr:nvSpPr>
        <xdr:cNvPr id="5" name="テキスト ボックス 4">
          <a:extLst>
            <a:ext uri="{FF2B5EF4-FFF2-40B4-BE49-F238E27FC236}">
              <a16:creationId xmlns:a16="http://schemas.microsoft.com/office/drawing/2014/main" id="{00000000-0008-0000-0A00-000005000000}"/>
            </a:ext>
          </a:extLst>
        </xdr:cNvPr>
        <xdr:cNvSpPr txBox="1"/>
      </xdr:nvSpPr>
      <xdr:spPr>
        <a:xfrm>
          <a:off x="6886575" y="190500"/>
          <a:ext cx="5295900" cy="365760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抗</a:t>
          </a:r>
          <a:r>
            <a:rPr kumimoji="1" lang="en-US" altLang="ja-JP"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HIV</a:t>
          </a:r>
          <a:r>
            <a:rPr kumimoji="1" lang="ja-JP" altLang="en-US"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薬配置病院</a:t>
          </a:r>
          <a:r>
            <a:rPr kumimoji="1" lang="en-US" altLang="ja-JP" sz="1800">
              <a:latin typeface="HGP創英角ｺﾞｼｯｸUB" pitchFamily="50" charset="-128"/>
              <a:ea typeface="HGP創英角ｺﾞｼｯｸUB" pitchFamily="50" charset="-128"/>
            </a:rPr>
            <a:t>】</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800">
              <a:latin typeface="HGP創英角ｺﾞｼｯｸUB" pitchFamily="50" charset="-128"/>
              <a:ea typeface="HGP創英角ｺﾞｼｯｸUB" pitchFamily="50" charset="-128"/>
            </a:rPr>
            <a:t>　</a:t>
          </a:r>
          <a:r>
            <a:rPr kumimoji="1" lang="ja-JP" altLang="en-US"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こちらは受診はできませんが、医師の指示があれば抗</a:t>
          </a:r>
          <a:r>
            <a:rPr kumimoji="1" lang="en-US" altLang="ja-JP"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HIV</a:t>
          </a:r>
          <a:r>
            <a:rPr kumimoji="1" lang="ja-JP" altLang="en-US"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薬の予防的服用をできる病院です。</a:t>
          </a:r>
          <a:endParaRPr kumimoji="1" lang="en-US" altLang="ja-JP"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　緊急的に抗</a:t>
          </a:r>
          <a:r>
            <a:rPr kumimoji="1" lang="en-US" altLang="ja-JP"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HIV</a:t>
          </a:r>
          <a:r>
            <a:rPr kumimoji="1" lang="ja-JP" altLang="en-US"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薬の予防的服用を行うことは可能ですが、後日、緊急診療対応病院を受診する必要があります。</a:t>
          </a:r>
        </a:p>
        <a:p>
          <a:endParaRPr kumimoji="1" lang="ja-JP" altLang="en-US" sz="1800">
            <a:latin typeface="HGP創英角ｺﾞｼｯｸUB" pitchFamily="50" charset="-128"/>
            <a:ea typeface="HGP創英角ｺﾞｼｯｸUB" pitchFamily="50" charset="-128"/>
          </a:endParaRPr>
        </a:p>
      </xdr:txBody>
    </xdr:sp>
    <xdr:clientData/>
  </xdr:twoCellAnchor>
  <xdr:twoCellAnchor>
    <xdr:from>
      <xdr:col>5</xdr:col>
      <xdr:colOff>723900</xdr:colOff>
      <xdr:row>6</xdr:row>
      <xdr:rowOff>0</xdr:rowOff>
    </xdr:from>
    <xdr:to>
      <xdr:col>10</xdr:col>
      <xdr:colOff>1905</xdr:colOff>
      <xdr:row>8</xdr:row>
      <xdr:rowOff>361950</xdr:rowOff>
    </xdr:to>
    <xdr:cxnSp macro="">
      <xdr:nvCxnSpPr>
        <xdr:cNvPr id="3" name="直線コネクタ 2">
          <a:extLst>
            <a:ext uri="{FF2B5EF4-FFF2-40B4-BE49-F238E27FC236}">
              <a16:creationId xmlns:a16="http://schemas.microsoft.com/office/drawing/2014/main" id="{00000000-0008-0000-0A00-000003000000}"/>
            </a:ext>
          </a:extLst>
        </xdr:cNvPr>
        <xdr:cNvCxnSpPr/>
      </xdr:nvCxnSpPr>
      <xdr:spPr bwMode="auto">
        <a:xfrm flipV="1">
          <a:off x="3764280" y="2628900"/>
          <a:ext cx="2318385" cy="1123950"/>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5</xdr:col>
      <xdr:colOff>723900</xdr:colOff>
      <xdr:row>6</xdr:row>
      <xdr:rowOff>7620</xdr:rowOff>
    </xdr:from>
    <xdr:to>
      <xdr:col>9</xdr:col>
      <xdr:colOff>714375</xdr:colOff>
      <xdr:row>8</xdr:row>
      <xdr:rowOff>379095</xdr:rowOff>
    </xdr:to>
    <xdr:cxnSp macro="">
      <xdr:nvCxnSpPr>
        <xdr:cNvPr id="4" name="直線コネクタ 3">
          <a:extLst>
            <a:ext uri="{FF2B5EF4-FFF2-40B4-BE49-F238E27FC236}">
              <a16:creationId xmlns:a16="http://schemas.microsoft.com/office/drawing/2014/main" id="{00000000-0008-0000-0A00-000004000000}"/>
            </a:ext>
          </a:extLst>
        </xdr:cNvPr>
        <xdr:cNvCxnSpPr/>
      </xdr:nvCxnSpPr>
      <xdr:spPr bwMode="auto">
        <a:xfrm>
          <a:off x="3764280" y="2636520"/>
          <a:ext cx="2299335" cy="1133475"/>
        </a:xfrm>
        <a:prstGeom prst="line">
          <a:avLst/>
        </a:prstGeom>
        <a:noFill/>
        <a:ln w="9525" cap="flat" cmpd="sng" algn="ctr">
          <a:solidFill>
            <a:srgbClr val="000000"/>
          </a:solidFill>
          <a:prstDash val="solid"/>
          <a:round/>
          <a:headEnd type="none" w="med" len="med"/>
          <a:tailEnd type="none" w="med" len="med"/>
        </a:ln>
        <a:effectLst/>
      </xdr:spPr>
    </xdr:cxnSp>
    <xdr:clientData/>
  </xdr:twoCellAnchor>
</xdr:wsDr>
</file>

<file path=xl/drawings/drawing12.xml><?xml version="1.0" encoding="utf-8"?>
<xdr:wsDr xmlns:xdr="http://schemas.openxmlformats.org/drawingml/2006/spreadsheetDrawing" xmlns:a="http://schemas.openxmlformats.org/drawingml/2006/main">
  <xdr:twoCellAnchor>
    <xdr:from>
      <xdr:col>10</xdr:col>
      <xdr:colOff>266700</xdr:colOff>
      <xdr:row>1</xdr:row>
      <xdr:rowOff>0</xdr:rowOff>
    </xdr:from>
    <xdr:to>
      <xdr:col>17</xdr:col>
      <xdr:colOff>638175</xdr:colOff>
      <xdr:row>8</xdr:row>
      <xdr:rowOff>276226</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6991350"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配置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はできませんが、医師の指示があれば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緊急的に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は可能ですが、後日、緊急診療対応病院を受診する必要があります。</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0</xdr:col>
      <xdr:colOff>257175</xdr:colOff>
      <xdr:row>1</xdr:row>
      <xdr:rowOff>0</xdr:rowOff>
    </xdr:from>
    <xdr:to>
      <xdr:col>17</xdr:col>
      <xdr:colOff>628650</xdr:colOff>
      <xdr:row>8</xdr:row>
      <xdr:rowOff>276226</xdr:rowOff>
    </xdr:to>
    <xdr:sp macro="" textlink="">
      <xdr:nvSpPr>
        <xdr:cNvPr id="3" name="テキスト ボックス 2">
          <a:extLst>
            <a:ext uri="{FF2B5EF4-FFF2-40B4-BE49-F238E27FC236}">
              <a16:creationId xmlns:a16="http://schemas.microsoft.com/office/drawing/2014/main" id="{00000000-0008-0000-0C00-000003000000}"/>
            </a:ext>
          </a:extLst>
        </xdr:cNvPr>
        <xdr:cNvSpPr txBox="1"/>
      </xdr:nvSpPr>
      <xdr:spPr>
        <a:xfrm>
          <a:off x="6981825"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配置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はできませんが、医師の指示があれば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緊急的に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は可能ですが、後日、緊急診療対応病院を受診する必要があります。</a:t>
          </a: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10</xdr:col>
      <xdr:colOff>238125</xdr:colOff>
      <xdr:row>1</xdr:row>
      <xdr:rowOff>0</xdr:rowOff>
    </xdr:from>
    <xdr:to>
      <xdr:col>17</xdr:col>
      <xdr:colOff>609600</xdr:colOff>
      <xdr:row>8</xdr:row>
      <xdr:rowOff>276226</xdr:rowOff>
    </xdr:to>
    <xdr:sp macro="" textlink="">
      <xdr:nvSpPr>
        <xdr:cNvPr id="3" name="テキスト ボックス 2">
          <a:extLst>
            <a:ext uri="{FF2B5EF4-FFF2-40B4-BE49-F238E27FC236}">
              <a16:creationId xmlns:a16="http://schemas.microsoft.com/office/drawing/2014/main" id="{00000000-0008-0000-0D00-000003000000}"/>
            </a:ext>
          </a:extLst>
        </xdr:cNvPr>
        <xdr:cNvSpPr txBox="1"/>
      </xdr:nvSpPr>
      <xdr:spPr>
        <a:xfrm>
          <a:off x="6962775"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配置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はできませんが、医師の指示があれば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緊急的に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は可能ですが、後日、緊急診療対応病院を受診する必要があります。</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10</xdr:col>
      <xdr:colOff>247650</xdr:colOff>
      <xdr:row>1</xdr:row>
      <xdr:rowOff>0</xdr:rowOff>
    </xdr:from>
    <xdr:to>
      <xdr:col>17</xdr:col>
      <xdr:colOff>619125</xdr:colOff>
      <xdr:row>8</xdr:row>
      <xdr:rowOff>276226</xdr:rowOff>
    </xdr:to>
    <xdr:sp macro="" textlink="">
      <xdr:nvSpPr>
        <xdr:cNvPr id="3" name="テキスト ボックス 2">
          <a:extLst>
            <a:ext uri="{FF2B5EF4-FFF2-40B4-BE49-F238E27FC236}">
              <a16:creationId xmlns:a16="http://schemas.microsoft.com/office/drawing/2014/main" id="{00000000-0008-0000-0E00-000003000000}"/>
            </a:ext>
          </a:extLst>
        </xdr:cNvPr>
        <xdr:cNvSpPr txBox="1"/>
      </xdr:nvSpPr>
      <xdr:spPr>
        <a:xfrm>
          <a:off x="6972300"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配置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はできませんが、医師の指示があれば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緊急的に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は可能ですが、後日、緊急診療対応病院を受診する必要があります。</a:t>
          </a:r>
        </a:p>
      </xdr:txBody>
    </xdr:sp>
    <xdr:clientData/>
  </xdr:twoCellAnchor>
  <xdr:twoCellAnchor>
    <xdr:from>
      <xdr:col>6</xdr:col>
      <xdr:colOff>9525</xdr:colOff>
      <xdr:row>6</xdr:row>
      <xdr:rowOff>9525</xdr:rowOff>
    </xdr:from>
    <xdr:to>
      <xdr:col>10</xdr:col>
      <xdr:colOff>0</xdr:colOff>
      <xdr:row>9</xdr:row>
      <xdr:rowOff>0</xdr:rowOff>
    </xdr:to>
    <xdr:cxnSp macro="">
      <xdr:nvCxnSpPr>
        <xdr:cNvPr id="6" name="直線コネクタ 5">
          <a:extLst>
            <a:ext uri="{FF2B5EF4-FFF2-40B4-BE49-F238E27FC236}">
              <a16:creationId xmlns:a16="http://schemas.microsoft.com/office/drawing/2014/main" id="{00000000-0008-0000-0E00-000006000000}"/>
            </a:ext>
          </a:extLst>
        </xdr:cNvPr>
        <xdr:cNvCxnSpPr/>
      </xdr:nvCxnSpPr>
      <xdr:spPr bwMode="auto">
        <a:xfrm>
          <a:off x="4181475" y="2638425"/>
          <a:ext cx="2543175" cy="113347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6</xdr:col>
      <xdr:colOff>0</xdr:colOff>
      <xdr:row>6</xdr:row>
      <xdr:rowOff>0</xdr:rowOff>
    </xdr:from>
    <xdr:to>
      <xdr:col>10</xdr:col>
      <xdr:colOff>9525</xdr:colOff>
      <xdr:row>8</xdr:row>
      <xdr:rowOff>361950</xdr:rowOff>
    </xdr:to>
    <xdr:cxnSp macro="">
      <xdr:nvCxnSpPr>
        <xdr:cNvPr id="8" name="直線コネクタ 7">
          <a:extLst>
            <a:ext uri="{FF2B5EF4-FFF2-40B4-BE49-F238E27FC236}">
              <a16:creationId xmlns:a16="http://schemas.microsoft.com/office/drawing/2014/main" id="{00000000-0008-0000-0E00-000008000000}"/>
            </a:ext>
          </a:extLst>
        </xdr:cNvPr>
        <xdr:cNvCxnSpPr/>
      </xdr:nvCxnSpPr>
      <xdr:spPr bwMode="auto">
        <a:xfrm flipV="1">
          <a:off x="4171950" y="2628900"/>
          <a:ext cx="2562225" cy="1123950"/>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6</xdr:col>
      <xdr:colOff>9525</xdr:colOff>
      <xdr:row>6</xdr:row>
      <xdr:rowOff>9525</xdr:rowOff>
    </xdr:from>
    <xdr:to>
      <xdr:col>10</xdr:col>
      <xdr:colOff>0</xdr:colOff>
      <xdr:row>9</xdr:row>
      <xdr:rowOff>0</xdr:rowOff>
    </xdr:to>
    <xdr:cxnSp macro="">
      <xdr:nvCxnSpPr>
        <xdr:cNvPr id="2" name="直線コネクタ 1">
          <a:extLst>
            <a:ext uri="{FF2B5EF4-FFF2-40B4-BE49-F238E27FC236}">
              <a16:creationId xmlns:a16="http://schemas.microsoft.com/office/drawing/2014/main" id="{A20D5507-DA6A-4AD2-B283-C2656B9C8E14}"/>
            </a:ext>
          </a:extLst>
        </xdr:cNvPr>
        <xdr:cNvCxnSpPr/>
      </xdr:nvCxnSpPr>
      <xdr:spPr bwMode="auto">
        <a:xfrm>
          <a:off x="3781425" y="2638425"/>
          <a:ext cx="2299335" cy="113347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6</xdr:col>
      <xdr:colOff>0</xdr:colOff>
      <xdr:row>6</xdr:row>
      <xdr:rowOff>0</xdr:rowOff>
    </xdr:from>
    <xdr:to>
      <xdr:col>10</xdr:col>
      <xdr:colOff>9525</xdr:colOff>
      <xdr:row>8</xdr:row>
      <xdr:rowOff>361950</xdr:rowOff>
    </xdr:to>
    <xdr:cxnSp macro="">
      <xdr:nvCxnSpPr>
        <xdr:cNvPr id="4" name="直線コネクタ 3">
          <a:extLst>
            <a:ext uri="{FF2B5EF4-FFF2-40B4-BE49-F238E27FC236}">
              <a16:creationId xmlns:a16="http://schemas.microsoft.com/office/drawing/2014/main" id="{2465E70A-6AA4-41AB-932E-016AA4B6AA11}"/>
            </a:ext>
          </a:extLst>
        </xdr:cNvPr>
        <xdr:cNvCxnSpPr/>
      </xdr:nvCxnSpPr>
      <xdr:spPr bwMode="auto">
        <a:xfrm flipV="1">
          <a:off x="3771900" y="2628900"/>
          <a:ext cx="2318385" cy="1123950"/>
        </a:xfrm>
        <a:prstGeom prst="line">
          <a:avLst/>
        </a:prstGeom>
        <a:noFill/>
        <a:ln w="9525" cap="flat" cmpd="sng" algn="ctr">
          <a:solidFill>
            <a:srgbClr val="000000"/>
          </a:solidFill>
          <a:prstDash val="solid"/>
          <a:round/>
          <a:headEnd type="none" w="med" len="med"/>
          <a:tailEnd type="none" w="med" len="med"/>
        </a:ln>
        <a:effectLst/>
      </xdr:spPr>
    </xdr:cxnSp>
    <xdr:clientData/>
  </xdr:twoCellAnchor>
</xdr:wsDr>
</file>

<file path=xl/drawings/drawing16.xml><?xml version="1.0" encoding="utf-8"?>
<xdr:wsDr xmlns:xdr="http://schemas.openxmlformats.org/drawingml/2006/spreadsheetDrawing" xmlns:a="http://schemas.openxmlformats.org/drawingml/2006/main">
  <xdr:twoCellAnchor>
    <xdr:from>
      <xdr:col>10</xdr:col>
      <xdr:colOff>285750</xdr:colOff>
      <xdr:row>1</xdr:row>
      <xdr:rowOff>0</xdr:rowOff>
    </xdr:from>
    <xdr:to>
      <xdr:col>17</xdr:col>
      <xdr:colOff>657225</xdr:colOff>
      <xdr:row>8</xdr:row>
      <xdr:rowOff>276226</xdr:rowOff>
    </xdr:to>
    <xdr:sp macro="" textlink="">
      <xdr:nvSpPr>
        <xdr:cNvPr id="4" name="テキスト ボックス 3">
          <a:extLst>
            <a:ext uri="{FF2B5EF4-FFF2-40B4-BE49-F238E27FC236}">
              <a16:creationId xmlns:a16="http://schemas.microsoft.com/office/drawing/2014/main" id="{00000000-0008-0000-0F00-000004000000}"/>
            </a:ext>
          </a:extLst>
        </xdr:cNvPr>
        <xdr:cNvSpPr txBox="1"/>
      </xdr:nvSpPr>
      <xdr:spPr>
        <a:xfrm>
          <a:off x="7010400"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配置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はできませんが、事前に医師の指示があれば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緊急的に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は可能ですが、後日、緊急診療対応病院を受診する必要があります。</a:t>
          </a:r>
        </a:p>
      </xdr:txBody>
    </xdr:sp>
    <xdr:clientData/>
  </xdr:twoCellAnchor>
  <xdr:twoCellAnchor>
    <xdr:from>
      <xdr:col>6</xdr:col>
      <xdr:colOff>1905</xdr:colOff>
      <xdr:row>6</xdr:row>
      <xdr:rowOff>9525</xdr:rowOff>
    </xdr:from>
    <xdr:to>
      <xdr:col>9</xdr:col>
      <xdr:colOff>723900</xdr:colOff>
      <xdr:row>9</xdr:row>
      <xdr:rowOff>0</xdr:rowOff>
    </xdr:to>
    <xdr:cxnSp macro="">
      <xdr:nvCxnSpPr>
        <xdr:cNvPr id="3" name="直線コネクタ 2">
          <a:extLst>
            <a:ext uri="{FF2B5EF4-FFF2-40B4-BE49-F238E27FC236}">
              <a16:creationId xmlns:a16="http://schemas.microsoft.com/office/drawing/2014/main" id="{00000000-0008-0000-0F00-000003000000}"/>
            </a:ext>
          </a:extLst>
        </xdr:cNvPr>
        <xdr:cNvCxnSpPr/>
      </xdr:nvCxnSpPr>
      <xdr:spPr bwMode="auto">
        <a:xfrm>
          <a:off x="3773805" y="2638425"/>
          <a:ext cx="2299335" cy="1133475"/>
        </a:xfrm>
        <a:prstGeom prst="line">
          <a:avLst/>
        </a:prstGeom>
        <a:noFill/>
        <a:ln w="9525" cap="flat" cmpd="sng" algn="ctr">
          <a:solidFill>
            <a:srgbClr val="000000"/>
          </a:solidFill>
          <a:prstDash val="solid"/>
          <a:round/>
          <a:headEnd type="none" w="med" len="med"/>
          <a:tailEnd type="none" w="med" len="med"/>
        </a:ln>
        <a:effectLst/>
      </xdr:spPr>
    </xdr:cxnSp>
    <xdr:clientData/>
  </xdr:twoCellAnchor>
  <xdr:twoCellAnchor>
    <xdr:from>
      <xdr:col>6</xdr:col>
      <xdr:colOff>0</xdr:colOff>
      <xdr:row>6</xdr:row>
      <xdr:rowOff>7620</xdr:rowOff>
    </xdr:from>
    <xdr:to>
      <xdr:col>10</xdr:col>
      <xdr:colOff>9525</xdr:colOff>
      <xdr:row>8</xdr:row>
      <xdr:rowOff>369570</xdr:rowOff>
    </xdr:to>
    <xdr:cxnSp macro="">
      <xdr:nvCxnSpPr>
        <xdr:cNvPr id="5" name="直線コネクタ 4">
          <a:extLst>
            <a:ext uri="{FF2B5EF4-FFF2-40B4-BE49-F238E27FC236}">
              <a16:creationId xmlns:a16="http://schemas.microsoft.com/office/drawing/2014/main" id="{00000000-0008-0000-0F00-000005000000}"/>
            </a:ext>
          </a:extLst>
        </xdr:cNvPr>
        <xdr:cNvCxnSpPr/>
      </xdr:nvCxnSpPr>
      <xdr:spPr bwMode="auto">
        <a:xfrm flipV="1">
          <a:off x="3771900" y="2636520"/>
          <a:ext cx="2318385" cy="1123950"/>
        </a:xfrm>
        <a:prstGeom prst="line">
          <a:avLst/>
        </a:prstGeom>
        <a:noFill/>
        <a:ln w="9525" cap="flat" cmpd="sng" algn="ctr">
          <a:solidFill>
            <a:srgbClr val="000000"/>
          </a:solidFill>
          <a:prstDash val="solid"/>
          <a:round/>
          <a:headEnd type="none" w="med" len="med"/>
          <a:tailEnd type="none" w="med" len="med"/>
        </a:ln>
        <a:effectLst/>
      </xdr:spPr>
    </xdr:cxnSp>
    <xdr:clientData/>
  </xdr:twoCellAnchor>
</xdr:wsDr>
</file>

<file path=xl/drawings/drawing17.xml><?xml version="1.0" encoding="utf-8"?>
<xdr:wsDr xmlns:xdr="http://schemas.openxmlformats.org/drawingml/2006/spreadsheetDrawing" xmlns:a="http://schemas.openxmlformats.org/drawingml/2006/main">
  <xdr:twoCellAnchor>
    <xdr:from>
      <xdr:col>10</xdr:col>
      <xdr:colOff>238125</xdr:colOff>
      <xdr:row>1</xdr:row>
      <xdr:rowOff>0</xdr:rowOff>
    </xdr:from>
    <xdr:to>
      <xdr:col>17</xdr:col>
      <xdr:colOff>609600</xdr:colOff>
      <xdr:row>8</xdr:row>
      <xdr:rowOff>276226</xdr:rowOff>
    </xdr:to>
    <xdr:sp macro="" textlink="">
      <xdr:nvSpPr>
        <xdr:cNvPr id="4" name="テキスト ボックス 3">
          <a:extLst>
            <a:ext uri="{FF2B5EF4-FFF2-40B4-BE49-F238E27FC236}">
              <a16:creationId xmlns:a16="http://schemas.microsoft.com/office/drawing/2014/main" id="{00000000-0008-0000-1000-000004000000}"/>
            </a:ext>
          </a:extLst>
        </xdr:cNvPr>
        <xdr:cNvSpPr txBox="1"/>
      </xdr:nvSpPr>
      <xdr:spPr>
        <a:xfrm>
          <a:off x="6962775"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配置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はできませんが、事前に医師の指示があれば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緊急的に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は可能ですが、後日、緊急診療対応病院を受診する必要があります。</a:t>
          </a:r>
        </a:p>
      </xdr:txBody>
    </xdr:sp>
    <xdr:clientData/>
  </xdr:twoCellAnchor>
</xdr:wsDr>
</file>

<file path=xl/drawings/drawing18.xml><?xml version="1.0" encoding="utf-8"?>
<xdr:wsDr xmlns:xdr="http://schemas.openxmlformats.org/drawingml/2006/spreadsheetDrawing" xmlns:a="http://schemas.openxmlformats.org/drawingml/2006/main">
  <xdr:twoCellAnchor>
    <xdr:from>
      <xdr:col>10</xdr:col>
      <xdr:colOff>247650</xdr:colOff>
      <xdr:row>1</xdr:row>
      <xdr:rowOff>0</xdr:rowOff>
    </xdr:from>
    <xdr:to>
      <xdr:col>17</xdr:col>
      <xdr:colOff>619125</xdr:colOff>
      <xdr:row>8</xdr:row>
      <xdr:rowOff>142876</xdr:rowOff>
    </xdr:to>
    <xdr:sp macro="" textlink="">
      <xdr:nvSpPr>
        <xdr:cNvPr id="4" name="テキスト ボックス 3">
          <a:extLst>
            <a:ext uri="{FF2B5EF4-FFF2-40B4-BE49-F238E27FC236}">
              <a16:creationId xmlns:a16="http://schemas.microsoft.com/office/drawing/2014/main" id="{00000000-0008-0000-1100-000004000000}"/>
            </a:ext>
          </a:extLst>
        </xdr:cNvPr>
        <xdr:cNvSpPr txBox="1"/>
      </xdr:nvSpPr>
      <xdr:spPr>
        <a:xfrm>
          <a:off x="6972300"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配置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はできませんが、事前に医師の指示があれば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緊急的に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は可能ですが、後日、緊急診療対応病院を受診する必要があります。</a:t>
          </a:r>
        </a:p>
      </xdr:txBody>
    </xdr:sp>
    <xdr:clientData/>
  </xdr:twoCellAnchor>
</xdr:wsDr>
</file>

<file path=xl/drawings/drawing19.xml><?xml version="1.0" encoding="utf-8"?>
<xdr:wsDr xmlns:xdr="http://schemas.openxmlformats.org/drawingml/2006/spreadsheetDrawing" xmlns:a="http://schemas.openxmlformats.org/drawingml/2006/main">
  <xdr:twoCellAnchor>
    <xdr:from>
      <xdr:col>10</xdr:col>
      <xdr:colOff>247650</xdr:colOff>
      <xdr:row>1</xdr:row>
      <xdr:rowOff>0</xdr:rowOff>
    </xdr:from>
    <xdr:to>
      <xdr:col>17</xdr:col>
      <xdr:colOff>619125</xdr:colOff>
      <xdr:row>8</xdr:row>
      <xdr:rowOff>276226</xdr:rowOff>
    </xdr:to>
    <xdr:sp macro="" textlink="">
      <xdr:nvSpPr>
        <xdr:cNvPr id="4" name="テキスト ボックス 3">
          <a:extLst>
            <a:ext uri="{FF2B5EF4-FFF2-40B4-BE49-F238E27FC236}">
              <a16:creationId xmlns:a16="http://schemas.microsoft.com/office/drawing/2014/main" id="{00000000-0008-0000-1200-000004000000}"/>
            </a:ext>
          </a:extLst>
        </xdr:cNvPr>
        <xdr:cNvSpPr txBox="1"/>
      </xdr:nvSpPr>
      <xdr:spPr>
        <a:xfrm>
          <a:off x="6972300"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配置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はできませんが、事前に医師の指示があれば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緊急的に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は可能ですが、後日、緊急診療対応病院を受診する必要がありま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0</xdr:col>
      <xdr:colOff>219075</xdr:colOff>
      <xdr:row>1</xdr:row>
      <xdr:rowOff>0</xdr:rowOff>
    </xdr:from>
    <xdr:to>
      <xdr:col>17</xdr:col>
      <xdr:colOff>590550</xdr:colOff>
      <xdr:row>8</xdr:row>
      <xdr:rowOff>276226</xdr:rowOff>
    </xdr:to>
    <xdr:sp macro="" textlink="">
      <xdr:nvSpPr>
        <xdr:cNvPr id="4" name="テキスト ボックス 3">
          <a:extLst>
            <a:ext uri="{FF2B5EF4-FFF2-40B4-BE49-F238E27FC236}">
              <a16:creationId xmlns:a16="http://schemas.microsoft.com/office/drawing/2014/main" id="{00000000-0008-0000-0100-000004000000}"/>
            </a:ext>
          </a:extLst>
        </xdr:cNvPr>
        <xdr:cNvSpPr txBox="1"/>
      </xdr:nvSpPr>
      <xdr:spPr>
        <a:xfrm>
          <a:off x="6943725"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緊急診療対応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と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のできる病院です。（受診は平日のみ）</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ただし、曝露状況によっては、後日、改めて専門医への受診が必要となる場合があります。</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0</xdr:col>
      <xdr:colOff>161925</xdr:colOff>
      <xdr:row>0</xdr:row>
      <xdr:rowOff>104774</xdr:rowOff>
    </xdr:from>
    <xdr:to>
      <xdr:col>17</xdr:col>
      <xdr:colOff>533400</xdr:colOff>
      <xdr:row>6</xdr:row>
      <xdr:rowOff>133350</xdr:rowOff>
    </xdr:to>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6886575" y="104774"/>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a:t>
          </a:r>
          <a:r>
            <a:rPr kumimoji="1" lang="ja-JP" altLang="en-US"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緊急診療対応病院</a:t>
          </a:r>
          <a:r>
            <a:rPr kumimoji="1" lang="en-US" altLang="ja-JP"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　こちらは受診と抗</a:t>
          </a:r>
          <a:r>
            <a:rPr kumimoji="1" lang="en-US" altLang="ja-JP"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HIV</a:t>
          </a:r>
          <a:r>
            <a:rPr kumimoji="1" lang="ja-JP" altLang="en-US"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薬の予防的服用を行うことのできる病院です。</a:t>
          </a:r>
          <a:endParaRPr kumimoji="1" lang="en-US" altLang="ja-JP"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800" b="0" i="0" u="none" strike="noStrike" kern="0" cap="none" spc="0" normalizeH="0" baseline="0" noProof="0">
              <a:ln>
                <a:noFill/>
              </a:ln>
              <a:solidFill>
                <a:prstClr val="black"/>
              </a:solidFill>
              <a:effectLst/>
              <a:uLnTx/>
              <a:uFillTx/>
              <a:latin typeface="HGP創英角ｺﾞｼｯｸUB" pitchFamily="50" charset="-128"/>
              <a:ea typeface="HGP創英角ｺﾞｼｯｸUB" pitchFamily="50" charset="-128"/>
              <a:cs typeface="+mn-cs"/>
            </a:rPr>
            <a:t>　ただし、曝露状況によっては、後日、改めて専門医への受診が必要となる場合があります。</a:t>
          </a:r>
        </a:p>
        <a:p>
          <a:endParaRPr kumimoji="1" lang="ja-JP" altLang="en-US" sz="1800">
            <a:latin typeface="HGP創英角ｺﾞｼｯｸUB" pitchFamily="50" charset="-128"/>
            <a:ea typeface="HGP創英角ｺﾞｼｯｸUB" pitchFamily="50" charset="-128"/>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0</xdr:col>
      <xdr:colOff>241301</xdr:colOff>
      <xdr:row>1</xdr:row>
      <xdr:rowOff>501650</xdr:rowOff>
    </xdr:from>
    <xdr:to>
      <xdr:col>17</xdr:col>
      <xdr:colOff>592659</xdr:colOff>
      <xdr:row>6</xdr:row>
      <xdr:rowOff>127000</xdr:rowOff>
    </xdr:to>
    <xdr:sp macro="" textlink="">
      <xdr:nvSpPr>
        <xdr:cNvPr id="4" name="テキスト ボックス 3">
          <a:extLst>
            <a:ext uri="{FF2B5EF4-FFF2-40B4-BE49-F238E27FC236}">
              <a16:creationId xmlns:a16="http://schemas.microsoft.com/office/drawing/2014/main" id="{00000000-0008-0000-0300-000004000000}"/>
            </a:ext>
          </a:extLst>
        </xdr:cNvPr>
        <xdr:cNvSpPr txBox="1"/>
      </xdr:nvSpPr>
      <xdr:spPr>
        <a:xfrm>
          <a:off x="6413501" y="755650"/>
          <a:ext cx="4751908" cy="29718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緊急診療対応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と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の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ただし、曝露状況によっては、後日、改めて専門医への受診が必要となる場合があります。</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0</xdr:col>
      <xdr:colOff>232826</xdr:colOff>
      <xdr:row>1</xdr:row>
      <xdr:rowOff>0</xdr:rowOff>
    </xdr:from>
    <xdr:to>
      <xdr:col>17</xdr:col>
      <xdr:colOff>586309</xdr:colOff>
      <xdr:row>8</xdr:row>
      <xdr:rowOff>276226</xdr:rowOff>
    </xdr:to>
    <xdr:sp macro="" textlink="">
      <xdr:nvSpPr>
        <xdr:cNvPr id="3" name="テキスト ボックス 2">
          <a:extLst>
            <a:ext uri="{FF2B5EF4-FFF2-40B4-BE49-F238E27FC236}">
              <a16:creationId xmlns:a16="http://schemas.microsoft.com/office/drawing/2014/main" id="{00000000-0008-0000-0400-000003000000}"/>
            </a:ext>
          </a:extLst>
        </xdr:cNvPr>
        <xdr:cNvSpPr txBox="1"/>
      </xdr:nvSpPr>
      <xdr:spPr>
        <a:xfrm>
          <a:off x="6957476" y="247650"/>
          <a:ext cx="5277908"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緊急診療対応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と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の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ただし、曝露状況によっては、後日、改めて専門医への受診が必要となる場合があります。</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0</xdr:col>
      <xdr:colOff>276225</xdr:colOff>
      <xdr:row>1</xdr:row>
      <xdr:rowOff>0</xdr:rowOff>
    </xdr:from>
    <xdr:to>
      <xdr:col>17</xdr:col>
      <xdr:colOff>647700</xdr:colOff>
      <xdr:row>8</xdr:row>
      <xdr:rowOff>276226</xdr:rowOff>
    </xdr:to>
    <xdr:sp macro="" textlink="">
      <xdr:nvSpPr>
        <xdr:cNvPr id="4" name="テキスト ボックス 3">
          <a:extLst>
            <a:ext uri="{FF2B5EF4-FFF2-40B4-BE49-F238E27FC236}">
              <a16:creationId xmlns:a16="http://schemas.microsoft.com/office/drawing/2014/main" id="{00000000-0008-0000-0500-000004000000}"/>
            </a:ext>
          </a:extLst>
        </xdr:cNvPr>
        <xdr:cNvSpPr txBox="1"/>
      </xdr:nvSpPr>
      <xdr:spPr>
        <a:xfrm>
          <a:off x="7000875"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緊急診療対応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と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の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ただし、曝露状況によっては、後日、改めて専門医への受診が必要となる場合があります。</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0</xdr:col>
      <xdr:colOff>306907</xdr:colOff>
      <xdr:row>1</xdr:row>
      <xdr:rowOff>0</xdr:rowOff>
    </xdr:from>
    <xdr:to>
      <xdr:col>17</xdr:col>
      <xdr:colOff>660390</xdr:colOff>
      <xdr:row>8</xdr:row>
      <xdr:rowOff>276226</xdr:rowOff>
    </xdr:to>
    <xdr:sp macro="" textlink="">
      <xdr:nvSpPr>
        <xdr:cNvPr id="4" name="テキスト ボックス 3">
          <a:extLst>
            <a:ext uri="{FF2B5EF4-FFF2-40B4-BE49-F238E27FC236}">
              <a16:creationId xmlns:a16="http://schemas.microsoft.com/office/drawing/2014/main" id="{00000000-0008-0000-0600-000004000000}"/>
            </a:ext>
          </a:extLst>
        </xdr:cNvPr>
        <xdr:cNvSpPr txBox="1"/>
      </xdr:nvSpPr>
      <xdr:spPr>
        <a:xfrm>
          <a:off x="7080240" y="243417"/>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緊急診療対応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と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の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ただし、曝露状況によっては、後日、改めて専門医への受診が必要となる場合があります。</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0</xdr:col>
      <xdr:colOff>257175</xdr:colOff>
      <xdr:row>1</xdr:row>
      <xdr:rowOff>0</xdr:rowOff>
    </xdr:from>
    <xdr:to>
      <xdr:col>17</xdr:col>
      <xdr:colOff>628650</xdr:colOff>
      <xdr:row>8</xdr:row>
      <xdr:rowOff>276226</xdr:rowOff>
    </xdr:to>
    <xdr:sp macro="" textlink="">
      <xdr:nvSpPr>
        <xdr:cNvPr id="3" name="テキスト ボックス 2">
          <a:extLst>
            <a:ext uri="{FF2B5EF4-FFF2-40B4-BE49-F238E27FC236}">
              <a16:creationId xmlns:a16="http://schemas.microsoft.com/office/drawing/2014/main" id="{00000000-0008-0000-0700-000003000000}"/>
            </a:ext>
          </a:extLst>
        </xdr:cNvPr>
        <xdr:cNvSpPr txBox="1"/>
      </xdr:nvSpPr>
      <xdr:spPr>
        <a:xfrm>
          <a:off x="6981825"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緊急診療対応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と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の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ただし、曝露状況によっては、後日、改めて専門医への受診が必要となる場合があります。</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0</xdr:col>
      <xdr:colOff>228600</xdr:colOff>
      <xdr:row>1</xdr:row>
      <xdr:rowOff>0</xdr:rowOff>
    </xdr:from>
    <xdr:to>
      <xdr:col>17</xdr:col>
      <xdr:colOff>600075</xdr:colOff>
      <xdr:row>8</xdr:row>
      <xdr:rowOff>276226</xdr:rowOff>
    </xdr:to>
    <xdr:sp macro="" textlink="">
      <xdr:nvSpPr>
        <xdr:cNvPr id="3" name="テキスト ボックス 2">
          <a:extLst>
            <a:ext uri="{FF2B5EF4-FFF2-40B4-BE49-F238E27FC236}">
              <a16:creationId xmlns:a16="http://schemas.microsoft.com/office/drawing/2014/main" id="{00000000-0008-0000-0800-000003000000}"/>
            </a:ext>
          </a:extLst>
        </xdr:cNvPr>
        <xdr:cNvSpPr txBox="1"/>
      </xdr:nvSpPr>
      <xdr:spPr>
        <a:xfrm>
          <a:off x="6953250" y="247650"/>
          <a:ext cx="5295900" cy="34194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en-US" altLang="ja-JP" sz="1800">
              <a:latin typeface="HGP創英角ｺﾞｼｯｸUB" pitchFamily="50" charset="-128"/>
              <a:ea typeface="HGP創英角ｺﾞｼｯｸUB" pitchFamily="50" charset="-128"/>
            </a:rPr>
            <a:t>【</a:t>
          </a:r>
          <a:r>
            <a:rPr kumimoji="1" lang="ja-JP" altLang="en-US" sz="1800">
              <a:latin typeface="HGP創英角ｺﾞｼｯｸUB" pitchFamily="50" charset="-128"/>
              <a:ea typeface="HGP創英角ｺﾞｼｯｸUB" pitchFamily="50" charset="-128"/>
            </a:rPr>
            <a:t>緊急診療対応病院</a:t>
          </a:r>
          <a:r>
            <a:rPr kumimoji="1" lang="en-US" altLang="ja-JP" sz="1800">
              <a:latin typeface="HGP創英角ｺﾞｼｯｸUB" pitchFamily="50" charset="-128"/>
              <a:ea typeface="HGP創英角ｺﾞｼｯｸUB" pitchFamily="50" charset="-128"/>
            </a:rPr>
            <a:t>】</a:t>
          </a:r>
        </a:p>
        <a:p>
          <a:r>
            <a:rPr kumimoji="1" lang="ja-JP" altLang="en-US" sz="1800">
              <a:latin typeface="HGP創英角ｺﾞｼｯｸUB" pitchFamily="50" charset="-128"/>
              <a:ea typeface="HGP創英角ｺﾞｼｯｸUB" pitchFamily="50" charset="-128"/>
            </a:rPr>
            <a:t>　こちらは受診と抗</a:t>
          </a:r>
          <a:r>
            <a:rPr kumimoji="1" lang="en-US" altLang="ja-JP" sz="1800">
              <a:latin typeface="HGP創英角ｺﾞｼｯｸUB" pitchFamily="50" charset="-128"/>
              <a:ea typeface="HGP創英角ｺﾞｼｯｸUB" pitchFamily="50" charset="-128"/>
            </a:rPr>
            <a:t>HIV</a:t>
          </a:r>
          <a:r>
            <a:rPr kumimoji="1" lang="ja-JP" altLang="en-US" sz="1800">
              <a:latin typeface="HGP創英角ｺﾞｼｯｸUB" pitchFamily="50" charset="-128"/>
              <a:ea typeface="HGP創英角ｺﾞｼｯｸUB" pitchFamily="50" charset="-128"/>
            </a:rPr>
            <a:t>薬の予防的服用を行うことのできる病院です。</a:t>
          </a:r>
          <a:endParaRPr kumimoji="1" lang="en-US" altLang="ja-JP" sz="1800">
            <a:latin typeface="HGP創英角ｺﾞｼｯｸUB" pitchFamily="50" charset="-128"/>
            <a:ea typeface="HGP創英角ｺﾞｼｯｸUB" pitchFamily="50" charset="-128"/>
          </a:endParaRPr>
        </a:p>
        <a:p>
          <a:r>
            <a:rPr kumimoji="1" lang="ja-JP" altLang="en-US" sz="1800">
              <a:latin typeface="HGP創英角ｺﾞｼｯｸUB" pitchFamily="50" charset="-128"/>
              <a:ea typeface="HGP創英角ｺﾞｼｯｸUB" pitchFamily="50" charset="-128"/>
            </a:rPr>
            <a:t>　ただし、曝露状況によっては、後日、改めて専門医への受診が必要となる場合があり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printerSettings" Target="../printerSettings/printerSettings10.bin"/><Relationship Id="rId2" Type="http://schemas.openxmlformats.org/officeDocument/2006/relationships/hyperlink" Target="https://www.pref.kanagawa.jp/documents/28067/843744.pdf" TargetMode="External"/><Relationship Id="rId1" Type="http://schemas.openxmlformats.org/officeDocument/2006/relationships/hyperlink" Target="https://www.atsugicity-hp.jp/" TargetMode="External"/><Relationship Id="rId4"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hyperlink" Target="https://www.pref.kanagawa.jp/documents/28067/843744.pdf" TargetMode="External"/><Relationship Id="rId1" Type="http://schemas.openxmlformats.org/officeDocument/2006/relationships/hyperlink" Target="http://ashigarakami.kanagawa-pho.jp/" TargetMode="External"/><Relationship Id="rId4"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3" Type="http://schemas.openxmlformats.org/officeDocument/2006/relationships/printerSettings" Target="../printerSettings/printerSettings12.bin"/><Relationship Id="rId2" Type="http://schemas.openxmlformats.org/officeDocument/2006/relationships/hyperlink" Target="https://www.pref.kanagawa.jp/documents/28067/843744.pdf" TargetMode="External"/><Relationship Id="rId1" Type="http://schemas.openxmlformats.org/officeDocument/2006/relationships/hyperlink" Target="https://yokohama.hosp.go.jp/" TargetMode="External"/><Relationship Id="rId4" Type="http://schemas.openxmlformats.org/officeDocument/2006/relationships/drawing" Target="../drawings/drawing12.xml"/></Relationships>
</file>

<file path=xl/worksheets/_rels/sheet13.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hyperlink" Target="https://www.pref.kanagawa.jp/documents/28067/843744.pdf" TargetMode="External"/><Relationship Id="rId1" Type="http://schemas.openxmlformats.org/officeDocument/2006/relationships/hyperlink" Target="https://www.yokohama.jrc.or.jp/" TargetMode="External"/><Relationship Id="rId4" Type="http://schemas.openxmlformats.org/officeDocument/2006/relationships/drawing" Target="../drawings/drawing13.xml"/></Relationships>
</file>

<file path=xl/worksheets/_rels/sheet14.xml.rels><?xml version="1.0" encoding="UTF-8" standalone="yes"?>
<Relationships xmlns="http://schemas.openxmlformats.org/package/2006/relationships"><Relationship Id="rId3" Type="http://schemas.openxmlformats.org/officeDocument/2006/relationships/printerSettings" Target="../printerSettings/printerSettings14.bin"/><Relationship Id="rId2" Type="http://schemas.openxmlformats.org/officeDocument/2006/relationships/hyperlink" Target="https://www.pref.kanagawa.jp/documents/28067/843744.pdf" TargetMode="External"/><Relationship Id="rId1" Type="http://schemas.openxmlformats.org/officeDocument/2006/relationships/hyperlink" Target="https://kcmc.kanagawa-pho.jp/" TargetMode="External"/><Relationship Id="rId4" Type="http://schemas.openxmlformats.org/officeDocument/2006/relationships/drawing" Target="../drawings/drawing14.xml"/></Relationships>
</file>

<file path=xl/worksheets/_rels/sheet15.xml.rels><?xml version="1.0" encoding="UTF-8" standalone="yes"?>
<Relationships xmlns="http://schemas.openxmlformats.org/package/2006/relationships"><Relationship Id="rId3" Type="http://schemas.openxmlformats.org/officeDocument/2006/relationships/printerSettings" Target="../printerSettings/printerSettings15.bin"/><Relationship Id="rId2" Type="http://schemas.openxmlformats.org/officeDocument/2006/relationships/hyperlink" Target="https://www.yokohama-cu.ac.jp/urahp/" TargetMode="External"/><Relationship Id="rId1" Type="http://schemas.openxmlformats.org/officeDocument/2006/relationships/hyperlink" Target="https://www.pref.kanagawa.jp/documents/28067/843744.pdf" TargetMode="External"/><Relationship Id="rId4" Type="http://schemas.openxmlformats.org/officeDocument/2006/relationships/drawing" Target="../drawings/drawing15.xml"/></Relationships>
</file>

<file path=xl/worksheets/_rels/sheet16.xml.rels><?xml version="1.0" encoding="UTF-8" standalone="yes"?>
<Relationships xmlns="http://schemas.openxmlformats.org/package/2006/relationships"><Relationship Id="rId3" Type="http://schemas.openxmlformats.org/officeDocument/2006/relationships/printerSettings" Target="../printerSettings/printerSettings16.bin"/><Relationship Id="rId2" Type="http://schemas.openxmlformats.org/officeDocument/2006/relationships/hyperlink" Target="https://www.pref.kanagawa.jp/documents/28067/843744.pdf" TargetMode="External"/><Relationship Id="rId1" Type="http://schemas.openxmlformats.org/officeDocument/2006/relationships/hyperlink" Target="https://sagamihara.hosp.go.jp/" TargetMode="External"/><Relationship Id="rId4" Type="http://schemas.openxmlformats.org/officeDocument/2006/relationships/drawing" Target="../drawings/drawing16.xml"/></Relationships>
</file>

<file path=xl/worksheets/_rels/sheet17.xml.rels><?xml version="1.0" encoding="UTF-8" standalone="yes"?>
<Relationships xmlns="http://schemas.openxmlformats.org/package/2006/relationships"><Relationship Id="rId3" Type="http://schemas.openxmlformats.org/officeDocument/2006/relationships/printerSettings" Target="../printerSettings/printerSettings17.bin"/><Relationship Id="rId2" Type="http://schemas.openxmlformats.org/officeDocument/2006/relationships/hyperlink" Target="https://www.pref.kanagawa.jp/documents/28067/843744.pdf" TargetMode="External"/><Relationship Id="rId1" Type="http://schemas.openxmlformats.org/officeDocument/2006/relationships/hyperlink" Target="http://www.sagamihara.jrc.or.jp/" TargetMode="External"/><Relationship Id="rId4" Type="http://schemas.openxmlformats.org/officeDocument/2006/relationships/drawing" Target="../drawings/drawing17.xml"/></Relationships>
</file>

<file path=xl/worksheets/_rels/sheet18.xml.rels><?xml version="1.0" encoding="UTF-8" standalone="yes"?>
<Relationships xmlns="http://schemas.openxmlformats.org/package/2006/relationships"><Relationship Id="rId3" Type="http://schemas.openxmlformats.org/officeDocument/2006/relationships/printerSettings" Target="../printerSettings/printerSettings18.bin"/><Relationship Id="rId2" Type="http://schemas.openxmlformats.org/officeDocument/2006/relationships/hyperlink" Target="https://www.pref.kanagawa.jp/documents/28067/843744.pdf" TargetMode="External"/><Relationship Id="rId1" Type="http://schemas.openxmlformats.org/officeDocument/2006/relationships/hyperlink" Target="http://www.hadano-jrc.jp/" TargetMode="External"/><Relationship Id="rId4" Type="http://schemas.openxmlformats.org/officeDocument/2006/relationships/drawing" Target="../drawings/drawing18.xml"/></Relationships>
</file>

<file path=xl/worksheets/_rels/sheet19.xml.rels><?xml version="1.0" encoding="UTF-8" standalone="yes"?>
<Relationships xmlns="http://schemas.openxmlformats.org/package/2006/relationships"><Relationship Id="rId3" Type="http://schemas.openxmlformats.org/officeDocument/2006/relationships/printerSettings" Target="../printerSettings/printerSettings19.bin"/><Relationship Id="rId2" Type="http://schemas.openxmlformats.org/officeDocument/2006/relationships/hyperlink" Target="https://www.pref.kanagawa.jp/documents/28067/843744.pdf" TargetMode="External"/><Relationship Id="rId1" Type="http://schemas.openxmlformats.org/officeDocument/2006/relationships/hyperlink" Target="https://yokosuka-shimin.jp/" TargetMode="External"/><Relationship Id="rId4" Type="http://schemas.openxmlformats.org/officeDocument/2006/relationships/drawing" Target="../drawings/drawing19.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2.bin"/><Relationship Id="rId2" Type="http://schemas.openxmlformats.org/officeDocument/2006/relationships/hyperlink" Target="https://www.pref.kanagawa.jp/documents/28067/843744.pdf" TargetMode="External"/><Relationship Id="rId1" Type="http://schemas.openxmlformats.org/officeDocument/2006/relationships/hyperlink" Target="https://www.yokohama-cu.ac.jp/fukuhp/" TargetMode="External"/><Relationship Id="rId4" Type="http://schemas.openxmlformats.org/officeDocument/2006/relationships/drawing" Target="../drawings/drawing2.xml"/></Relationships>
</file>

<file path=xl/worksheets/_rels/sheet3.xml.rels><?xml version="1.0" encoding="UTF-8" standalone="yes"?>
<Relationships xmlns="http://schemas.openxmlformats.org/package/2006/relationships"><Relationship Id="rId3" Type="http://schemas.openxmlformats.org/officeDocument/2006/relationships/printerSettings" Target="../printerSettings/printerSettings3.bin"/><Relationship Id="rId2" Type="http://schemas.openxmlformats.org/officeDocument/2006/relationships/hyperlink" Target="https://www.pref.kanagawa.jp/documents/28067/843744.pdf" TargetMode="External"/><Relationship Id="rId1" Type="http://schemas.openxmlformats.org/officeDocument/2006/relationships/hyperlink" Target="https://www.city.odawara.kanagawa.jp/hospital/" TargetMode="External"/><Relationship Id="rId4"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3" Type="http://schemas.openxmlformats.org/officeDocument/2006/relationships/printerSettings" Target="../printerSettings/printerSettings4.bin"/><Relationship Id="rId2" Type="http://schemas.openxmlformats.org/officeDocument/2006/relationships/hyperlink" Target="https://yokohama-shiminhosp.jp/index.html" TargetMode="External"/><Relationship Id="rId1" Type="http://schemas.openxmlformats.org/officeDocument/2006/relationships/hyperlink" Target="https://www.pref.kanagawa.jp/documents/28067/843744.pdf" TargetMode="External"/><Relationship Id="rId4" Type="http://schemas.openxmlformats.org/officeDocument/2006/relationships/drawing" Target="../drawings/drawing4.xml"/></Relationships>
</file>

<file path=xl/worksheets/_rels/sheet5.xml.rels><?xml version="1.0" encoding="UTF-8" standalone="yes"?>
<Relationships xmlns="http://schemas.openxmlformats.org/package/2006/relationships"><Relationship Id="rId3" Type="http://schemas.openxmlformats.org/officeDocument/2006/relationships/printerSettings" Target="../printerSettings/printerSettings5.bin"/><Relationship Id="rId2" Type="http://schemas.openxmlformats.org/officeDocument/2006/relationships/hyperlink" Target="https://www.pref.kanagawa.jp/documents/28067/843744.pdf" TargetMode="External"/><Relationship Id="rId1" Type="http://schemas.openxmlformats.org/officeDocument/2006/relationships/hyperlink" Target="https://www.city.kawasaki.jp/32/cmsfiles/contents/0000037/37856/kawasaki/index.html" TargetMode="External"/><Relationship Id="rId4"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3" Type="http://schemas.openxmlformats.org/officeDocument/2006/relationships/printerSettings" Target="../printerSettings/printerSettings6.bin"/><Relationship Id="rId2" Type="http://schemas.openxmlformats.org/officeDocument/2006/relationships/hyperlink" Target="https://www.pref.kanagawa.jp/documents/28067/843744.pdf" TargetMode="External"/><Relationship Id="rId1" Type="http://schemas.openxmlformats.org/officeDocument/2006/relationships/hyperlink" Target="https://www.city.kawasaki.jp/33/cmsfiles/contents/0000037/37855/ida/index.html" TargetMode="External"/><Relationship Id="rId4" Type="http://schemas.openxmlformats.org/officeDocument/2006/relationships/drawing" Target="../drawings/drawing6.xml"/></Relationships>
</file>

<file path=xl/worksheets/_rels/sheet7.xml.rels><?xml version="1.0" encoding="UTF-8" standalone="yes"?>
<Relationships xmlns="http://schemas.openxmlformats.org/package/2006/relationships"><Relationship Id="rId3" Type="http://schemas.openxmlformats.org/officeDocument/2006/relationships/printerSettings" Target="../printerSettings/printerSettings7.bin"/><Relationship Id="rId2" Type="http://schemas.openxmlformats.org/officeDocument/2006/relationships/hyperlink" Target="https://www.pref.kanagawa.jp/documents/28067/843744.pdf" TargetMode="External"/><Relationship Id="rId1" Type="http://schemas.openxmlformats.org/officeDocument/2006/relationships/hyperlink" Target="https://www.marianna-u.ac.jp/hospital/" TargetMode="External"/><Relationship Id="rId4" Type="http://schemas.openxmlformats.org/officeDocument/2006/relationships/drawing" Target="../drawings/drawing7.xml"/></Relationships>
</file>

<file path=xl/worksheets/_rels/sheet8.xml.rels><?xml version="1.0" encoding="UTF-8" standalone="yes"?>
<Relationships xmlns="http://schemas.openxmlformats.org/package/2006/relationships"><Relationship Id="rId3" Type="http://schemas.openxmlformats.org/officeDocument/2006/relationships/printerSettings" Target="../printerSettings/printerSettings8.bin"/><Relationship Id="rId2" Type="http://schemas.openxmlformats.org/officeDocument/2006/relationships/hyperlink" Target="https://www.kitasato-u.ac.jp/khp/" TargetMode="External"/><Relationship Id="rId1" Type="http://schemas.openxmlformats.org/officeDocument/2006/relationships/hyperlink" Target="https://www.pref.kanagawa.jp/documents/28067/843744.pdf" TargetMode="External"/><Relationship Id="rId4" Type="http://schemas.openxmlformats.org/officeDocument/2006/relationships/drawing" Target="../drawings/drawing8.xml"/></Relationships>
</file>

<file path=xl/worksheets/_rels/sheet9.xml.rels><?xml version="1.0" encoding="UTF-8" standalone="yes"?>
<Relationships xmlns="http://schemas.openxmlformats.org/package/2006/relationships"><Relationship Id="rId3" Type="http://schemas.openxmlformats.org/officeDocument/2006/relationships/printerSettings" Target="../printerSettings/printerSettings9.bin"/><Relationship Id="rId2" Type="http://schemas.openxmlformats.org/officeDocument/2006/relationships/hyperlink" Target="https://www.pref.kanagawa.jp/documents/28067/843744.pdf" TargetMode="External"/><Relationship Id="rId1" Type="http://schemas.openxmlformats.org/officeDocument/2006/relationships/hyperlink" Target="https://www.fuzoku-hosp.tokai.ac.jp/" TargetMode="External"/><Relationship Id="rId4"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Y52"/>
  <sheetViews>
    <sheetView tabSelected="1" view="pageBreakPreview" zoomScale="60" zoomScaleNormal="55" workbookViewId="0">
      <selection activeCell="AL4" sqref="AL4"/>
    </sheetView>
  </sheetViews>
  <sheetFormatPr defaultColWidth="8" defaultRowHeight="12" customHeight="1"/>
  <cols>
    <col min="20" max="20" width="3" customWidth="1"/>
  </cols>
  <sheetData>
    <row r="1" spans="1:25" ht="12" customHeight="1">
      <c r="A1" s="2"/>
      <c r="B1" s="2"/>
      <c r="C1" s="2"/>
      <c r="D1" s="2"/>
      <c r="E1" s="2"/>
      <c r="F1" s="2"/>
      <c r="G1" s="2"/>
      <c r="H1" s="104" t="s">
        <v>20</v>
      </c>
      <c r="I1" s="104"/>
      <c r="J1" s="104"/>
      <c r="K1" s="104"/>
      <c r="L1" s="104"/>
      <c r="M1" s="104"/>
      <c r="N1" s="104"/>
      <c r="O1" s="104"/>
      <c r="P1" s="104"/>
      <c r="Q1" s="104"/>
      <c r="R1" s="104"/>
      <c r="S1" s="104"/>
      <c r="T1" s="103"/>
      <c r="U1" s="103"/>
      <c r="V1" s="103"/>
      <c r="W1" s="103"/>
      <c r="X1" s="103"/>
      <c r="Y1" s="103"/>
    </row>
    <row r="2" spans="1:25" ht="12" customHeight="1">
      <c r="A2" s="2"/>
      <c r="B2" s="2"/>
      <c r="C2" s="2"/>
      <c r="D2" s="2"/>
      <c r="E2" s="2"/>
      <c r="F2" s="2"/>
      <c r="G2" s="2"/>
      <c r="H2" s="104"/>
      <c r="I2" s="104"/>
      <c r="J2" s="104"/>
      <c r="K2" s="104"/>
      <c r="L2" s="104"/>
      <c r="M2" s="104"/>
      <c r="N2" s="104"/>
      <c r="O2" s="104"/>
      <c r="P2" s="104"/>
      <c r="Q2" s="104"/>
      <c r="R2" s="104"/>
      <c r="S2" s="104"/>
      <c r="T2" s="103"/>
      <c r="U2" s="103"/>
      <c r="V2" s="103"/>
      <c r="W2" s="103"/>
      <c r="X2" s="103"/>
      <c r="Y2" s="103"/>
    </row>
    <row r="3" spans="1:25" ht="12" customHeight="1">
      <c r="A3" s="2"/>
      <c r="B3" s="2"/>
      <c r="C3" s="2"/>
      <c r="D3" s="2"/>
      <c r="E3" s="2"/>
      <c r="F3" s="2"/>
      <c r="G3" s="2"/>
      <c r="H3" s="2"/>
      <c r="I3" s="2"/>
      <c r="J3" s="2"/>
      <c r="K3" s="2"/>
      <c r="L3" s="2"/>
      <c r="M3" s="2"/>
      <c r="N3" s="2"/>
      <c r="O3" s="2"/>
      <c r="P3" s="2"/>
      <c r="Q3" s="2"/>
      <c r="R3" s="1"/>
      <c r="S3" s="42"/>
      <c r="T3" s="103"/>
      <c r="U3" s="103"/>
      <c r="V3" s="103"/>
      <c r="W3" s="103"/>
      <c r="X3" s="103"/>
      <c r="Y3" s="103"/>
    </row>
    <row r="4" spans="1:25" ht="12" customHeight="1">
      <c r="A4" s="2"/>
      <c r="B4" s="2"/>
      <c r="C4" s="2"/>
      <c r="D4" s="2"/>
      <c r="E4" s="2"/>
      <c r="F4" s="2"/>
      <c r="G4" s="2"/>
      <c r="H4" s="2"/>
      <c r="I4" s="2"/>
      <c r="J4" s="2"/>
      <c r="K4" s="2"/>
      <c r="L4" s="2"/>
      <c r="M4" s="2"/>
      <c r="N4" s="2"/>
      <c r="O4" s="2"/>
      <c r="P4" s="2"/>
      <c r="Q4" s="2"/>
      <c r="R4" s="1"/>
      <c r="S4" s="42"/>
      <c r="T4" s="103"/>
      <c r="U4" s="103"/>
      <c r="V4" s="103"/>
      <c r="W4" s="103"/>
      <c r="X4" s="103"/>
      <c r="Y4" s="103"/>
    </row>
    <row r="5" spans="1:25" ht="12" customHeight="1">
      <c r="A5" s="2"/>
      <c r="B5" s="2"/>
      <c r="C5" s="2"/>
      <c r="D5" s="2"/>
      <c r="E5" s="2"/>
      <c r="F5" s="2"/>
      <c r="G5" s="2"/>
      <c r="H5" s="2"/>
      <c r="I5" s="2"/>
      <c r="J5" s="2"/>
      <c r="K5" s="2"/>
      <c r="L5" s="2"/>
      <c r="M5" s="2"/>
      <c r="N5" s="2"/>
      <c r="O5" s="2"/>
      <c r="P5" s="2"/>
      <c r="Q5" s="2"/>
      <c r="R5" s="1"/>
      <c r="S5" s="102"/>
      <c r="T5" s="103"/>
      <c r="U5" s="103"/>
      <c r="V5" s="103"/>
      <c r="W5" s="103"/>
      <c r="X5" s="103"/>
      <c r="Y5" s="103"/>
    </row>
    <row r="6" spans="1:25" ht="12" customHeight="1">
      <c r="A6" s="2"/>
      <c r="B6" s="2"/>
      <c r="C6" s="2"/>
      <c r="D6" s="2"/>
      <c r="E6" s="2"/>
      <c r="F6" s="2"/>
      <c r="G6" s="2"/>
      <c r="H6" s="2"/>
      <c r="I6" s="2"/>
      <c r="J6" s="2"/>
      <c r="K6" s="2"/>
      <c r="L6" s="2"/>
      <c r="M6" s="2"/>
      <c r="N6" s="2"/>
      <c r="O6" s="2"/>
      <c r="P6" s="2"/>
      <c r="Q6" s="2"/>
      <c r="R6" s="1"/>
      <c r="S6" s="102"/>
      <c r="T6" s="103"/>
      <c r="U6" s="103"/>
      <c r="V6" s="103"/>
      <c r="W6" s="103"/>
      <c r="X6" s="103"/>
      <c r="Y6" s="103"/>
    </row>
    <row r="7" spans="1:25" ht="12" customHeight="1">
      <c r="A7" s="2"/>
      <c r="B7" s="2"/>
      <c r="C7" s="2"/>
      <c r="D7" s="2"/>
      <c r="E7" s="2"/>
      <c r="F7" s="2"/>
      <c r="G7" s="2"/>
      <c r="H7" s="2"/>
      <c r="I7" s="2"/>
      <c r="J7" s="2"/>
      <c r="K7" s="2"/>
      <c r="L7" s="2"/>
      <c r="M7" s="2"/>
      <c r="N7" s="2"/>
      <c r="O7" s="2"/>
      <c r="P7" s="2"/>
      <c r="Q7" s="2"/>
      <c r="R7" s="1"/>
      <c r="S7" s="102"/>
      <c r="T7" s="103"/>
      <c r="U7" s="103"/>
      <c r="V7" s="103"/>
      <c r="W7" s="103"/>
      <c r="X7" s="103"/>
      <c r="Y7" s="103"/>
    </row>
    <row r="8" spans="1:25" ht="12" customHeight="1">
      <c r="A8" s="2"/>
      <c r="B8" s="2"/>
      <c r="C8" s="2"/>
      <c r="D8" s="2"/>
      <c r="E8" s="2"/>
      <c r="F8" s="2"/>
      <c r="G8" s="2"/>
      <c r="H8" s="2"/>
      <c r="I8" s="2"/>
      <c r="J8" s="2"/>
      <c r="K8" s="2"/>
      <c r="L8" s="2"/>
      <c r="M8" s="2"/>
      <c r="N8" s="2"/>
      <c r="O8" s="2"/>
      <c r="P8" s="2"/>
      <c r="Q8" s="2"/>
      <c r="R8" s="1"/>
      <c r="S8" s="102"/>
      <c r="T8" s="103"/>
      <c r="U8" s="103"/>
      <c r="V8" s="103"/>
      <c r="W8" s="103"/>
      <c r="X8" s="103"/>
      <c r="Y8" s="103"/>
    </row>
    <row r="9" spans="1:25" ht="12" customHeight="1">
      <c r="A9" s="2"/>
      <c r="B9" s="2"/>
      <c r="C9" s="2"/>
      <c r="D9" s="2"/>
      <c r="E9" s="2"/>
      <c r="F9" s="2"/>
      <c r="G9" s="2"/>
      <c r="H9" s="2"/>
      <c r="I9" s="2"/>
      <c r="J9" s="2"/>
      <c r="K9" s="2"/>
      <c r="L9" s="2"/>
      <c r="M9" s="2"/>
      <c r="N9" s="2"/>
      <c r="O9" s="2"/>
      <c r="P9" s="2"/>
      <c r="Q9" s="2"/>
      <c r="R9" s="1"/>
      <c r="S9" s="102"/>
      <c r="T9" s="103"/>
      <c r="U9" s="103"/>
      <c r="V9" s="103"/>
      <c r="W9" s="103"/>
      <c r="X9" s="103"/>
      <c r="Y9" s="103"/>
    </row>
    <row r="10" spans="1:25" ht="12" customHeight="1">
      <c r="A10" s="2"/>
      <c r="B10" s="2"/>
      <c r="C10" s="2"/>
      <c r="D10" s="2"/>
      <c r="E10" s="2"/>
      <c r="F10" s="2"/>
      <c r="G10" s="2"/>
      <c r="H10" s="2"/>
      <c r="I10" s="2"/>
      <c r="J10" s="2"/>
      <c r="K10" s="2"/>
      <c r="L10" s="2"/>
      <c r="M10" s="2"/>
      <c r="N10" s="2"/>
      <c r="O10" s="2"/>
      <c r="P10" s="2"/>
      <c r="Q10" s="2"/>
      <c r="R10" s="1"/>
      <c r="S10" s="102"/>
      <c r="T10" s="103"/>
      <c r="U10" s="103"/>
      <c r="V10" s="103"/>
      <c r="W10" s="103"/>
      <c r="X10" s="103"/>
      <c r="Y10" s="103"/>
    </row>
    <row r="11" spans="1:25" ht="12" customHeight="1">
      <c r="A11" s="2"/>
      <c r="B11" s="2"/>
      <c r="C11" s="2"/>
      <c r="D11" s="2"/>
      <c r="E11" s="2"/>
      <c r="F11" s="2"/>
      <c r="G11" s="2"/>
      <c r="H11" s="2"/>
      <c r="I11" s="2"/>
      <c r="J11" s="2"/>
      <c r="K11" s="2"/>
      <c r="L11" s="2"/>
      <c r="M11" s="2"/>
      <c r="N11" s="2"/>
      <c r="O11" s="2"/>
      <c r="P11" s="2"/>
      <c r="Q11" s="2"/>
      <c r="R11" s="1"/>
      <c r="S11" s="102"/>
      <c r="T11" s="103"/>
      <c r="U11" s="103"/>
      <c r="V11" s="103"/>
      <c r="W11" s="103"/>
      <c r="X11" s="103"/>
      <c r="Y11" s="103"/>
    </row>
    <row r="12" spans="1:25" ht="12" customHeight="1">
      <c r="A12" s="2"/>
      <c r="B12" s="2"/>
      <c r="C12" s="2"/>
      <c r="D12" s="2"/>
      <c r="E12" s="2"/>
      <c r="F12" s="2"/>
      <c r="G12" s="2"/>
      <c r="H12" s="2"/>
      <c r="I12" s="2"/>
      <c r="J12" s="2"/>
      <c r="K12" s="2"/>
      <c r="L12" s="2"/>
      <c r="M12" s="2"/>
      <c r="N12" s="2"/>
      <c r="O12" s="2"/>
      <c r="P12" s="2"/>
      <c r="Q12" s="2"/>
      <c r="R12" s="1"/>
      <c r="S12" s="102"/>
      <c r="T12" s="103"/>
      <c r="U12" s="103"/>
      <c r="V12" s="103"/>
      <c r="W12" s="103"/>
      <c r="X12" s="103"/>
      <c r="Y12" s="103"/>
    </row>
    <row r="13" spans="1:25" ht="12" customHeight="1">
      <c r="A13" s="2"/>
      <c r="B13" s="2"/>
      <c r="C13" s="2"/>
      <c r="D13" s="2"/>
      <c r="E13" s="2"/>
      <c r="F13" s="2"/>
      <c r="G13" s="2"/>
      <c r="H13" s="2"/>
      <c r="I13" s="2"/>
      <c r="J13" s="2"/>
      <c r="K13" s="2"/>
      <c r="L13" s="2"/>
      <c r="M13" s="2"/>
      <c r="N13" s="2"/>
      <c r="O13" s="2"/>
      <c r="P13" s="2"/>
      <c r="Q13" s="2"/>
      <c r="R13" s="1"/>
      <c r="S13" s="102"/>
      <c r="T13" s="103"/>
      <c r="U13" s="103"/>
      <c r="V13" s="103"/>
      <c r="W13" s="103"/>
      <c r="X13" s="103"/>
      <c r="Y13" s="103"/>
    </row>
    <row r="14" spans="1:25" ht="12" customHeight="1">
      <c r="A14" s="2"/>
      <c r="B14" s="2"/>
      <c r="C14" s="2"/>
      <c r="D14" s="2"/>
      <c r="E14" s="2"/>
      <c r="F14" s="2"/>
      <c r="G14" s="2"/>
      <c r="H14" s="2"/>
      <c r="I14" s="2"/>
      <c r="J14" s="2"/>
      <c r="K14" s="2"/>
      <c r="L14" s="2"/>
      <c r="M14" s="2"/>
      <c r="N14" s="2"/>
      <c r="O14" s="2"/>
      <c r="P14" s="2"/>
      <c r="Q14" s="2"/>
      <c r="R14" s="1"/>
      <c r="S14" s="102"/>
      <c r="T14" s="103"/>
      <c r="U14" s="103"/>
      <c r="V14" s="103"/>
      <c r="W14" s="103"/>
      <c r="X14" s="103"/>
      <c r="Y14" s="103"/>
    </row>
    <row r="15" spans="1:25" ht="12" customHeight="1">
      <c r="A15" s="2"/>
      <c r="B15" s="2"/>
      <c r="C15" s="2"/>
      <c r="D15" s="2"/>
      <c r="E15" s="2"/>
      <c r="F15" s="2"/>
      <c r="G15" s="2"/>
      <c r="H15" s="2"/>
      <c r="I15" s="2"/>
      <c r="J15" s="2"/>
      <c r="K15" s="2"/>
      <c r="L15" s="2"/>
      <c r="M15" s="2"/>
      <c r="N15" s="2"/>
      <c r="O15" s="2"/>
      <c r="P15" s="2"/>
      <c r="Q15" s="2"/>
      <c r="R15" s="1"/>
      <c r="S15" s="102"/>
      <c r="T15" s="103"/>
      <c r="U15" s="103"/>
      <c r="V15" s="103"/>
      <c r="W15" s="103"/>
      <c r="X15" s="103"/>
      <c r="Y15" s="103"/>
    </row>
    <row r="16" spans="1:25" ht="12" customHeight="1">
      <c r="A16" s="2"/>
      <c r="B16" s="2"/>
      <c r="C16" s="2"/>
      <c r="D16" s="2"/>
      <c r="E16" s="2"/>
      <c r="F16" s="2"/>
      <c r="G16" s="2"/>
      <c r="H16" s="2"/>
      <c r="I16" s="2"/>
      <c r="J16" s="2"/>
      <c r="K16" s="2"/>
      <c r="L16" s="2"/>
      <c r="M16" s="2"/>
      <c r="N16" s="2"/>
      <c r="O16" s="2"/>
      <c r="P16" s="2"/>
      <c r="Q16" s="2"/>
      <c r="R16" s="1"/>
      <c r="S16" s="102"/>
      <c r="T16" s="103"/>
      <c r="U16" s="103"/>
      <c r="V16" s="103"/>
      <c r="W16" s="103"/>
      <c r="X16" s="103"/>
      <c r="Y16" s="103"/>
    </row>
    <row r="17" spans="1:25" ht="12" customHeight="1">
      <c r="A17" s="2"/>
      <c r="B17" s="2"/>
      <c r="C17" s="2"/>
      <c r="D17" s="2"/>
      <c r="E17" s="2"/>
      <c r="F17" s="2"/>
      <c r="G17" s="2"/>
      <c r="H17" s="2"/>
      <c r="I17" s="2"/>
      <c r="J17" s="2"/>
      <c r="K17" s="2"/>
      <c r="L17" s="2"/>
      <c r="M17" s="2"/>
      <c r="N17" s="2"/>
      <c r="O17" s="2"/>
      <c r="P17" s="2"/>
      <c r="Q17" s="2"/>
      <c r="R17" s="1"/>
      <c r="S17" s="102"/>
      <c r="T17" s="103"/>
      <c r="U17" s="103"/>
      <c r="V17" s="103"/>
      <c r="W17" s="103"/>
      <c r="X17" s="103"/>
      <c r="Y17" s="103"/>
    </row>
    <row r="18" spans="1:25" ht="12" customHeight="1">
      <c r="A18" s="2"/>
      <c r="B18" s="2"/>
      <c r="C18" s="2"/>
      <c r="D18" s="2"/>
      <c r="E18" s="2"/>
      <c r="F18" s="2"/>
      <c r="G18" s="2"/>
      <c r="H18" s="2"/>
      <c r="I18" s="2"/>
      <c r="J18" s="2"/>
      <c r="K18" s="2"/>
      <c r="L18" s="2"/>
      <c r="M18" s="2"/>
      <c r="N18" s="2"/>
      <c r="O18" s="2"/>
      <c r="P18" s="2"/>
      <c r="Q18" s="2"/>
      <c r="R18" s="1"/>
      <c r="S18" s="102"/>
      <c r="T18" s="103"/>
      <c r="U18" s="103"/>
      <c r="V18" s="103"/>
      <c r="W18" s="103"/>
      <c r="X18" s="103"/>
      <c r="Y18" s="103"/>
    </row>
    <row r="19" spans="1:25" ht="12" customHeight="1">
      <c r="A19" s="2"/>
      <c r="B19" s="2"/>
      <c r="C19" s="2"/>
      <c r="D19" s="2"/>
      <c r="E19" s="2"/>
      <c r="F19" s="2"/>
      <c r="G19" s="2"/>
      <c r="H19" s="2"/>
      <c r="I19" s="2"/>
      <c r="J19" s="2"/>
      <c r="K19" s="2"/>
      <c r="L19" s="2"/>
      <c r="M19" s="2"/>
      <c r="N19" s="2"/>
      <c r="O19" s="2"/>
      <c r="P19" s="2"/>
      <c r="Q19" s="2"/>
      <c r="R19" s="1"/>
      <c r="S19" s="102"/>
      <c r="T19" s="103"/>
      <c r="U19" s="103"/>
      <c r="V19" s="103"/>
      <c r="W19" s="103"/>
      <c r="X19" s="103"/>
      <c r="Y19" s="103"/>
    </row>
    <row r="20" spans="1:25" ht="12" customHeight="1">
      <c r="A20" s="2"/>
      <c r="B20" s="2"/>
      <c r="C20" s="2"/>
      <c r="D20" s="2"/>
      <c r="E20" s="2"/>
      <c r="F20" s="2"/>
      <c r="G20" s="2"/>
      <c r="H20" s="2"/>
      <c r="I20" s="2"/>
      <c r="J20" s="2"/>
      <c r="K20" s="2"/>
      <c r="L20" s="2"/>
      <c r="M20" s="2"/>
      <c r="N20" s="2"/>
      <c r="O20" s="2"/>
      <c r="P20" s="2"/>
      <c r="Q20" s="2"/>
      <c r="R20" s="1"/>
      <c r="S20" s="102"/>
      <c r="T20" s="103"/>
      <c r="U20" s="103"/>
      <c r="V20" s="103"/>
      <c r="W20" s="103"/>
      <c r="X20" s="103"/>
      <c r="Y20" s="103"/>
    </row>
    <row r="21" spans="1:25" ht="12" customHeight="1">
      <c r="A21" s="2"/>
      <c r="B21" s="2"/>
      <c r="C21" s="2"/>
      <c r="D21" s="2"/>
      <c r="E21" s="2"/>
      <c r="F21" s="2"/>
      <c r="G21" s="2"/>
      <c r="H21" s="2"/>
      <c r="I21" s="2"/>
      <c r="J21" s="2"/>
      <c r="K21" s="2"/>
      <c r="L21" s="2"/>
      <c r="M21" s="2"/>
      <c r="N21" s="2"/>
      <c r="O21" s="2"/>
      <c r="P21" s="2"/>
      <c r="Q21" s="2"/>
      <c r="R21" s="1"/>
      <c r="S21" s="102"/>
      <c r="T21" s="103"/>
      <c r="U21" s="103"/>
      <c r="V21" s="103"/>
      <c r="W21" s="103"/>
      <c r="X21" s="103"/>
      <c r="Y21" s="103"/>
    </row>
    <row r="22" spans="1:25" ht="12" customHeight="1">
      <c r="A22" s="2"/>
      <c r="B22" s="2"/>
      <c r="C22" s="2"/>
      <c r="D22" s="2"/>
      <c r="E22" s="2"/>
      <c r="F22" s="2"/>
      <c r="G22" s="2"/>
      <c r="H22" s="2"/>
      <c r="I22" s="2"/>
      <c r="J22" s="2"/>
      <c r="K22" s="2"/>
      <c r="L22" s="2"/>
      <c r="M22" s="2"/>
      <c r="N22" s="2"/>
      <c r="O22" s="2"/>
      <c r="P22" s="2"/>
      <c r="Q22" s="2"/>
      <c r="R22" s="1"/>
      <c r="S22" s="102"/>
      <c r="T22" s="103"/>
      <c r="U22" s="103"/>
      <c r="V22" s="103"/>
      <c r="W22" s="103"/>
      <c r="X22" s="103"/>
      <c r="Y22" s="103"/>
    </row>
    <row r="23" spans="1:25" ht="12" customHeight="1">
      <c r="A23" s="2"/>
      <c r="B23" s="2"/>
      <c r="C23" s="2"/>
      <c r="D23" s="2"/>
      <c r="E23" s="2"/>
      <c r="F23" s="2"/>
      <c r="G23" s="2"/>
      <c r="H23" s="2"/>
      <c r="I23" s="2"/>
      <c r="J23" s="2"/>
      <c r="K23" s="2"/>
      <c r="L23" s="2"/>
      <c r="M23" s="2"/>
      <c r="N23" s="2"/>
      <c r="O23" s="2"/>
      <c r="P23" s="2"/>
      <c r="Q23" s="2"/>
      <c r="R23" s="1"/>
      <c r="S23" s="102"/>
      <c r="T23" s="103"/>
      <c r="U23" s="103"/>
      <c r="V23" s="103"/>
      <c r="W23" s="103"/>
      <c r="X23" s="103"/>
      <c r="Y23" s="103"/>
    </row>
    <row r="24" spans="1:25" ht="12" customHeight="1">
      <c r="A24" s="2"/>
      <c r="B24" s="2"/>
      <c r="C24" s="2"/>
      <c r="D24" s="2"/>
      <c r="E24" s="2"/>
      <c r="F24" s="2"/>
      <c r="G24" s="2"/>
      <c r="H24" s="2"/>
      <c r="I24" s="2"/>
      <c r="J24" s="2"/>
      <c r="K24" s="2"/>
      <c r="L24" s="2"/>
      <c r="M24" s="2"/>
      <c r="N24" s="2"/>
      <c r="O24" s="2"/>
      <c r="P24" s="2"/>
      <c r="Q24" s="2"/>
      <c r="R24" s="1"/>
      <c r="S24" s="102"/>
      <c r="T24" s="103"/>
      <c r="U24" s="103"/>
      <c r="V24" s="103"/>
      <c r="W24" s="103"/>
      <c r="X24" s="103"/>
      <c r="Y24" s="103"/>
    </row>
    <row r="25" spans="1:25" ht="12" customHeight="1">
      <c r="A25" s="2"/>
      <c r="B25" s="2"/>
      <c r="C25" s="2"/>
      <c r="D25" s="2"/>
      <c r="E25" s="2"/>
      <c r="F25" s="2"/>
      <c r="G25" s="2"/>
      <c r="H25" s="2"/>
      <c r="I25" s="2"/>
      <c r="J25" s="2"/>
      <c r="K25" s="2"/>
      <c r="L25" s="2"/>
      <c r="M25" s="2"/>
      <c r="N25" s="2"/>
      <c r="O25" s="2"/>
      <c r="P25" s="2"/>
      <c r="Q25" s="2"/>
      <c r="R25" s="1"/>
      <c r="S25" s="102"/>
      <c r="T25" s="103"/>
      <c r="U25" s="103"/>
      <c r="V25" s="103"/>
      <c r="W25" s="103"/>
      <c r="X25" s="103"/>
      <c r="Y25" s="103"/>
    </row>
    <row r="26" spans="1:25" ht="12" customHeight="1">
      <c r="A26" s="2"/>
      <c r="B26" s="2"/>
      <c r="C26" s="2"/>
      <c r="D26" s="2"/>
      <c r="E26" s="2"/>
      <c r="F26" s="2"/>
      <c r="G26" s="2"/>
      <c r="H26" s="2"/>
      <c r="I26" s="2"/>
      <c r="J26" s="2"/>
      <c r="K26" s="2"/>
      <c r="L26" s="2"/>
      <c r="M26" s="2"/>
      <c r="N26" s="2"/>
      <c r="O26" s="2"/>
      <c r="P26" s="2"/>
      <c r="Q26" s="2"/>
      <c r="R26" s="1"/>
      <c r="S26" s="102"/>
      <c r="T26" s="103"/>
      <c r="U26" s="103"/>
      <c r="V26" s="103"/>
      <c r="W26" s="103"/>
      <c r="X26" s="103"/>
      <c r="Y26" s="103"/>
    </row>
    <row r="27" spans="1:25" ht="12" customHeight="1">
      <c r="A27" s="2"/>
      <c r="B27" s="2"/>
      <c r="C27" s="2"/>
      <c r="D27" s="2"/>
      <c r="E27" s="2"/>
      <c r="F27" s="2"/>
      <c r="G27" s="2"/>
      <c r="H27" s="2"/>
      <c r="I27" s="2"/>
      <c r="J27" s="2"/>
      <c r="K27" s="2"/>
      <c r="L27" s="2"/>
      <c r="M27" s="2"/>
      <c r="N27" s="2"/>
      <c r="O27" s="2"/>
      <c r="P27" s="2"/>
      <c r="Q27" s="2"/>
      <c r="R27" s="1"/>
      <c r="S27" s="102"/>
      <c r="T27" s="103"/>
      <c r="U27" s="103"/>
      <c r="V27" s="103"/>
      <c r="W27" s="103"/>
      <c r="X27" s="103"/>
      <c r="Y27" s="103"/>
    </row>
    <row r="28" spans="1:25" ht="12" customHeight="1">
      <c r="A28" s="2"/>
      <c r="B28" s="2"/>
      <c r="C28" s="2"/>
      <c r="D28" s="2"/>
      <c r="E28" s="2"/>
      <c r="F28" s="2"/>
      <c r="G28" s="2"/>
      <c r="H28" s="2"/>
      <c r="I28" s="2"/>
      <c r="J28" s="2"/>
      <c r="K28" s="2"/>
      <c r="L28" s="2"/>
      <c r="M28" s="2"/>
      <c r="N28" s="2"/>
      <c r="O28" s="2"/>
      <c r="P28" s="2"/>
      <c r="Q28" s="2"/>
      <c r="R28" s="1"/>
      <c r="S28" s="102"/>
      <c r="T28" s="103"/>
      <c r="U28" s="103"/>
      <c r="V28" s="103"/>
      <c r="W28" s="103"/>
      <c r="X28" s="103"/>
      <c r="Y28" s="103"/>
    </row>
    <row r="29" spans="1:25" ht="12" customHeight="1">
      <c r="A29" s="2"/>
      <c r="B29" s="2"/>
      <c r="C29" s="2"/>
      <c r="D29" s="2"/>
      <c r="E29" s="2"/>
      <c r="F29" s="2"/>
      <c r="G29" s="2"/>
      <c r="H29" s="2"/>
      <c r="I29" s="2"/>
      <c r="J29" s="2"/>
      <c r="K29" s="2"/>
      <c r="L29" s="2"/>
      <c r="M29" s="2"/>
      <c r="N29" s="2"/>
      <c r="O29" s="2"/>
      <c r="P29" s="2"/>
      <c r="Q29" s="2"/>
      <c r="R29" s="1"/>
      <c r="S29" s="102"/>
      <c r="T29" s="103"/>
      <c r="U29" s="103"/>
      <c r="V29" s="103"/>
      <c r="W29" s="103"/>
      <c r="X29" s="103"/>
      <c r="Y29" s="103"/>
    </row>
    <row r="30" spans="1:25" ht="12" customHeight="1">
      <c r="A30" s="2"/>
      <c r="B30" s="2"/>
      <c r="C30" s="2"/>
      <c r="D30" s="2"/>
      <c r="E30" s="2"/>
      <c r="F30" s="2"/>
      <c r="G30" s="2"/>
      <c r="H30" s="2"/>
      <c r="I30" s="2"/>
      <c r="J30" s="2"/>
      <c r="K30" s="2"/>
      <c r="L30" s="2"/>
      <c r="M30" s="2"/>
      <c r="N30" s="2"/>
      <c r="O30" s="2"/>
      <c r="P30" s="2"/>
      <c r="Q30" s="2"/>
      <c r="R30" s="1"/>
      <c r="S30" s="102"/>
      <c r="T30" s="103"/>
      <c r="U30" s="103"/>
      <c r="V30" s="103"/>
      <c r="W30" s="103"/>
      <c r="X30" s="103"/>
      <c r="Y30" s="103"/>
    </row>
    <row r="31" spans="1:25" ht="12" customHeight="1">
      <c r="A31" s="2"/>
      <c r="B31" s="2"/>
      <c r="C31" s="2"/>
      <c r="D31" s="2"/>
      <c r="E31" s="2"/>
      <c r="F31" s="2"/>
      <c r="G31" s="2"/>
      <c r="H31" s="2"/>
      <c r="I31" s="2"/>
      <c r="J31" s="2"/>
      <c r="K31" s="2"/>
      <c r="L31" s="2"/>
      <c r="M31" s="2"/>
      <c r="N31" s="2"/>
      <c r="O31" s="2"/>
      <c r="P31" s="2"/>
      <c r="Q31" s="2"/>
      <c r="R31" s="1"/>
      <c r="S31" s="102"/>
      <c r="T31" s="103"/>
      <c r="U31" s="103"/>
      <c r="V31" s="103"/>
      <c r="W31" s="103"/>
      <c r="X31" s="103"/>
      <c r="Y31" s="103"/>
    </row>
    <row r="32" spans="1:25" ht="12" customHeight="1">
      <c r="A32" s="2"/>
      <c r="B32" s="2"/>
      <c r="C32" s="2"/>
      <c r="D32" s="2"/>
      <c r="E32" s="2"/>
      <c r="F32" s="2"/>
      <c r="G32" s="2"/>
      <c r="H32" s="2"/>
      <c r="I32" s="2"/>
      <c r="J32" s="2"/>
      <c r="K32" s="2"/>
      <c r="L32" s="2"/>
      <c r="M32" s="2"/>
      <c r="N32" s="2"/>
      <c r="O32" s="2"/>
      <c r="P32" s="2"/>
      <c r="Q32" s="2"/>
      <c r="R32" s="1"/>
      <c r="S32" s="102"/>
      <c r="T32" s="103"/>
      <c r="U32" s="103"/>
      <c r="V32" s="103"/>
      <c r="W32" s="103"/>
      <c r="X32" s="103"/>
      <c r="Y32" s="103"/>
    </row>
    <row r="33" spans="1:25" ht="12" customHeight="1">
      <c r="A33" s="2"/>
      <c r="B33" s="2"/>
      <c r="C33" s="2"/>
      <c r="D33" s="2"/>
      <c r="E33" s="2"/>
      <c r="F33" s="2"/>
      <c r="G33" s="2"/>
      <c r="H33" s="2"/>
      <c r="I33" s="2"/>
      <c r="J33" s="2"/>
      <c r="K33" s="2"/>
      <c r="L33" s="2"/>
      <c r="M33" s="2"/>
      <c r="N33" s="2"/>
      <c r="O33" s="2"/>
      <c r="P33" s="2"/>
      <c r="Q33" s="2"/>
      <c r="R33" s="1"/>
      <c r="S33" s="102"/>
      <c r="T33" s="103"/>
      <c r="U33" s="103"/>
      <c r="V33" s="103"/>
      <c r="W33" s="103"/>
      <c r="X33" s="103"/>
      <c r="Y33" s="103"/>
    </row>
    <row r="34" spans="1:25" ht="12" customHeight="1">
      <c r="A34" s="2"/>
      <c r="B34" s="2"/>
      <c r="C34" s="2"/>
      <c r="D34" s="2"/>
      <c r="E34" s="2"/>
      <c r="F34" s="2"/>
      <c r="G34" s="2"/>
      <c r="H34" s="2"/>
      <c r="I34" s="2"/>
      <c r="J34" s="2"/>
      <c r="K34" s="2"/>
      <c r="L34" s="2"/>
      <c r="M34" s="2"/>
      <c r="N34" s="2"/>
      <c r="O34" s="2"/>
      <c r="P34" s="2"/>
      <c r="Q34" s="2"/>
      <c r="R34" s="1"/>
      <c r="S34" s="102"/>
      <c r="T34" s="103"/>
      <c r="U34" s="103"/>
      <c r="V34" s="103"/>
      <c r="W34" s="103"/>
      <c r="X34" s="103"/>
      <c r="Y34" s="103"/>
    </row>
    <row r="35" spans="1:25" ht="12" customHeight="1">
      <c r="A35" s="2"/>
      <c r="B35" s="2"/>
      <c r="C35" s="2"/>
      <c r="D35" s="2"/>
      <c r="E35" s="2"/>
      <c r="F35" s="2"/>
      <c r="G35" s="2"/>
      <c r="H35" s="2"/>
      <c r="I35" s="2"/>
      <c r="J35" s="2"/>
      <c r="K35" s="2"/>
      <c r="L35" s="2"/>
      <c r="M35" s="2"/>
      <c r="N35" s="2"/>
      <c r="O35" s="2"/>
      <c r="P35" s="2"/>
      <c r="Q35" s="2"/>
      <c r="R35" s="1"/>
      <c r="S35" s="102"/>
      <c r="T35" s="103"/>
      <c r="U35" s="103"/>
      <c r="V35" s="103"/>
      <c r="W35" s="103"/>
      <c r="X35" s="103"/>
      <c r="Y35" s="103"/>
    </row>
    <row r="36" spans="1:25" ht="12" customHeight="1">
      <c r="A36" s="2"/>
      <c r="B36" s="2"/>
      <c r="C36" s="2"/>
      <c r="D36" s="2"/>
      <c r="E36" s="2"/>
      <c r="F36" s="2"/>
      <c r="G36" s="2"/>
      <c r="H36" s="2"/>
      <c r="I36" s="2"/>
      <c r="J36" s="2"/>
      <c r="K36" s="2"/>
      <c r="L36" s="2"/>
      <c r="M36" s="2"/>
      <c r="N36" s="2"/>
      <c r="O36" s="2"/>
      <c r="P36" s="2"/>
      <c r="Q36" s="2"/>
      <c r="R36" s="1"/>
      <c r="S36" s="102"/>
      <c r="T36" s="103"/>
      <c r="U36" s="103"/>
      <c r="V36" s="103"/>
      <c r="W36" s="103"/>
      <c r="X36" s="103"/>
      <c r="Y36" s="103"/>
    </row>
    <row r="37" spans="1:25" ht="12" customHeight="1">
      <c r="A37" s="2"/>
      <c r="B37" s="2"/>
      <c r="C37" s="2"/>
      <c r="D37" s="2"/>
      <c r="E37" s="2"/>
      <c r="F37" s="2"/>
      <c r="G37" s="2"/>
      <c r="H37" s="2"/>
      <c r="I37" s="2"/>
      <c r="J37" s="2"/>
      <c r="K37" s="2"/>
      <c r="L37" s="2"/>
      <c r="M37" s="2"/>
      <c r="N37" s="2"/>
      <c r="O37" s="2"/>
      <c r="P37" s="2"/>
      <c r="Q37" s="2"/>
      <c r="R37" s="1"/>
      <c r="S37" s="102"/>
      <c r="T37" s="103"/>
      <c r="U37" s="103"/>
      <c r="V37" s="103"/>
      <c r="W37" s="103"/>
      <c r="X37" s="103"/>
      <c r="Y37" s="103"/>
    </row>
    <row r="38" spans="1:25" ht="12" customHeight="1">
      <c r="A38" s="2"/>
      <c r="B38" s="2"/>
      <c r="C38" s="2"/>
      <c r="D38" s="2"/>
      <c r="E38" s="2"/>
      <c r="F38" s="2"/>
      <c r="G38" s="2"/>
      <c r="H38" s="2"/>
      <c r="I38" s="2"/>
      <c r="J38" s="2"/>
      <c r="K38" s="2"/>
      <c r="L38" s="2"/>
      <c r="M38" s="2"/>
      <c r="N38" s="2"/>
      <c r="O38" s="2"/>
      <c r="P38" s="2"/>
      <c r="Q38" s="2"/>
      <c r="R38" s="1"/>
      <c r="S38" s="102"/>
      <c r="T38" s="103"/>
      <c r="U38" s="103"/>
      <c r="V38" s="103"/>
      <c r="W38" s="103"/>
      <c r="X38" s="103"/>
      <c r="Y38" s="103"/>
    </row>
    <row r="39" spans="1:25" ht="12" customHeight="1">
      <c r="A39" s="2"/>
      <c r="B39" s="2"/>
      <c r="C39" s="2"/>
      <c r="D39" s="2"/>
      <c r="E39" s="2"/>
      <c r="F39" s="2"/>
      <c r="G39" s="2"/>
      <c r="H39" s="2"/>
      <c r="I39" s="2"/>
      <c r="J39" s="2"/>
      <c r="K39" s="2"/>
      <c r="L39" s="2"/>
      <c r="M39" s="2"/>
      <c r="N39" s="2"/>
      <c r="O39" s="2"/>
      <c r="P39" s="2"/>
      <c r="Q39" s="2"/>
      <c r="R39" s="1"/>
      <c r="S39" s="102"/>
      <c r="T39" s="103"/>
      <c r="U39" s="103"/>
      <c r="V39" s="103"/>
      <c r="W39" s="103"/>
      <c r="X39" s="103"/>
      <c r="Y39" s="103"/>
    </row>
    <row r="40" spans="1:25" ht="12" customHeight="1">
      <c r="A40" s="2"/>
      <c r="B40" s="2"/>
      <c r="C40" s="2"/>
      <c r="D40" s="2"/>
      <c r="E40" s="2"/>
      <c r="F40" s="2"/>
      <c r="G40" s="2"/>
      <c r="H40" s="2"/>
      <c r="I40" s="2"/>
      <c r="J40" s="2"/>
      <c r="K40" s="2"/>
      <c r="L40" s="2"/>
      <c r="M40" s="2"/>
      <c r="N40" s="2"/>
      <c r="O40" s="2"/>
      <c r="P40" s="2"/>
      <c r="Q40" s="2"/>
      <c r="R40" s="1"/>
      <c r="S40" s="102"/>
      <c r="T40" s="103"/>
      <c r="U40" s="103"/>
      <c r="V40" s="103"/>
      <c r="W40" s="103"/>
      <c r="X40" s="103"/>
      <c r="Y40" s="103"/>
    </row>
    <row r="41" spans="1:25" ht="12" customHeight="1">
      <c r="A41" s="2"/>
      <c r="B41" s="2"/>
      <c r="C41" s="2"/>
      <c r="D41" s="2"/>
      <c r="E41" s="2"/>
      <c r="F41" s="2"/>
      <c r="G41" s="2"/>
      <c r="H41" s="2"/>
      <c r="I41" s="2"/>
      <c r="J41" s="2"/>
      <c r="K41" s="2"/>
      <c r="L41" s="2"/>
      <c r="M41" s="2"/>
      <c r="N41" s="2"/>
      <c r="O41" s="2"/>
      <c r="P41" s="2"/>
      <c r="Q41" s="2"/>
      <c r="R41" s="1"/>
      <c r="S41" s="102"/>
      <c r="T41" s="103"/>
      <c r="U41" s="103"/>
      <c r="V41" s="103"/>
      <c r="W41" s="103"/>
      <c r="X41" s="103"/>
      <c r="Y41" s="103"/>
    </row>
    <row r="42" spans="1:25" ht="12" customHeight="1">
      <c r="A42" s="2"/>
      <c r="B42" s="2"/>
      <c r="C42" s="2"/>
      <c r="D42" s="2"/>
      <c r="E42" s="2"/>
      <c r="F42" s="2"/>
      <c r="G42" s="2"/>
      <c r="H42" s="2"/>
      <c r="I42" s="2"/>
      <c r="J42" s="2"/>
      <c r="K42" s="2"/>
      <c r="L42" s="2"/>
      <c r="M42" s="2"/>
      <c r="N42" s="2"/>
      <c r="O42" s="2"/>
      <c r="P42" s="2"/>
      <c r="Q42" s="2"/>
      <c r="R42" s="1"/>
      <c r="S42" s="102"/>
      <c r="T42" s="103"/>
      <c r="U42" s="103"/>
      <c r="V42" s="103"/>
      <c r="W42" s="103"/>
      <c r="X42" s="103"/>
      <c r="Y42" s="103"/>
    </row>
    <row r="43" spans="1:25" ht="12" customHeight="1">
      <c r="A43" s="2"/>
      <c r="B43" s="2"/>
      <c r="C43" s="2"/>
      <c r="D43" s="2"/>
      <c r="E43" s="2"/>
      <c r="F43" s="2"/>
      <c r="G43" s="2"/>
      <c r="H43" s="2"/>
      <c r="I43" s="2"/>
      <c r="J43" s="2"/>
      <c r="K43" s="2"/>
      <c r="L43" s="2"/>
      <c r="M43" s="2"/>
      <c r="N43" s="2"/>
      <c r="O43" s="2"/>
      <c r="P43" s="2"/>
      <c r="Q43" s="2"/>
      <c r="R43" s="1"/>
      <c r="S43" s="102"/>
      <c r="T43" s="103"/>
      <c r="U43" s="103"/>
      <c r="V43" s="103"/>
      <c r="W43" s="103"/>
      <c r="X43" s="103"/>
      <c r="Y43" s="103"/>
    </row>
    <row r="44" spans="1:25" ht="12" customHeight="1">
      <c r="A44" s="2"/>
      <c r="B44" s="2"/>
      <c r="C44" s="2"/>
      <c r="D44" s="2"/>
      <c r="E44" s="2"/>
      <c r="F44" s="2"/>
      <c r="G44" s="2"/>
      <c r="H44" s="2"/>
      <c r="I44" s="2"/>
      <c r="J44" s="2"/>
      <c r="K44" s="2"/>
      <c r="L44" s="2"/>
      <c r="M44" s="2"/>
      <c r="N44" s="2"/>
      <c r="O44" s="2"/>
      <c r="P44" s="2"/>
      <c r="Q44" s="2"/>
      <c r="R44" s="1"/>
      <c r="S44" s="102"/>
      <c r="T44" s="103"/>
      <c r="U44" s="103"/>
      <c r="V44" s="103"/>
      <c r="W44" s="103"/>
      <c r="X44" s="103"/>
      <c r="Y44" s="103"/>
    </row>
    <row r="45" spans="1:25" ht="12" customHeight="1">
      <c r="A45" s="2"/>
      <c r="B45" s="2"/>
      <c r="C45" s="2"/>
      <c r="D45" s="2"/>
      <c r="E45" s="2"/>
      <c r="F45" s="2"/>
      <c r="G45" s="2"/>
      <c r="H45" s="2"/>
      <c r="I45" s="2"/>
      <c r="J45" s="2"/>
      <c r="K45" s="2"/>
      <c r="L45" s="2"/>
      <c r="M45" s="2"/>
      <c r="N45" s="2"/>
      <c r="O45" s="2"/>
      <c r="P45" s="2"/>
      <c r="Q45" s="2"/>
      <c r="R45" s="1"/>
      <c r="S45" s="102"/>
      <c r="T45" s="103"/>
      <c r="U45" s="103"/>
      <c r="V45" s="103"/>
      <c r="W45" s="103"/>
      <c r="X45" s="103"/>
      <c r="Y45" s="103"/>
    </row>
    <row r="46" spans="1:25" ht="12" customHeight="1">
      <c r="A46" s="2"/>
      <c r="B46" s="2"/>
      <c r="C46" s="2"/>
      <c r="D46" s="2"/>
      <c r="E46" s="2"/>
      <c r="F46" s="2"/>
      <c r="G46" s="2"/>
      <c r="H46" s="2"/>
      <c r="I46" s="2"/>
      <c r="J46" s="2"/>
      <c r="K46" s="2"/>
      <c r="L46" s="2"/>
      <c r="M46" s="2"/>
      <c r="N46" s="2"/>
      <c r="O46" s="2"/>
      <c r="P46" s="2"/>
      <c r="Q46" s="2"/>
      <c r="R46" s="1"/>
      <c r="S46" s="102"/>
      <c r="T46" s="103"/>
      <c r="U46" s="103"/>
      <c r="V46" s="103"/>
      <c r="W46" s="103"/>
      <c r="X46" s="103"/>
      <c r="Y46" s="103"/>
    </row>
    <row r="47" spans="1:25" ht="12" customHeight="1">
      <c r="A47" s="2"/>
      <c r="B47" s="2"/>
      <c r="C47" s="2"/>
      <c r="D47" s="2"/>
      <c r="E47" s="2"/>
      <c r="F47" s="2"/>
      <c r="G47" s="2"/>
      <c r="H47" s="2"/>
      <c r="I47" s="2"/>
      <c r="J47" s="2"/>
      <c r="K47" s="2"/>
      <c r="L47" s="2"/>
      <c r="M47" s="2"/>
      <c r="N47" s="2"/>
      <c r="O47" s="2"/>
      <c r="P47" s="2"/>
      <c r="Q47" s="2"/>
      <c r="R47" s="1"/>
      <c r="S47" s="102"/>
      <c r="T47" s="103"/>
      <c r="U47" s="103"/>
      <c r="V47" s="103"/>
      <c r="W47" s="103"/>
      <c r="X47" s="103"/>
      <c r="Y47" s="103"/>
    </row>
    <row r="48" spans="1:25" ht="12" customHeight="1">
      <c r="A48" s="2"/>
      <c r="B48" s="2"/>
      <c r="C48" s="2"/>
      <c r="D48" s="2"/>
      <c r="E48" s="2"/>
      <c r="F48" s="2"/>
      <c r="G48" s="2"/>
      <c r="H48" s="2"/>
      <c r="I48" s="2"/>
      <c r="J48" s="2"/>
      <c r="K48" s="2"/>
      <c r="L48" s="2"/>
      <c r="M48" s="2"/>
      <c r="N48" s="2"/>
      <c r="O48" s="2"/>
      <c r="P48" s="2"/>
      <c r="Q48" s="2"/>
      <c r="R48" s="1"/>
      <c r="S48" s="102"/>
      <c r="T48" s="103"/>
      <c r="U48" s="103"/>
      <c r="V48" s="103"/>
      <c r="W48" s="103"/>
      <c r="X48" s="103"/>
      <c r="Y48" s="103"/>
    </row>
    <row r="49" spans="1:25" ht="12" customHeight="1">
      <c r="A49" s="2"/>
      <c r="B49" s="2"/>
      <c r="C49" s="2"/>
      <c r="D49" s="2"/>
      <c r="E49" s="2"/>
      <c r="F49" s="2"/>
      <c r="G49" s="2"/>
      <c r="H49" s="2"/>
      <c r="I49" s="2"/>
      <c r="J49" s="2"/>
      <c r="K49" s="2"/>
      <c r="L49" s="2"/>
      <c r="M49" s="2"/>
      <c r="N49" s="2"/>
      <c r="O49" s="2"/>
      <c r="P49" s="2"/>
      <c r="Q49" s="2"/>
      <c r="R49" s="1"/>
      <c r="S49" s="102"/>
      <c r="T49" s="103"/>
      <c r="U49" s="103"/>
      <c r="V49" s="103"/>
      <c r="W49" s="103"/>
      <c r="X49" s="103"/>
      <c r="Y49" s="103"/>
    </row>
    <row r="50" spans="1:25" ht="12" customHeight="1">
      <c r="A50" s="2"/>
      <c r="B50" s="2"/>
      <c r="C50" s="2"/>
      <c r="D50" s="2"/>
      <c r="E50" s="2"/>
      <c r="F50" s="2"/>
      <c r="G50" s="2"/>
      <c r="H50" s="2"/>
      <c r="I50" s="2"/>
      <c r="J50" s="2"/>
      <c r="K50" s="2"/>
      <c r="L50" s="2"/>
      <c r="M50" s="2"/>
      <c r="N50" s="2"/>
      <c r="O50" s="2"/>
      <c r="P50" s="2"/>
      <c r="Q50" s="2"/>
      <c r="R50" s="1"/>
      <c r="S50" s="102"/>
      <c r="T50" s="103"/>
      <c r="U50" s="103"/>
      <c r="V50" s="103"/>
      <c r="W50" s="103"/>
      <c r="X50" s="103"/>
      <c r="Y50" s="103"/>
    </row>
    <row r="51" spans="1:25" ht="12" customHeight="1">
      <c r="A51" s="2"/>
      <c r="B51" s="2"/>
      <c r="C51" s="2"/>
      <c r="D51" s="2"/>
      <c r="E51" s="2"/>
      <c r="F51" s="2"/>
      <c r="G51" s="2"/>
      <c r="H51" s="2"/>
      <c r="I51" s="2"/>
      <c r="J51" s="2"/>
      <c r="K51" s="2"/>
      <c r="L51" s="2"/>
      <c r="M51" s="2"/>
      <c r="N51" s="2"/>
      <c r="O51" s="2"/>
      <c r="P51" s="2"/>
      <c r="Q51" s="2"/>
      <c r="R51" s="1"/>
      <c r="S51" s="102"/>
      <c r="T51" s="103"/>
      <c r="U51" s="103"/>
      <c r="V51" s="103"/>
      <c r="W51" s="103"/>
      <c r="X51" s="103"/>
      <c r="Y51" s="103"/>
    </row>
    <row r="52" spans="1:25" ht="12" customHeight="1">
      <c r="A52" s="1"/>
      <c r="B52" s="1"/>
      <c r="C52" s="1"/>
      <c r="D52" s="1"/>
      <c r="E52" s="1"/>
      <c r="F52" s="1"/>
      <c r="G52" s="1"/>
      <c r="H52" s="1"/>
      <c r="I52" s="1"/>
      <c r="J52" s="1"/>
      <c r="K52" s="1"/>
      <c r="L52" s="1"/>
      <c r="M52" s="1"/>
      <c r="N52" s="1"/>
      <c r="O52" s="1"/>
      <c r="P52" s="1"/>
      <c r="Q52" s="1"/>
      <c r="R52" s="1"/>
      <c r="S52" s="102"/>
      <c r="T52" s="103"/>
      <c r="U52" s="103"/>
      <c r="V52" s="103"/>
      <c r="W52" s="103"/>
      <c r="X52" s="103"/>
      <c r="Y52" s="103"/>
    </row>
  </sheetData>
  <mergeCells count="35">
    <mergeCell ref="H1:S2"/>
    <mergeCell ref="S17:S19"/>
    <mergeCell ref="S8:S10"/>
    <mergeCell ref="T14:Y16"/>
    <mergeCell ref="T17:Y19"/>
    <mergeCell ref="T8:Y10"/>
    <mergeCell ref="T20:Y22"/>
    <mergeCell ref="T1:Y1"/>
    <mergeCell ref="T2:Y4"/>
    <mergeCell ref="T5:Y7"/>
    <mergeCell ref="T11:Y13"/>
    <mergeCell ref="T23:Y25"/>
    <mergeCell ref="T47:Y49"/>
    <mergeCell ref="T50:Y52"/>
    <mergeCell ref="S5:S7"/>
    <mergeCell ref="S11:S13"/>
    <mergeCell ref="S14:S16"/>
    <mergeCell ref="T26:Y28"/>
    <mergeCell ref="T29:Y31"/>
    <mergeCell ref="T32:Y34"/>
    <mergeCell ref="T38:Y40"/>
    <mergeCell ref="T41:Y43"/>
    <mergeCell ref="T44:Y46"/>
    <mergeCell ref="S20:S22"/>
    <mergeCell ref="S23:S25"/>
    <mergeCell ref="T35:Y37"/>
    <mergeCell ref="S44:S46"/>
    <mergeCell ref="S47:S49"/>
    <mergeCell ref="S50:S52"/>
    <mergeCell ref="S26:S28"/>
    <mergeCell ref="S29:S31"/>
    <mergeCell ref="S32:S34"/>
    <mergeCell ref="S38:S40"/>
    <mergeCell ref="S41:S43"/>
    <mergeCell ref="S35:S37"/>
  </mergeCells>
  <phoneticPr fontId="1"/>
  <printOptions horizontalCentered="1" verticalCentered="1"/>
  <pageMargins left="0.78740157480314965" right="0.78740157480314965" top="0.98425196850393704" bottom="0.98425196850393704" header="0.51181102362204722" footer="0.51181102362204722"/>
  <pageSetup paperSize="9" scale="82" orientation="landscape" r:id="rId1"/>
  <headerFooter alignWithMargins="0"/>
  <colBreaks count="2" manualBreakCount="2">
    <brk id="19" max="50" man="1"/>
    <brk id="23" max="51" man="1"/>
  </col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rgb="FFFFFF00"/>
    <pageSetUpPr fitToPage="1"/>
  </sheetPr>
  <dimension ref="A1:R24"/>
  <sheetViews>
    <sheetView view="pageBreakPreview" zoomScaleNormal="100" zoomScaleSheetLayoutView="100" workbookViewId="0">
      <selection activeCell="H21" sqref="H21"/>
    </sheetView>
  </sheetViews>
  <sheetFormatPr defaultRowHeight="13.2"/>
  <cols>
    <col min="1" max="1" width="10.6640625" customWidth="1"/>
    <col min="2" max="2" width="1.6640625" customWidth="1"/>
    <col min="3" max="6" width="10.6640625" customWidth="1"/>
    <col min="7" max="7" width="1.6640625" customWidth="1"/>
    <col min="8" max="9" width="10.6640625" customWidth="1"/>
    <col min="10" max="10" width="12" customWidth="1"/>
    <col min="11" max="11" width="10.6640625" customWidth="1"/>
  </cols>
  <sheetData>
    <row r="1" spans="1:18" s="5" customFormat="1" ht="20.100000000000001" customHeight="1" thickBot="1">
      <c r="A1" s="3" t="s">
        <v>0</v>
      </c>
      <c r="B1" s="3"/>
      <c r="C1" s="4"/>
      <c r="D1" s="4"/>
      <c r="E1" s="4"/>
      <c r="F1" s="4"/>
      <c r="G1" s="4"/>
      <c r="H1" s="4"/>
      <c r="I1" s="4"/>
      <c r="J1" s="43" t="s">
        <v>21</v>
      </c>
    </row>
    <row r="2" spans="1:18" ht="67.5" customHeight="1" thickBot="1">
      <c r="A2" s="125" t="s">
        <v>29</v>
      </c>
      <c r="B2" s="125"/>
      <c r="C2" s="125"/>
      <c r="D2" s="125"/>
      <c r="E2" s="125"/>
      <c r="F2" s="125"/>
      <c r="G2" s="125"/>
      <c r="H2" s="125"/>
      <c r="I2" s="6" t="s">
        <v>2</v>
      </c>
      <c r="J2" s="34"/>
      <c r="K2" s="8"/>
    </row>
    <row r="3" spans="1:18" s="11" customFormat="1" ht="30" customHeight="1" thickBot="1">
      <c r="A3" s="9" t="s">
        <v>4</v>
      </c>
      <c r="B3" s="10"/>
      <c r="C3" s="109" t="s">
        <v>85</v>
      </c>
      <c r="D3" s="110"/>
      <c r="E3" s="110"/>
      <c r="F3" s="110"/>
      <c r="G3" s="110"/>
      <c r="H3" s="110"/>
      <c r="I3" s="110"/>
      <c r="J3" s="110"/>
    </row>
    <row r="4" spans="1:18" s="92" customFormat="1" ht="30" customHeight="1" thickBot="1">
      <c r="A4" s="9" t="s">
        <v>5</v>
      </c>
      <c r="B4" s="167" t="s">
        <v>165</v>
      </c>
      <c r="C4" s="168"/>
      <c r="D4" s="168"/>
      <c r="E4" s="168"/>
      <c r="F4" s="168"/>
      <c r="G4" s="168"/>
      <c r="H4" s="168"/>
      <c r="I4" s="168"/>
      <c r="J4" s="109"/>
      <c r="K4" s="91"/>
    </row>
    <row r="5" spans="1:18" s="13" customFormat="1" ht="30" customHeight="1" thickBot="1">
      <c r="A5" s="9" t="s">
        <v>7</v>
      </c>
      <c r="B5" s="10"/>
      <c r="C5" s="109" t="s">
        <v>8</v>
      </c>
      <c r="D5" s="110"/>
      <c r="E5" s="110"/>
      <c r="F5" s="110"/>
      <c r="G5" s="110"/>
      <c r="H5" s="110"/>
      <c r="I5" s="110"/>
      <c r="J5" s="110"/>
      <c r="K5" s="12"/>
      <c r="L5" s="12"/>
      <c r="M5" s="12"/>
    </row>
    <row r="6" spans="1:18" s="13" customFormat="1" ht="30" customHeight="1">
      <c r="A6" s="111" t="s">
        <v>18</v>
      </c>
      <c r="B6" s="111"/>
      <c r="C6" s="111"/>
      <c r="D6" s="111"/>
      <c r="E6" s="111"/>
      <c r="F6" s="112" t="s">
        <v>19</v>
      </c>
      <c r="G6" s="112"/>
      <c r="H6" s="112"/>
      <c r="I6" s="112"/>
      <c r="J6" s="112"/>
      <c r="K6" s="12"/>
      <c r="L6" s="12"/>
      <c r="M6" s="12"/>
    </row>
    <row r="7" spans="1:18" s="13" customFormat="1" ht="30" customHeight="1">
      <c r="A7" s="14" t="s">
        <v>11</v>
      </c>
      <c r="B7" s="15"/>
      <c r="C7" s="113" t="s">
        <v>12</v>
      </c>
      <c r="D7" s="114"/>
      <c r="E7" s="114"/>
      <c r="F7" s="16" t="s">
        <v>11</v>
      </c>
      <c r="G7" s="17"/>
      <c r="H7" s="115" t="s">
        <v>46</v>
      </c>
      <c r="I7" s="116"/>
      <c r="J7" s="116"/>
      <c r="K7" s="12"/>
      <c r="L7" s="12"/>
      <c r="M7" s="12"/>
    </row>
    <row r="8" spans="1:18" s="13" customFormat="1" ht="30" customHeight="1">
      <c r="A8" s="18" t="s">
        <v>13</v>
      </c>
      <c r="B8" s="19"/>
      <c r="C8" s="117" t="s">
        <v>64</v>
      </c>
      <c r="D8" s="118"/>
      <c r="E8" s="118"/>
      <c r="F8" s="20" t="s">
        <v>13</v>
      </c>
      <c r="G8" s="21"/>
      <c r="H8" s="119" t="s">
        <v>64</v>
      </c>
      <c r="I8" s="120"/>
      <c r="J8" s="120"/>
      <c r="K8" s="12"/>
      <c r="L8" s="12"/>
      <c r="M8" s="12"/>
    </row>
    <row r="9" spans="1:18" s="13" customFormat="1" ht="30" customHeight="1" thickBot="1">
      <c r="A9" s="22" t="s">
        <v>15</v>
      </c>
      <c r="B9" s="23"/>
      <c r="C9" s="121" t="s">
        <v>80</v>
      </c>
      <c r="D9" s="122"/>
      <c r="E9" s="122"/>
      <c r="F9" s="24" t="s">
        <v>15</v>
      </c>
      <c r="G9" s="25"/>
      <c r="H9" s="123" t="s">
        <v>62</v>
      </c>
      <c r="I9" s="124"/>
      <c r="J9" s="124"/>
      <c r="K9" s="12"/>
      <c r="L9" s="12"/>
      <c r="M9" s="12"/>
    </row>
    <row r="10" spans="1:18" s="13" customFormat="1" ht="30" customHeight="1">
      <c r="A10" s="89" t="s">
        <v>16</v>
      </c>
      <c r="B10" s="86"/>
      <c r="C10" s="86"/>
      <c r="D10" s="80" t="s">
        <v>23</v>
      </c>
      <c r="E10" s="80"/>
      <c r="F10" s="80"/>
      <c r="G10" s="80"/>
      <c r="H10" s="80" t="s">
        <v>147</v>
      </c>
      <c r="I10" s="80"/>
      <c r="J10" s="81"/>
      <c r="K10" s="105" t="s">
        <v>154</v>
      </c>
      <c r="L10" s="106"/>
      <c r="M10" s="106"/>
      <c r="N10" s="106"/>
      <c r="O10" s="106"/>
      <c r="P10" s="106"/>
      <c r="Q10" s="106"/>
      <c r="R10" s="106"/>
    </row>
    <row r="11" spans="1:18" s="13" customFormat="1" ht="30" customHeight="1" thickBot="1">
      <c r="A11" s="87"/>
      <c r="B11" s="88"/>
      <c r="C11" s="88"/>
      <c r="D11" s="84" t="s">
        <v>65</v>
      </c>
      <c r="E11" s="84"/>
      <c r="F11" s="84" t="s">
        <v>166</v>
      </c>
      <c r="G11" s="84"/>
      <c r="H11" s="84"/>
      <c r="I11" s="84"/>
      <c r="J11" s="85"/>
      <c r="K11" s="78" t="s">
        <v>155</v>
      </c>
      <c r="L11" s="107" t="s">
        <v>156</v>
      </c>
      <c r="M11" s="107"/>
      <c r="N11" s="107"/>
      <c r="O11" s="107"/>
      <c r="P11" s="107"/>
      <c r="Q11" s="107"/>
      <c r="R11" s="107"/>
    </row>
    <row r="12" spans="1:18" s="13" customFormat="1" ht="30" customHeight="1">
      <c r="A12" s="12"/>
      <c r="B12" s="12"/>
      <c r="C12" s="12"/>
      <c r="D12" s="12"/>
      <c r="E12" s="12"/>
      <c r="F12" s="12"/>
      <c r="G12" s="12"/>
      <c r="H12" s="12"/>
      <c r="I12" s="12"/>
      <c r="J12" s="12"/>
      <c r="K12" s="12"/>
      <c r="L12" s="12"/>
      <c r="M12" s="12"/>
    </row>
    <row r="13" spans="1:18" s="13" customFormat="1" ht="30" customHeight="1">
      <c r="A13" s="3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sheetData>
  <mergeCells count="14">
    <mergeCell ref="A2:H2"/>
    <mergeCell ref="C3:J3"/>
    <mergeCell ref="C5:J5"/>
    <mergeCell ref="A6:E6"/>
    <mergeCell ref="F6:J6"/>
    <mergeCell ref="B4:J4"/>
    <mergeCell ref="K10:R10"/>
    <mergeCell ref="L11:R11"/>
    <mergeCell ref="C7:E7"/>
    <mergeCell ref="H7:J7"/>
    <mergeCell ref="C8:E8"/>
    <mergeCell ref="H8:J8"/>
    <mergeCell ref="C9:E9"/>
    <mergeCell ref="H9:J9"/>
  </mergeCells>
  <phoneticPr fontId="1"/>
  <hyperlinks>
    <hyperlink ref="J1" r:id="rId1" xr:uid="{00000000-0004-0000-0900-000000000000}"/>
    <hyperlink ref="L11:R11" r:id="rId2" display="（参考リンク）HIVの労災について" xr:uid="{00000000-0004-0000-0900-000001000000}"/>
  </hyperlinks>
  <pageMargins left="0.7" right="0.7" top="0.75" bottom="0.75" header="0.3" footer="0.3"/>
  <pageSetup paperSize="9" scale="98" orientation="portrait" r:id="rId3"/>
  <drawing r:id="rId4"/>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FFFF00"/>
    <pageSetUpPr fitToPage="1"/>
  </sheetPr>
  <dimension ref="A1:R24"/>
  <sheetViews>
    <sheetView view="pageBreakPreview" zoomScaleNormal="100" zoomScaleSheetLayoutView="100" workbookViewId="0">
      <selection activeCell="H9" sqref="H9:J9"/>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1</v>
      </c>
    </row>
    <row r="2" spans="1:18" ht="67.5" customHeight="1" thickBot="1">
      <c r="A2" s="125" t="s">
        <v>30</v>
      </c>
      <c r="B2" s="125"/>
      <c r="C2" s="125"/>
      <c r="D2" s="125"/>
      <c r="E2" s="125"/>
      <c r="F2" s="125"/>
      <c r="G2" s="125"/>
      <c r="H2" s="125"/>
      <c r="I2" s="6" t="s">
        <v>2</v>
      </c>
      <c r="J2" s="34"/>
      <c r="K2" s="8"/>
    </row>
    <row r="3" spans="1:18" s="11" customFormat="1" ht="30" customHeight="1" thickBot="1">
      <c r="A3" s="9" t="s">
        <v>4</v>
      </c>
      <c r="B3" s="10"/>
      <c r="C3" s="109" t="s">
        <v>86</v>
      </c>
      <c r="D3" s="110"/>
      <c r="E3" s="110"/>
      <c r="F3" s="110"/>
      <c r="G3" s="110"/>
      <c r="H3" s="110"/>
      <c r="I3" s="110"/>
      <c r="J3" s="110"/>
    </row>
    <row r="4" spans="1:18" s="13" customFormat="1" ht="30" customHeight="1" thickBot="1">
      <c r="A4" s="9" t="s">
        <v>5</v>
      </c>
      <c r="B4" s="10"/>
      <c r="C4" s="109" t="s">
        <v>31</v>
      </c>
      <c r="D4" s="110"/>
      <c r="E4" s="110"/>
      <c r="F4" s="110"/>
      <c r="G4" s="110"/>
      <c r="H4" s="110"/>
      <c r="I4" s="110"/>
      <c r="J4" s="110"/>
      <c r="K4" s="12"/>
    </row>
    <row r="5" spans="1:18" s="13" customFormat="1" ht="30" customHeight="1" thickBot="1">
      <c r="A5" s="9" t="s">
        <v>7</v>
      </c>
      <c r="B5" s="10"/>
      <c r="C5" s="109" t="s">
        <v>8</v>
      </c>
      <c r="D5" s="110"/>
      <c r="E5" s="110"/>
      <c r="F5" s="110"/>
      <c r="G5" s="110"/>
      <c r="H5" s="110"/>
      <c r="I5" s="110"/>
      <c r="J5" s="110"/>
      <c r="K5" s="12"/>
      <c r="L5" s="12"/>
      <c r="M5" s="12"/>
    </row>
    <row r="6" spans="1:18" s="13" customFormat="1" ht="30" customHeight="1">
      <c r="A6" s="111" t="s">
        <v>70</v>
      </c>
      <c r="B6" s="111"/>
      <c r="C6" s="111"/>
      <c r="D6" s="111"/>
      <c r="E6" s="111"/>
      <c r="F6" s="112" t="s">
        <v>10</v>
      </c>
      <c r="G6" s="112"/>
      <c r="H6" s="112"/>
      <c r="I6" s="112"/>
      <c r="J6" s="112"/>
      <c r="K6" s="12"/>
      <c r="L6" s="12"/>
      <c r="M6" s="12"/>
    </row>
    <row r="7" spans="1:18" s="13" customFormat="1" ht="30" customHeight="1">
      <c r="A7" s="14" t="s">
        <v>11</v>
      </c>
      <c r="B7" s="15"/>
      <c r="C7" s="113" t="s">
        <v>12</v>
      </c>
      <c r="D7" s="114"/>
      <c r="E7" s="114"/>
      <c r="F7" s="16" t="s">
        <v>11</v>
      </c>
      <c r="G7" s="17"/>
      <c r="H7" s="169"/>
      <c r="I7" s="170"/>
      <c r="J7" s="170"/>
      <c r="K7" s="12"/>
      <c r="L7" s="12"/>
      <c r="M7" s="12"/>
    </row>
    <row r="8" spans="1:18" s="13" customFormat="1" ht="30" customHeight="1">
      <c r="A8" s="18" t="s">
        <v>13</v>
      </c>
      <c r="B8" s="19"/>
      <c r="C8" s="117" t="s">
        <v>71</v>
      </c>
      <c r="D8" s="118"/>
      <c r="E8" s="118"/>
      <c r="F8" s="20" t="s">
        <v>13</v>
      </c>
      <c r="G8" s="21"/>
      <c r="H8" s="119"/>
      <c r="I8" s="120"/>
      <c r="J8" s="120"/>
      <c r="K8" s="12"/>
      <c r="L8" s="12"/>
      <c r="M8" s="12"/>
    </row>
    <row r="9" spans="1:18" s="13" customFormat="1" ht="30" customHeight="1" thickBot="1">
      <c r="A9" s="22" t="s">
        <v>15</v>
      </c>
      <c r="B9" s="23"/>
      <c r="C9" s="121" t="s">
        <v>72</v>
      </c>
      <c r="D9" s="122"/>
      <c r="E9" s="122"/>
      <c r="F9" s="24" t="s">
        <v>15</v>
      </c>
      <c r="G9" s="25"/>
      <c r="H9" s="123"/>
      <c r="I9" s="124"/>
      <c r="J9" s="124"/>
      <c r="K9" s="12"/>
      <c r="L9" s="12"/>
      <c r="M9" s="12"/>
    </row>
    <row r="10" spans="1:18" s="13" customFormat="1" ht="30" customHeight="1">
      <c r="A10" s="26" t="s">
        <v>16</v>
      </c>
      <c r="B10" s="27"/>
      <c r="C10" s="27"/>
      <c r="D10" s="80" t="s">
        <v>23</v>
      </c>
      <c r="E10" s="46"/>
      <c r="F10" s="46"/>
      <c r="G10" s="27"/>
      <c r="H10" s="27"/>
      <c r="I10" s="27"/>
      <c r="J10" s="45"/>
      <c r="K10" s="12"/>
      <c r="L10" s="12"/>
      <c r="M10" s="12"/>
    </row>
    <row r="11" spans="1:18" s="13" customFormat="1" ht="30" customHeight="1" thickBot="1">
      <c r="A11" s="29"/>
      <c r="B11" s="30"/>
      <c r="C11" s="30"/>
      <c r="D11" s="47"/>
      <c r="E11" s="47"/>
      <c r="F11" s="47"/>
      <c r="G11" s="30"/>
      <c r="H11" s="30"/>
      <c r="I11" s="30"/>
      <c r="J11" s="44"/>
      <c r="K11" s="105" t="s">
        <v>154</v>
      </c>
      <c r="L11" s="106"/>
      <c r="M11" s="106"/>
      <c r="N11" s="106"/>
      <c r="O11" s="106"/>
      <c r="P11" s="106"/>
      <c r="Q11" s="106"/>
      <c r="R11" s="106"/>
    </row>
    <row r="12" spans="1:18" s="13" customFormat="1" ht="30" customHeight="1">
      <c r="A12" s="12"/>
      <c r="B12" s="12"/>
      <c r="C12" s="12"/>
      <c r="D12" s="12"/>
      <c r="E12" s="12"/>
      <c r="F12" s="12"/>
      <c r="G12" s="12"/>
      <c r="H12" s="12"/>
      <c r="I12" s="12"/>
      <c r="J12" s="12"/>
      <c r="K12" s="78" t="s">
        <v>155</v>
      </c>
      <c r="L12" s="107" t="s">
        <v>156</v>
      </c>
      <c r="M12" s="107"/>
      <c r="N12" s="107"/>
      <c r="O12" s="107"/>
      <c r="P12" s="107"/>
      <c r="Q12" s="107"/>
      <c r="R12" s="107"/>
    </row>
    <row r="13" spans="1:18" s="13" customFormat="1" ht="30" customHeight="1">
      <c r="A13" s="3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sheetData>
  <mergeCells count="14">
    <mergeCell ref="A2:H2"/>
    <mergeCell ref="C3:J3"/>
    <mergeCell ref="C4:J4"/>
    <mergeCell ref="C5:J5"/>
    <mergeCell ref="A6:E6"/>
    <mergeCell ref="F6:J6"/>
    <mergeCell ref="K11:R11"/>
    <mergeCell ref="L12:R12"/>
    <mergeCell ref="C7:E7"/>
    <mergeCell ref="H7:J7"/>
    <mergeCell ref="C8:E8"/>
    <mergeCell ref="H8:J8"/>
    <mergeCell ref="C9:E9"/>
    <mergeCell ref="H9:J9"/>
  </mergeCells>
  <phoneticPr fontId="1"/>
  <hyperlinks>
    <hyperlink ref="J1" r:id="rId1" xr:uid="{00000000-0004-0000-0A00-000000000000}"/>
    <hyperlink ref="L12:R12" r:id="rId2" display="（参考リンク）HIVの労災について" xr:uid="{00000000-0004-0000-0A00-000001000000}"/>
  </hyperlinks>
  <pageMargins left="0.70866141732283472" right="0.70866141732283472" top="0.74803149606299213" bottom="0.74803149606299213" header="0.31496062992125984" footer="0.31496062992125984"/>
  <pageSetup paperSize="9" fitToHeight="0" orientation="portrait" r:id="rId3"/>
  <drawing r:id="rId4"/>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rgb="FFFFFF00"/>
  </sheetPr>
  <dimension ref="A1:R24"/>
  <sheetViews>
    <sheetView view="pageBreakPreview" zoomScaleNormal="100" zoomScaleSheetLayoutView="100" workbookViewId="0">
      <selection activeCell="F23" sqref="F23"/>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8"/>
      <c r="J1" s="49" t="s">
        <v>22</v>
      </c>
    </row>
    <row r="2" spans="1:18" ht="72" customHeight="1" thickBot="1">
      <c r="A2" s="125" t="s">
        <v>32</v>
      </c>
      <c r="B2" s="108"/>
      <c r="C2" s="108"/>
      <c r="D2" s="108"/>
      <c r="E2" s="108"/>
      <c r="F2" s="108"/>
      <c r="G2" s="108"/>
      <c r="H2" s="108"/>
      <c r="I2" s="6" t="s">
        <v>2</v>
      </c>
      <c r="J2" s="34"/>
      <c r="K2" s="8"/>
    </row>
    <row r="3" spans="1:18" s="11" customFormat="1" ht="30" customHeight="1" thickBot="1">
      <c r="A3" s="9" t="s">
        <v>4</v>
      </c>
      <c r="B3" s="10"/>
      <c r="C3" s="109" t="s">
        <v>87</v>
      </c>
      <c r="D3" s="110"/>
      <c r="E3" s="110"/>
      <c r="F3" s="110"/>
      <c r="G3" s="110"/>
      <c r="H3" s="110"/>
      <c r="I3" s="110"/>
      <c r="J3" s="110"/>
    </row>
    <row r="4" spans="1:18" s="13" customFormat="1" ht="30" customHeight="1" thickBot="1">
      <c r="A4" s="126" t="s">
        <v>5</v>
      </c>
      <c r="B4" s="35"/>
      <c r="C4" s="142" t="s">
        <v>33</v>
      </c>
      <c r="D4" s="175"/>
      <c r="E4" s="175"/>
      <c r="F4" s="175"/>
      <c r="G4" s="175"/>
      <c r="H4" s="110"/>
      <c r="I4" s="110"/>
      <c r="J4" s="110"/>
      <c r="K4" s="12"/>
    </row>
    <row r="5" spans="1:18" s="13" customFormat="1" ht="30" customHeight="1" thickBot="1">
      <c r="A5" s="174"/>
      <c r="B5" s="36"/>
      <c r="C5" s="37"/>
      <c r="D5" s="37"/>
      <c r="E5" s="37"/>
      <c r="F5" s="38"/>
      <c r="G5" s="39"/>
      <c r="H5" s="9" t="s">
        <v>7</v>
      </c>
      <c r="I5" s="40" t="s">
        <v>8</v>
      </c>
      <c r="J5" s="41"/>
      <c r="K5" s="12"/>
      <c r="L5" s="12"/>
      <c r="M5" s="12"/>
    </row>
    <row r="6" spans="1:18" s="13" customFormat="1" ht="30" customHeight="1">
      <c r="A6" s="111" t="s">
        <v>18</v>
      </c>
      <c r="B6" s="111"/>
      <c r="C6" s="111"/>
      <c r="D6" s="111"/>
      <c r="E6" s="111"/>
      <c r="F6" s="112" t="s">
        <v>19</v>
      </c>
      <c r="G6" s="112"/>
      <c r="H6" s="112"/>
      <c r="I6" s="112"/>
      <c r="J6" s="112"/>
      <c r="K6" s="12"/>
      <c r="L6" s="12"/>
      <c r="M6" s="12"/>
    </row>
    <row r="7" spans="1:18" s="13" customFormat="1" ht="37.200000000000003" customHeight="1">
      <c r="A7" s="14" t="s">
        <v>11</v>
      </c>
      <c r="B7" s="15"/>
      <c r="C7" s="113" t="s">
        <v>12</v>
      </c>
      <c r="D7" s="114"/>
      <c r="E7" s="114"/>
      <c r="F7" s="16" t="s">
        <v>11</v>
      </c>
      <c r="G7" s="17"/>
      <c r="H7" s="171" t="s">
        <v>167</v>
      </c>
      <c r="I7" s="116"/>
      <c r="J7" s="116"/>
      <c r="K7" s="12"/>
      <c r="L7" s="12"/>
      <c r="M7" s="12"/>
    </row>
    <row r="8" spans="1:18" s="13" customFormat="1" ht="30" customHeight="1">
      <c r="A8" s="18" t="s">
        <v>13</v>
      </c>
      <c r="B8" s="19"/>
      <c r="C8" s="117" t="s">
        <v>78</v>
      </c>
      <c r="D8" s="118"/>
      <c r="E8" s="118"/>
      <c r="F8" s="20" t="s">
        <v>13</v>
      </c>
      <c r="G8" s="21"/>
      <c r="H8" s="119" t="s">
        <v>78</v>
      </c>
      <c r="I8" s="120"/>
      <c r="J8" s="120"/>
      <c r="K8" s="12"/>
      <c r="L8" s="12"/>
      <c r="M8" s="12"/>
    </row>
    <row r="9" spans="1:18" s="13" customFormat="1" ht="30" customHeight="1" thickBot="1">
      <c r="A9" s="22" t="s">
        <v>15</v>
      </c>
      <c r="B9" s="23"/>
      <c r="C9" s="172" t="s">
        <v>148</v>
      </c>
      <c r="D9" s="173"/>
      <c r="E9" s="173"/>
      <c r="F9" s="24" t="s">
        <v>15</v>
      </c>
      <c r="G9" s="25"/>
      <c r="H9" s="123" t="s">
        <v>79</v>
      </c>
      <c r="I9" s="124"/>
      <c r="J9" s="124"/>
      <c r="K9" s="12"/>
      <c r="L9" s="12"/>
      <c r="M9" s="12"/>
    </row>
    <row r="10" spans="1:18" s="13" customFormat="1" ht="30" customHeight="1">
      <c r="A10" s="26" t="s">
        <v>16</v>
      </c>
      <c r="B10" s="27"/>
      <c r="C10" s="27"/>
      <c r="D10" s="46" t="s">
        <v>24</v>
      </c>
      <c r="E10" s="46"/>
      <c r="F10" s="46"/>
      <c r="G10" s="27"/>
      <c r="H10" s="27"/>
      <c r="I10" s="27"/>
      <c r="J10" s="45"/>
      <c r="K10" s="105" t="s">
        <v>154</v>
      </c>
      <c r="L10" s="106"/>
      <c r="M10" s="106"/>
      <c r="N10" s="106"/>
      <c r="O10" s="106"/>
      <c r="P10" s="106"/>
      <c r="Q10" s="106"/>
      <c r="R10" s="106"/>
    </row>
    <row r="11" spans="1:18" s="13" customFormat="1" ht="30" customHeight="1" thickBot="1">
      <c r="A11" s="29"/>
      <c r="B11" s="30"/>
      <c r="C11" s="30"/>
      <c r="D11" s="47"/>
      <c r="E11" s="47"/>
      <c r="F11" s="47"/>
      <c r="G11" s="30"/>
      <c r="H11" s="30"/>
      <c r="I11" s="30"/>
      <c r="J11" s="44"/>
      <c r="K11" s="78" t="s">
        <v>155</v>
      </c>
      <c r="L11" s="107" t="s">
        <v>156</v>
      </c>
      <c r="M11" s="107"/>
      <c r="N11" s="107"/>
      <c r="O11" s="107"/>
      <c r="P11" s="107"/>
      <c r="Q11" s="107"/>
      <c r="R11" s="107"/>
    </row>
    <row r="12" spans="1:18" s="13" customFormat="1" ht="30" customHeight="1">
      <c r="A12" s="12"/>
      <c r="B12" s="12"/>
      <c r="C12" s="12"/>
      <c r="D12" s="12"/>
      <c r="E12" s="12"/>
      <c r="F12" s="12"/>
      <c r="G12" s="12"/>
      <c r="H12" s="12"/>
      <c r="I12" s="12"/>
      <c r="J12" s="12"/>
      <c r="K12" s="12"/>
      <c r="L12" s="12"/>
      <c r="M12" s="12"/>
    </row>
    <row r="13" spans="1:18" s="13" customFormat="1" ht="30" customHeight="1">
      <c r="A13" s="3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sheetData>
  <mergeCells count="14">
    <mergeCell ref="A2:H2"/>
    <mergeCell ref="C3:J3"/>
    <mergeCell ref="A4:A5"/>
    <mergeCell ref="C4:J4"/>
    <mergeCell ref="A6:E6"/>
    <mergeCell ref="F6:J6"/>
    <mergeCell ref="K10:R10"/>
    <mergeCell ref="L11:R11"/>
    <mergeCell ref="C7:E7"/>
    <mergeCell ref="H7:J7"/>
    <mergeCell ref="C8:E8"/>
    <mergeCell ref="H8:J8"/>
    <mergeCell ref="C9:E9"/>
    <mergeCell ref="H9:J9"/>
  </mergeCells>
  <phoneticPr fontId="1"/>
  <hyperlinks>
    <hyperlink ref="J1" r:id="rId1" xr:uid="{00000000-0004-0000-0B00-000000000000}"/>
    <hyperlink ref="L11:R11" r:id="rId2" display="（参考リンク）HIVの労災について" xr:uid="{00000000-0004-0000-0B00-000001000000}"/>
  </hyperlinks>
  <pageMargins left="0.7" right="0.7" top="0.75" bottom="0.75" header="0.3" footer="0.3"/>
  <pageSetup paperSize="9" orientation="portrait" r:id="rId3"/>
  <drawing r:id="rId4"/>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rgb="FFFFFF00"/>
    <pageSetUpPr fitToPage="1"/>
  </sheetPr>
  <dimension ref="A1:R24"/>
  <sheetViews>
    <sheetView view="pageBreakPreview" zoomScaleNormal="100" zoomScaleSheetLayoutView="100" workbookViewId="0">
      <selection activeCell="H20" sqref="H20"/>
    </sheetView>
  </sheetViews>
  <sheetFormatPr defaultRowHeight="13.2"/>
  <cols>
    <col min="1" max="1" width="10.6640625" customWidth="1"/>
    <col min="2" max="2" width="1.6640625" customWidth="1"/>
    <col min="3" max="6" width="10.6640625" customWidth="1"/>
    <col min="7" max="7" width="1.6640625" customWidth="1"/>
    <col min="8" max="9" width="10.6640625" customWidth="1"/>
    <col min="10" max="10" width="11.6640625" customWidth="1"/>
    <col min="11" max="11" width="10.6640625" customWidth="1"/>
  </cols>
  <sheetData>
    <row r="1" spans="1:18" s="5" customFormat="1" ht="20.100000000000001" customHeight="1" thickBot="1">
      <c r="A1" s="3" t="s">
        <v>0</v>
      </c>
      <c r="B1" s="3"/>
      <c r="C1" s="4"/>
      <c r="D1" s="4"/>
      <c r="E1" s="4"/>
      <c r="F1" s="4"/>
      <c r="G1" s="4"/>
      <c r="H1" s="4"/>
      <c r="I1" s="4"/>
      <c r="J1" s="61" t="s">
        <v>114</v>
      </c>
    </row>
    <row r="2" spans="1:18" ht="67.5" customHeight="1" thickBot="1">
      <c r="A2" s="125" t="s">
        <v>102</v>
      </c>
      <c r="B2" s="108"/>
      <c r="C2" s="108"/>
      <c r="D2" s="108"/>
      <c r="E2" s="108"/>
      <c r="F2" s="108"/>
      <c r="G2" s="108"/>
      <c r="H2" s="108"/>
      <c r="I2" s="6" t="s">
        <v>2</v>
      </c>
      <c r="J2" s="34"/>
      <c r="K2" s="8"/>
    </row>
    <row r="3" spans="1:18" s="11" customFormat="1" ht="30" customHeight="1" thickBot="1">
      <c r="A3" s="9" t="s">
        <v>4</v>
      </c>
      <c r="B3" s="10"/>
      <c r="C3" s="109" t="s">
        <v>159</v>
      </c>
      <c r="D3" s="110"/>
      <c r="E3" s="110"/>
      <c r="F3" s="110"/>
      <c r="G3" s="110"/>
      <c r="H3" s="110"/>
      <c r="I3" s="110"/>
      <c r="J3" s="110"/>
    </row>
    <row r="4" spans="1:18" s="13" customFormat="1" ht="30" customHeight="1" thickBot="1">
      <c r="A4" s="126" t="s">
        <v>103</v>
      </c>
      <c r="B4" s="35"/>
      <c r="C4" s="142" t="s">
        <v>104</v>
      </c>
      <c r="D4" s="175"/>
      <c r="E4" s="175"/>
      <c r="F4" s="175"/>
      <c r="G4" s="175"/>
      <c r="H4" s="110"/>
      <c r="I4" s="110"/>
      <c r="J4" s="110"/>
      <c r="K4" s="12"/>
    </row>
    <row r="5" spans="1:18" s="13" customFormat="1" ht="30" customHeight="1" thickBot="1">
      <c r="A5" s="174"/>
      <c r="B5" s="36"/>
      <c r="C5" s="37"/>
      <c r="D5" s="37"/>
      <c r="E5" s="37"/>
      <c r="F5" s="38"/>
      <c r="G5" s="39"/>
      <c r="H5" s="9" t="s">
        <v>7</v>
      </c>
      <c r="I5" s="40" t="s">
        <v>105</v>
      </c>
      <c r="J5" s="41"/>
      <c r="K5" s="12"/>
      <c r="L5" s="12"/>
      <c r="M5" s="12"/>
    </row>
    <row r="6" spans="1:18" s="13" customFormat="1" ht="30" customHeight="1">
      <c r="A6" s="111" t="s">
        <v>18</v>
      </c>
      <c r="B6" s="111"/>
      <c r="C6" s="111"/>
      <c r="D6" s="111"/>
      <c r="E6" s="111"/>
      <c r="F6" s="112" t="s">
        <v>19</v>
      </c>
      <c r="G6" s="112"/>
      <c r="H6" s="112"/>
      <c r="I6" s="112"/>
      <c r="J6" s="112"/>
      <c r="K6" s="12"/>
      <c r="L6" s="12"/>
      <c r="M6" s="12"/>
    </row>
    <row r="7" spans="1:18" s="13" customFormat="1" ht="30" customHeight="1">
      <c r="A7" s="14" t="s">
        <v>11</v>
      </c>
      <c r="B7" s="15"/>
      <c r="C7" s="113" t="s">
        <v>106</v>
      </c>
      <c r="D7" s="114"/>
      <c r="E7" s="114"/>
      <c r="F7" s="16" t="s">
        <v>11</v>
      </c>
      <c r="G7" s="17"/>
      <c r="H7" s="115" t="s">
        <v>107</v>
      </c>
      <c r="I7" s="116"/>
      <c r="J7" s="116"/>
      <c r="K7" s="12"/>
      <c r="L7" s="12"/>
      <c r="M7" s="12"/>
    </row>
    <row r="8" spans="1:18" s="13" customFormat="1" ht="30" customHeight="1">
      <c r="A8" s="18" t="s">
        <v>13</v>
      </c>
      <c r="B8" s="19"/>
      <c r="C8" s="117" t="s">
        <v>108</v>
      </c>
      <c r="D8" s="118"/>
      <c r="E8" s="118"/>
      <c r="F8" s="20" t="s">
        <v>13</v>
      </c>
      <c r="G8" s="21"/>
      <c r="H8" s="119" t="s">
        <v>108</v>
      </c>
      <c r="I8" s="120"/>
      <c r="J8" s="120"/>
      <c r="K8" s="12"/>
      <c r="L8" s="12"/>
      <c r="M8" s="12"/>
    </row>
    <row r="9" spans="1:18" s="13" customFormat="1" ht="30" customHeight="1" thickBot="1">
      <c r="A9" s="22" t="s">
        <v>15</v>
      </c>
      <c r="B9" s="23"/>
      <c r="C9" s="121" t="s">
        <v>109</v>
      </c>
      <c r="D9" s="122"/>
      <c r="E9" s="122"/>
      <c r="F9" s="24" t="s">
        <v>15</v>
      </c>
      <c r="G9" s="25"/>
      <c r="H9" s="123" t="s">
        <v>109</v>
      </c>
      <c r="I9" s="124"/>
      <c r="J9" s="124"/>
      <c r="K9" s="12"/>
      <c r="L9" s="12"/>
      <c r="M9" s="12"/>
    </row>
    <row r="10" spans="1:18" s="13" customFormat="1" ht="30" customHeight="1">
      <c r="A10" s="57" t="s">
        <v>16</v>
      </c>
      <c r="B10" s="58"/>
      <c r="C10" s="58"/>
      <c r="D10" s="55" t="s">
        <v>24</v>
      </c>
      <c r="E10" s="55"/>
      <c r="F10" s="55"/>
      <c r="G10" s="58"/>
      <c r="H10" s="58"/>
      <c r="I10" s="58"/>
      <c r="J10" s="54"/>
      <c r="K10" s="105" t="s">
        <v>154</v>
      </c>
      <c r="L10" s="106"/>
      <c r="M10" s="106"/>
      <c r="N10" s="106"/>
      <c r="O10" s="106"/>
      <c r="P10" s="106"/>
      <c r="Q10" s="106"/>
      <c r="R10" s="106"/>
    </row>
    <row r="11" spans="1:18" s="13" customFormat="1" ht="30" customHeight="1" thickBot="1">
      <c r="A11" s="59"/>
      <c r="B11" s="60"/>
      <c r="C11" s="60"/>
      <c r="D11" s="56"/>
      <c r="E11" s="56"/>
      <c r="F11" s="56"/>
      <c r="G11" s="60"/>
      <c r="H11" s="60"/>
      <c r="I11" s="60"/>
      <c r="J11" s="53"/>
      <c r="K11" s="78" t="s">
        <v>155</v>
      </c>
      <c r="L11" s="107" t="s">
        <v>156</v>
      </c>
      <c r="M11" s="107"/>
      <c r="N11" s="107"/>
      <c r="O11" s="107"/>
      <c r="P11" s="107"/>
      <c r="Q11" s="107"/>
      <c r="R11" s="107"/>
    </row>
    <row r="12" spans="1:18" s="13" customFormat="1" ht="30" customHeight="1">
      <c r="A12" s="12"/>
      <c r="B12" s="12"/>
      <c r="C12" s="12"/>
      <c r="D12" s="12"/>
      <c r="E12" s="12"/>
      <c r="F12" s="12"/>
      <c r="G12" s="12"/>
      <c r="H12" s="12"/>
      <c r="I12" s="12"/>
      <c r="J12" s="12"/>
      <c r="K12" s="12"/>
      <c r="L12" s="12"/>
      <c r="M12" s="12"/>
    </row>
    <row r="13" spans="1:18" s="13" customFormat="1" ht="30" customHeight="1">
      <c r="A13" s="3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sheetData>
  <mergeCells count="14">
    <mergeCell ref="A2:H2"/>
    <mergeCell ref="C3:J3"/>
    <mergeCell ref="A4:A5"/>
    <mergeCell ref="C4:J4"/>
    <mergeCell ref="A6:E6"/>
    <mergeCell ref="F6:J6"/>
    <mergeCell ref="K10:R10"/>
    <mergeCell ref="L11:R11"/>
    <mergeCell ref="C7:E7"/>
    <mergeCell ref="H7:J7"/>
    <mergeCell ref="C8:E8"/>
    <mergeCell ref="H8:J8"/>
    <mergeCell ref="C9:E9"/>
    <mergeCell ref="H9:J9"/>
  </mergeCells>
  <phoneticPr fontId="1"/>
  <hyperlinks>
    <hyperlink ref="J1" r:id="rId1" xr:uid="{00000000-0004-0000-0C00-000000000000}"/>
    <hyperlink ref="L11:R11" r:id="rId2" display="（参考リンク）HIVの労災について" xr:uid="{00000000-0004-0000-0C00-000001000000}"/>
  </hyperlinks>
  <pageMargins left="0.7" right="0.7" top="0.75" bottom="0.75" header="0.3" footer="0.3"/>
  <pageSetup paperSize="9" scale="98" orientation="portrait" r:id="rId3"/>
  <drawing r:id="rId4"/>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tabColor rgb="FFFFFF00"/>
  </sheetPr>
  <dimension ref="A1:R24"/>
  <sheetViews>
    <sheetView view="pageBreakPreview" zoomScaleNormal="100" zoomScaleSheetLayoutView="100" workbookViewId="0">
      <selection activeCell="J29" sqref="J29"/>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115</v>
      </c>
    </row>
    <row r="2" spans="1:18" ht="67.5" customHeight="1" thickBot="1">
      <c r="A2" s="125" t="s">
        <v>149</v>
      </c>
      <c r="B2" s="108"/>
      <c r="C2" s="108"/>
      <c r="D2" s="108"/>
      <c r="E2" s="108"/>
      <c r="F2" s="108"/>
      <c r="G2" s="108"/>
      <c r="H2" s="108"/>
      <c r="I2" s="6" t="s">
        <v>2</v>
      </c>
      <c r="J2" s="34"/>
      <c r="K2" s="8"/>
    </row>
    <row r="3" spans="1:18" s="11" customFormat="1" ht="30" customHeight="1" thickBot="1">
      <c r="A3" s="9" t="s">
        <v>4</v>
      </c>
      <c r="B3" s="10"/>
      <c r="C3" s="109" t="s">
        <v>160</v>
      </c>
      <c r="D3" s="110"/>
      <c r="E3" s="110"/>
      <c r="F3" s="110"/>
      <c r="G3" s="110"/>
      <c r="H3" s="110"/>
      <c r="I3" s="110"/>
      <c r="J3" s="110"/>
    </row>
    <row r="4" spans="1:18" s="13" customFormat="1" ht="30" customHeight="1" thickBot="1">
      <c r="A4" s="126" t="s">
        <v>110</v>
      </c>
      <c r="B4" s="35"/>
      <c r="C4" s="132" t="s">
        <v>111</v>
      </c>
      <c r="D4" s="175"/>
      <c r="E4" s="175"/>
      <c r="F4" s="175"/>
      <c r="G4" s="175"/>
      <c r="H4" s="110"/>
      <c r="I4" s="110"/>
      <c r="J4" s="110"/>
      <c r="K4" s="12"/>
    </row>
    <row r="5" spans="1:18" s="13" customFormat="1" ht="30" customHeight="1" thickBot="1">
      <c r="A5" s="174"/>
      <c r="B5" s="36"/>
      <c r="C5" s="37"/>
      <c r="D5" s="37"/>
      <c r="E5" s="37"/>
      <c r="F5" s="38"/>
      <c r="G5" s="39"/>
      <c r="H5" s="9" t="s">
        <v>7</v>
      </c>
      <c r="I5" s="40" t="s">
        <v>112</v>
      </c>
      <c r="J5" s="41"/>
      <c r="K5" s="12"/>
      <c r="L5" s="12"/>
      <c r="M5" s="12"/>
    </row>
    <row r="6" spans="1:18" s="13" customFormat="1" ht="30" customHeight="1">
      <c r="A6" s="111" t="s">
        <v>18</v>
      </c>
      <c r="B6" s="111"/>
      <c r="C6" s="111"/>
      <c r="D6" s="111"/>
      <c r="E6" s="111"/>
      <c r="F6" s="112" t="s">
        <v>19</v>
      </c>
      <c r="G6" s="112"/>
      <c r="H6" s="112"/>
      <c r="I6" s="112"/>
      <c r="J6" s="112"/>
      <c r="K6" s="12"/>
      <c r="L6" s="12"/>
      <c r="M6" s="12"/>
    </row>
    <row r="7" spans="1:18" s="13" customFormat="1" ht="30" customHeight="1">
      <c r="A7" s="14" t="s">
        <v>11</v>
      </c>
      <c r="B7" s="15"/>
      <c r="C7" s="113" t="s">
        <v>100</v>
      </c>
      <c r="D7" s="114"/>
      <c r="E7" s="114"/>
      <c r="F7" s="16" t="s">
        <v>11</v>
      </c>
      <c r="G7" s="17"/>
      <c r="H7" s="115" t="s">
        <v>46</v>
      </c>
      <c r="I7" s="116"/>
      <c r="J7" s="116"/>
      <c r="K7" s="12"/>
      <c r="L7" s="12"/>
      <c r="M7" s="12"/>
    </row>
    <row r="8" spans="1:18" s="13" customFormat="1" ht="30" customHeight="1">
      <c r="A8" s="18" t="s">
        <v>13</v>
      </c>
      <c r="B8" s="19"/>
      <c r="C8" s="117" t="s">
        <v>113</v>
      </c>
      <c r="D8" s="118"/>
      <c r="E8" s="118"/>
      <c r="F8" s="20" t="s">
        <v>13</v>
      </c>
      <c r="G8" s="21"/>
      <c r="H8" s="119" t="s">
        <v>113</v>
      </c>
      <c r="I8" s="120"/>
      <c r="J8" s="120"/>
      <c r="K8" s="12"/>
      <c r="L8" s="12"/>
      <c r="M8" s="12"/>
    </row>
    <row r="9" spans="1:18" s="13" customFormat="1" ht="30" customHeight="1" thickBot="1">
      <c r="A9" s="22" t="s">
        <v>15</v>
      </c>
      <c r="B9" s="23"/>
      <c r="C9" s="121" t="s">
        <v>116</v>
      </c>
      <c r="D9" s="122"/>
      <c r="E9" s="122"/>
      <c r="F9" s="24" t="s">
        <v>15</v>
      </c>
      <c r="G9" s="25"/>
      <c r="H9" s="123" t="s">
        <v>62</v>
      </c>
      <c r="I9" s="124"/>
      <c r="J9" s="124"/>
      <c r="K9" s="12"/>
      <c r="L9" s="12"/>
      <c r="M9" s="12"/>
    </row>
    <row r="10" spans="1:18" s="13" customFormat="1" ht="30" customHeight="1">
      <c r="A10" s="57" t="s">
        <v>16</v>
      </c>
      <c r="B10" s="58"/>
      <c r="C10" s="58"/>
      <c r="D10" s="55" t="s">
        <v>24</v>
      </c>
      <c r="E10" s="55"/>
      <c r="F10" s="55"/>
      <c r="G10" s="58"/>
      <c r="H10" s="58"/>
      <c r="I10" s="58"/>
      <c r="J10" s="54"/>
      <c r="K10" s="105" t="s">
        <v>154</v>
      </c>
      <c r="L10" s="106"/>
      <c r="M10" s="106"/>
      <c r="N10" s="106"/>
      <c r="O10" s="106"/>
      <c r="P10" s="106"/>
      <c r="Q10" s="106"/>
      <c r="R10" s="106"/>
    </row>
    <row r="11" spans="1:18" s="13" customFormat="1" ht="30" customHeight="1" thickBot="1">
      <c r="A11" s="59"/>
      <c r="B11" s="60"/>
      <c r="C11" s="60"/>
      <c r="D11" s="56"/>
      <c r="E11" s="56"/>
      <c r="F11" s="56"/>
      <c r="G11" s="60"/>
      <c r="H11" s="60"/>
      <c r="I11" s="60"/>
      <c r="J11" s="53"/>
      <c r="K11" s="78" t="s">
        <v>155</v>
      </c>
      <c r="L11" s="107" t="s">
        <v>156</v>
      </c>
      <c r="M11" s="107"/>
      <c r="N11" s="107"/>
      <c r="O11" s="107"/>
      <c r="P11" s="107"/>
      <c r="Q11" s="107"/>
      <c r="R11" s="107"/>
    </row>
    <row r="12" spans="1:18" s="13" customFormat="1" ht="30" customHeight="1">
      <c r="A12" s="12"/>
      <c r="B12" s="12"/>
      <c r="C12" s="12"/>
      <c r="D12" s="12"/>
      <c r="E12" s="12"/>
      <c r="F12" s="12"/>
      <c r="G12" s="12"/>
      <c r="H12" s="12"/>
      <c r="I12" s="12"/>
      <c r="J12" s="12"/>
      <c r="K12" s="12"/>
      <c r="L12" s="12"/>
      <c r="M12" s="12"/>
    </row>
    <row r="13" spans="1:18" s="13" customFormat="1" ht="30" customHeight="1">
      <c r="A13" s="3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sheetData>
  <mergeCells count="14">
    <mergeCell ref="A2:H2"/>
    <mergeCell ref="C3:J3"/>
    <mergeCell ref="A4:A5"/>
    <mergeCell ref="C4:J4"/>
    <mergeCell ref="A6:E6"/>
    <mergeCell ref="F6:J6"/>
    <mergeCell ref="K10:R10"/>
    <mergeCell ref="L11:R11"/>
    <mergeCell ref="C7:E7"/>
    <mergeCell ref="H7:J7"/>
    <mergeCell ref="C8:E8"/>
    <mergeCell ref="H8:J8"/>
    <mergeCell ref="C9:E9"/>
    <mergeCell ref="H9:J9"/>
  </mergeCells>
  <phoneticPr fontId="1"/>
  <hyperlinks>
    <hyperlink ref="J1" r:id="rId1" xr:uid="{00000000-0004-0000-0D00-000000000000}"/>
    <hyperlink ref="L11:R11" r:id="rId2" display="（参考リンク）HIVの労災について" xr:uid="{00000000-0004-0000-0D00-000001000000}"/>
  </hyperlinks>
  <pageMargins left="0.7" right="0.7" top="0.75" bottom="0.75" header="0.3" footer="0.3"/>
  <pageSetup paperSize="9" orientation="portrait" r:id="rId3"/>
  <drawing r:id="rId4"/>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tabColor rgb="FFFFFF00"/>
  </sheetPr>
  <dimension ref="A1:R24"/>
  <sheetViews>
    <sheetView view="pageBreakPreview" zoomScaleNormal="100" zoomScaleSheetLayoutView="100" workbookViewId="0">
      <selection activeCell="K10" sqref="K10:R10"/>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2</v>
      </c>
    </row>
    <row r="2" spans="1:18" ht="67.5" customHeight="1" thickBot="1">
      <c r="A2" s="108" t="s">
        <v>97</v>
      </c>
      <c r="B2" s="108"/>
      <c r="C2" s="108"/>
      <c r="D2" s="108"/>
      <c r="E2" s="108"/>
      <c r="F2" s="108"/>
      <c r="G2" s="108"/>
      <c r="H2" s="108"/>
      <c r="I2" s="6" t="s">
        <v>2</v>
      </c>
      <c r="J2" s="187"/>
      <c r="K2" s="8"/>
    </row>
    <row r="3" spans="1:18" s="11" customFormat="1" ht="30" customHeight="1" thickBot="1">
      <c r="A3" s="9" t="s">
        <v>4</v>
      </c>
      <c r="B3" s="10"/>
      <c r="C3" s="109" t="s">
        <v>161</v>
      </c>
      <c r="D3" s="110"/>
      <c r="E3" s="110"/>
      <c r="F3" s="110"/>
      <c r="G3" s="110"/>
      <c r="H3" s="110"/>
      <c r="I3" s="110"/>
      <c r="J3" s="110"/>
    </row>
    <row r="4" spans="1:18" s="13" customFormat="1" ht="30" customHeight="1" thickBot="1">
      <c r="A4" s="126" t="s">
        <v>5</v>
      </c>
      <c r="B4" s="35"/>
      <c r="C4" s="132" t="s">
        <v>98</v>
      </c>
      <c r="D4" s="175"/>
      <c r="E4" s="175"/>
      <c r="F4" s="175"/>
      <c r="G4" s="175"/>
      <c r="H4" s="110"/>
      <c r="I4" s="110"/>
      <c r="J4" s="110"/>
      <c r="K4" s="12"/>
    </row>
    <row r="5" spans="1:18" s="13" customFormat="1" ht="30" customHeight="1" thickBot="1">
      <c r="A5" s="174"/>
      <c r="B5" s="36"/>
      <c r="C5" s="176" t="s">
        <v>99</v>
      </c>
      <c r="D5" s="176"/>
      <c r="E5" s="176"/>
      <c r="F5" s="176"/>
      <c r="G5" s="39"/>
      <c r="H5" s="9" t="s">
        <v>7</v>
      </c>
      <c r="I5" s="40" t="s">
        <v>8</v>
      </c>
      <c r="J5" s="41"/>
      <c r="K5" s="12"/>
      <c r="L5" s="12"/>
      <c r="M5" s="12"/>
    </row>
    <row r="6" spans="1:18" s="13" customFormat="1" ht="30" customHeight="1">
      <c r="A6" s="111" t="s">
        <v>18</v>
      </c>
      <c r="B6" s="111"/>
      <c r="C6" s="111"/>
      <c r="D6" s="111"/>
      <c r="E6" s="111"/>
      <c r="F6" s="112" t="s">
        <v>19</v>
      </c>
      <c r="G6" s="112"/>
      <c r="H6" s="112"/>
      <c r="I6" s="112"/>
      <c r="J6" s="112"/>
      <c r="K6" s="12"/>
      <c r="L6" s="12"/>
      <c r="M6" s="12"/>
    </row>
    <row r="7" spans="1:18" s="13" customFormat="1" ht="30" customHeight="1">
      <c r="A7" s="14" t="s">
        <v>11</v>
      </c>
      <c r="B7" s="185"/>
      <c r="C7" s="113" t="s">
        <v>100</v>
      </c>
      <c r="D7" s="114"/>
      <c r="E7" s="114"/>
      <c r="F7" s="16" t="s">
        <v>11</v>
      </c>
      <c r="G7" s="186"/>
      <c r="H7" s="115"/>
      <c r="I7" s="116"/>
      <c r="J7" s="116"/>
      <c r="K7" s="12"/>
      <c r="L7" s="12"/>
      <c r="M7" s="12"/>
    </row>
    <row r="8" spans="1:18" s="13" customFormat="1" ht="30" customHeight="1">
      <c r="A8" s="18" t="s">
        <v>13</v>
      </c>
      <c r="B8" s="19"/>
      <c r="C8" s="117" t="s">
        <v>101</v>
      </c>
      <c r="D8" s="118"/>
      <c r="E8" s="118"/>
      <c r="F8" s="20" t="s">
        <v>13</v>
      </c>
      <c r="G8" s="21"/>
      <c r="H8" s="119"/>
      <c r="I8" s="120"/>
      <c r="J8" s="120"/>
      <c r="K8" s="12"/>
      <c r="L8" s="12"/>
      <c r="M8" s="12"/>
    </row>
    <row r="9" spans="1:18" s="13" customFormat="1" ht="30" customHeight="1" thickBot="1">
      <c r="A9" s="22" t="s">
        <v>15</v>
      </c>
      <c r="B9" s="23"/>
      <c r="C9" s="121" t="s">
        <v>171</v>
      </c>
      <c r="D9" s="122"/>
      <c r="E9" s="122"/>
      <c r="F9" s="24" t="s">
        <v>15</v>
      </c>
      <c r="G9" s="25"/>
      <c r="H9" s="123"/>
      <c r="I9" s="124"/>
      <c r="J9" s="124"/>
      <c r="K9" s="12"/>
      <c r="L9" s="12"/>
      <c r="M9" s="12"/>
    </row>
    <row r="10" spans="1:18" s="13" customFormat="1" ht="30" customHeight="1">
      <c r="A10" s="101" t="s">
        <v>16</v>
      </c>
      <c r="B10" s="97"/>
      <c r="C10" s="97"/>
      <c r="D10" s="95" t="s">
        <v>24</v>
      </c>
      <c r="E10" s="95"/>
      <c r="F10" s="95"/>
      <c r="G10" s="97"/>
      <c r="H10" s="97"/>
      <c r="I10" s="97"/>
      <c r="J10" s="98"/>
      <c r="K10" s="105" t="s">
        <v>154</v>
      </c>
      <c r="L10" s="106"/>
      <c r="M10" s="106"/>
      <c r="N10" s="106"/>
      <c r="O10" s="106"/>
      <c r="P10" s="106"/>
      <c r="Q10" s="106"/>
      <c r="R10" s="106"/>
    </row>
    <row r="11" spans="1:18" s="13" customFormat="1" ht="30" customHeight="1" thickBot="1">
      <c r="A11" s="99"/>
      <c r="B11" s="100"/>
      <c r="C11" s="100"/>
      <c r="D11" s="96"/>
      <c r="E11" s="96"/>
      <c r="F11" s="96"/>
      <c r="G11" s="100"/>
      <c r="H11" s="100"/>
      <c r="I11" s="100"/>
      <c r="J11" s="94"/>
      <c r="K11" s="78" t="s">
        <v>155</v>
      </c>
      <c r="L11" s="107" t="s">
        <v>156</v>
      </c>
      <c r="M11" s="107"/>
      <c r="N11" s="107"/>
      <c r="O11" s="107"/>
      <c r="P11" s="107"/>
      <c r="Q11" s="107"/>
      <c r="R11" s="107"/>
    </row>
    <row r="12" spans="1:18" s="13" customFormat="1" ht="30" customHeight="1">
      <c r="A12" s="12"/>
      <c r="B12" s="12"/>
      <c r="C12" s="12"/>
      <c r="D12" s="12"/>
      <c r="E12" s="12"/>
      <c r="F12" s="12"/>
      <c r="G12" s="12"/>
      <c r="H12" s="12"/>
      <c r="I12" s="12"/>
      <c r="J12" s="12"/>
      <c r="K12" s="12"/>
      <c r="L12" s="12"/>
      <c r="M12" s="12"/>
    </row>
    <row r="13" spans="1:18" s="13" customFormat="1" ht="30" customHeight="1">
      <c r="A13" s="3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sheetData>
  <mergeCells count="15">
    <mergeCell ref="A6:E6"/>
    <mergeCell ref="F6:J6"/>
    <mergeCell ref="A2:H2"/>
    <mergeCell ref="C3:J3"/>
    <mergeCell ref="A4:A5"/>
    <mergeCell ref="C4:J4"/>
    <mergeCell ref="C5:F5"/>
    <mergeCell ref="K10:R10"/>
    <mergeCell ref="L11:R11"/>
    <mergeCell ref="C7:E7"/>
    <mergeCell ref="H7:J7"/>
    <mergeCell ref="C8:E8"/>
    <mergeCell ref="H8:J8"/>
    <mergeCell ref="C9:E9"/>
    <mergeCell ref="H9:J9"/>
  </mergeCells>
  <phoneticPr fontId="1"/>
  <hyperlinks>
    <hyperlink ref="L11:R11" r:id="rId1" display="（参考リンク）HIVの労災について" xr:uid="{00000000-0004-0000-0E00-000001000000}"/>
    <hyperlink ref="J1" r:id="rId2" xr:uid="{2408C3BF-B1C9-43DD-8FCB-D62A253CF8AF}"/>
  </hyperlinks>
  <pageMargins left="0.7" right="0.7" top="0.75" bottom="0.75" header="0.3" footer="0.3"/>
  <pageSetup paperSize="9" orientation="portrait" r:id="rId3"/>
  <drawing r:id="rId4"/>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tabColor rgb="FFFFFF00"/>
  </sheetPr>
  <dimension ref="A1:R24"/>
  <sheetViews>
    <sheetView view="pageBreakPreview" zoomScaleNormal="100" zoomScaleSheetLayoutView="100" workbookViewId="0">
      <selection activeCell="K11" sqref="K11"/>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2</v>
      </c>
    </row>
    <row r="2" spans="1:18" ht="67.5" customHeight="1" thickBot="1">
      <c r="A2" s="125" t="s">
        <v>34</v>
      </c>
      <c r="B2" s="108"/>
      <c r="C2" s="108"/>
      <c r="D2" s="108"/>
      <c r="E2" s="108"/>
      <c r="F2" s="108"/>
      <c r="G2" s="108"/>
      <c r="H2" s="108"/>
      <c r="I2" s="6" t="s">
        <v>2</v>
      </c>
      <c r="J2" s="34"/>
      <c r="K2" s="8"/>
    </row>
    <row r="3" spans="1:18" s="11" customFormat="1" ht="30" customHeight="1" thickBot="1">
      <c r="A3" s="9" t="s">
        <v>4</v>
      </c>
      <c r="B3" s="10"/>
      <c r="C3" s="109" t="s">
        <v>88</v>
      </c>
      <c r="D3" s="110"/>
      <c r="E3" s="110"/>
      <c r="F3" s="110"/>
      <c r="G3" s="110"/>
      <c r="H3" s="110"/>
      <c r="I3" s="110"/>
      <c r="J3" s="110"/>
    </row>
    <row r="4" spans="1:18" s="13" customFormat="1" ht="30" customHeight="1" thickBot="1">
      <c r="A4" s="126" t="s">
        <v>5</v>
      </c>
      <c r="B4" s="35"/>
      <c r="C4" s="142" t="s">
        <v>35</v>
      </c>
      <c r="D4" s="175"/>
      <c r="E4" s="175"/>
      <c r="F4" s="175"/>
      <c r="G4" s="175"/>
      <c r="H4" s="110"/>
      <c r="I4" s="110"/>
      <c r="J4" s="110"/>
      <c r="K4" s="12"/>
    </row>
    <row r="5" spans="1:18" s="13" customFormat="1" ht="30" customHeight="1" thickBot="1">
      <c r="A5" s="174"/>
      <c r="B5" s="36"/>
      <c r="C5" s="37"/>
      <c r="D5" s="37"/>
      <c r="E5" s="37"/>
      <c r="F5" s="38"/>
      <c r="G5" s="39"/>
      <c r="H5" s="9" t="s">
        <v>7</v>
      </c>
      <c r="I5" s="40" t="s">
        <v>8</v>
      </c>
      <c r="J5" s="41"/>
      <c r="K5" s="12"/>
      <c r="L5" s="12"/>
      <c r="M5" s="12"/>
    </row>
    <row r="6" spans="1:18" s="13" customFormat="1" ht="30" customHeight="1">
      <c r="A6" s="111" t="s">
        <v>49</v>
      </c>
      <c r="B6" s="111"/>
      <c r="C6" s="111"/>
      <c r="D6" s="111"/>
      <c r="E6" s="111"/>
      <c r="F6" s="112" t="s">
        <v>19</v>
      </c>
      <c r="G6" s="112"/>
      <c r="H6" s="112"/>
      <c r="I6" s="112"/>
      <c r="J6" s="112"/>
      <c r="K6" s="12"/>
      <c r="L6" s="12"/>
      <c r="M6" s="12"/>
    </row>
    <row r="7" spans="1:18" s="13" customFormat="1" ht="30" customHeight="1">
      <c r="A7" s="14" t="s">
        <v>11</v>
      </c>
      <c r="B7" s="15"/>
      <c r="C7" s="113" t="s">
        <v>12</v>
      </c>
      <c r="D7" s="114"/>
      <c r="E7" s="114"/>
      <c r="F7" s="16" t="s">
        <v>11</v>
      </c>
      <c r="G7" s="17"/>
      <c r="H7" s="115"/>
      <c r="I7" s="116"/>
      <c r="J7" s="116"/>
      <c r="K7" s="12"/>
      <c r="L7" s="12"/>
      <c r="M7" s="12"/>
    </row>
    <row r="8" spans="1:18" s="13" customFormat="1" ht="46.2" customHeight="1">
      <c r="A8" s="18" t="s">
        <v>13</v>
      </c>
      <c r="B8" s="19"/>
      <c r="C8" s="177" t="s">
        <v>168</v>
      </c>
      <c r="D8" s="118"/>
      <c r="E8" s="118"/>
      <c r="F8" s="20" t="s">
        <v>13</v>
      </c>
      <c r="G8" s="21"/>
      <c r="H8" s="119"/>
      <c r="I8" s="120"/>
      <c r="J8" s="120"/>
      <c r="K8" s="12"/>
      <c r="L8" s="12"/>
      <c r="M8" s="12"/>
    </row>
    <row r="9" spans="1:18" s="13" customFormat="1" ht="30" customHeight="1" thickBot="1">
      <c r="A9" s="22" t="s">
        <v>15</v>
      </c>
      <c r="B9" s="23"/>
      <c r="C9" s="121" t="s">
        <v>75</v>
      </c>
      <c r="D9" s="122"/>
      <c r="E9" s="122"/>
      <c r="F9" s="24" t="s">
        <v>15</v>
      </c>
      <c r="G9" s="25"/>
      <c r="H9" s="123"/>
      <c r="I9" s="124"/>
      <c r="J9" s="124"/>
      <c r="K9" s="12"/>
      <c r="L9" s="12"/>
      <c r="M9" s="12"/>
    </row>
    <row r="10" spans="1:18" s="13" customFormat="1" ht="30" customHeight="1">
      <c r="A10" s="26" t="s">
        <v>16</v>
      </c>
      <c r="B10" s="27"/>
      <c r="C10" s="27"/>
      <c r="D10" s="46" t="s">
        <v>24</v>
      </c>
      <c r="E10" s="46"/>
      <c r="F10" s="46"/>
      <c r="G10" s="27"/>
      <c r="H10" s="27"/>
      <c r="I10" s="27"/>
      <c r="J10" s="45"/>
      <c r="K10" s="105" t="s">
        <v>154</v>
      </c>
      <c r="L10" s="106"/>
      <c r="M10" s="106"/>
      <c r="N10" s="106"/>
      <c r="O10" s="106"/>
      <c r="P10" s="106"/>
      <c r="Q10" s="106"/>
      <c r="R10" s="106"/>
    </row>
    <row r="11" spans="1:18" s="13" customFormat="1" ht="30" customHeight="1" thickBot="1">
      <c r="A11" s="29"/>
      <c r="B11" s="30"/>
      <c r="C11" s="30"/>
      <c r="D11" s="47"/>
      <c r="E11" s="47"/>
      <c r="F11" s="47"/>
      <c r="G11" s="30"/>
      <c r="H11" s="30"/>
      <c r="I11" s="30"/>
      <c r="J11" s="44"/>
      <c r="K11" s="78" t="s">
        <v>155</v>
      </c>
      <c r="L11" s="107" t="s">
        <v>156</v>
      </c>
      <c r="M11" s="107"/>
      <c r="N11" s="107"/>
      <c r="O11" s="107"/>
      <c r="P11" s="107"/>
      <c r="Q11" s="107"/>
      <c r="R11" s="107"/>
    </row>
    <row r="12" spans="1:18" s="13" customFormat="1" ht="30" customHeight="1">
      <c r="A12" s="12"/>
      <c r="B12" s="12"/>
      <c r="C12" s="12"/>
      <c r="D12" s="12"/>
      <c r="E12" s="12"/>
      <c r="F12" s="12"/>
      <c r="G12" s="12"/>
      <c r="H12" s="12"/>
      <c r="I12" s="12"/>
      <c r="J12" s="12"/>
      <c r="K12" s="12"/>
      <c r="L12" s="12"/>
      <c r="M12" s="12"/>
    </row>
    <row r="13" spans="1:18" s="13" customFormat="1" ht="30" customHeight="1">
      <c r="A13" s="3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sheetData>
  <mergeCells count="14">
    <mergeCell ref="A2:H2"/>
    <mergeCell ref="C3:J3"/>
    <mergeCell ref="A4:A5"/>
    <mergeCell ref="C4:J4"/>
    <mergeCell ref="A6:E6"/>
    <mergeCell ref="F6:J6"/>
    <mergeCell ref="K10:R10"/>
    <mergeCell ref="L11:R11"/>
    <mergeCell ref="C7:E7"/>
    <mergeCell ref="H7:J7"/>
    <mergeCell ref="C8:E8"/>
    <mergeCell ref="H8:J8"/>
    <mergeCell ref="C9:E9"/>
    <mergeCell ref="H9:J9"/>
  </mergeCells>
  <phoneticPr fontId="1"/>
  <hyperlinks>
    <hyperlink ref="J1" r:id="rId1" xr:uid="{00000000-0004-0000-0F00-000000000000}"/>
    <hyperlink ref="L11:R11" r:id="rId2" display="（参考リンク）HIVの労災について" xr:uid="{00000000-0004-0000-0F00-000001000000}"/>
  </hyperlinks>
  <pageMargins left="0.7" right="0.7" top="0.75" bottom="0.75" header="0.3" footer="0.3"/>
  <pageSetup paperSize="9" orientation="portrait" r:id="rId3"/>
  <drawing r:id="rId4"/>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tabColor rgb="FFFFFF00"/>
  </sheetPr>
  <dimension ref="A1:R24"/>
  <sheetViews>
    <sheetView view="pageBreakPreview" zoomScaleNormal="100" zoomScaleSheetLayoutView="100" workbookViewId="0">
      <selection activeCell="K11" sqref="K11"/>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2</v>
      </c>
    </row>
    <row r="2" spans="1:18" ht="67.5" customHeight="1" thickBot="1">
      <c r="A2" s="125" t="s">
        <v>36</v>
      </c>
      <c r="B2" s="108"/>
      <c r="C2" s="108"/>
      <c r="D2" s="108"/>
      <c r="E2" s="108"/>
      <c r="F2" s="108"/>
      <c r="G2" s="108"/>
      <c r="H2" s="108"/>
      <c r="I2" s="6" t="s">
        <v>2</v>
      </c>
      <c r="J2" s="34"/>
      <c r="K2" s="8"/>
    </row>
    <row r="3" spans="1:18" s="11" customFormat="1" ht="30" customHeight="1" thickBot="1">
      <c r="A3" s="9" t="s">
        <v>4</v>
      </c>
      <c r="B3" s="10"/>
      <c r="C3" s="109" t="s">
        <v>89</v>
      </c>
      <c r="D3" s="110"/>
      <c r="E3" s="110"/>
      <c r="F3" s="110"/>
      <c r="G3" s="110"/>
      <c r="H3" s="110"/>
      <c r="I3" s="110"/>
      <c r="J3" s="110"/>
    </row>
    <row r="4" spans="1:18" s="13" customFormat="1" ht="30" customHeight="1" thickBot="1">
      <c r="A4" s="126" t="s">
        <v>5</v>
      </c>
      <c r="B4" s="35"/>
      <c r="C4" s="132" t="s">
        <v>150</v>
      </c>
      <c r="D4" s="175"/>
      <c r="E4" s="175"/>
      <c r="F4" s="175"/>
      <c r="G4" s="175"/>
      <c r="H4" s="110"/>
      <c r="I4" s="110"/>
      <c r="J4" s="110"/>
      <c r="K4" s="12"/>
    </row>
    <row r="5" spans="1:18" s="13" customFormat="1" ht="30" customHeight="1" thickBot="1">
      <c r="A5" s="174"/>
      <c r="B5" s="36"/>
      <c r="C5" s="37" t="s">
        <v>151</v>
      </c>
      <c r="D5" s="37"/>
      <c r="E5" s="37"/>
      <c r="F5" s="38"/>
      <c r="G5" s="39"/>
      <c r="H5" s="9" t="s">
        <v>7</v>
      </c>
      <c r="I5" s="40" t="s">
        <v>8</v>
      </c>
      <c r="J5" s="41"/>
      <c r="K5" s="12"/>
      <c r="L5" s="12"/>
      <c r="M5" s="12"/>
    </row>
    <row r="6" spans="1:18" s="13" customFormat="1" ht="30" customHeight="1">
      <c r="A6" s="111" t="s">
        <v>40</v>
      </c>
      <c r="B6" s="111"/>
      <c r="C6" s="111"/>
      <c r="D6" s="111"/>
      <c r="E6" s="111"/>
      <c r="F6" s="112" t="s">
        <v>41</v>
      </c>
      <c r="G6" s="112"/>
      <c r="H6" s="112"/>
      <c r="I6" s="112"/>
      <c r="J6" s="112"/>
      <c r="K6" s="12"/>
      <c r="L6" s="12"/>
      <c r="M6" s="12"/>
    </row>
    <row r="7" spans="1:18" s="13" customFormat="1" ht="30" customHeight="1">
      <c r="A7" s="14" t="s">
        <v>11</v>
      </c>
      <c r="B7" s="15"/>
      <c r="C7" s="113" t="s">
        <v>42</v>
      </c>
      <c r="D7" s="114"/>
      <c r="E7" s="114"/>
      <c r="F7" s="16" t="s">
        <v>11</v>
      </c>
      <c r="G7" s="17"/>
      <c r="H7" s="115" t="s">
        <v>46</v>
      </c>
      <c r="I7" s="116"/>
      <c r="J7" s="116"/>
      <c r="K7" s="12"/>
      <c r="L7" s="12"/>
      <c r="M7" s="12"/>
    </row>
    <row r="8" spans="1:18" s="13" customFormat="1" ht="30" customHeight="1">
      <c r="A8" s="18" t="s">
        <v>13</v>
      </c>
      <c r="B8" s="19"/>
      <c r="C8" s="117" t="s">
        <v>43</v>
      </c>
      <c r="D8" s="118"/>
      <c r="E8" s="118"/>
      <c r="F8" s="20" t="s">
        <v>13</v>
      </c>
      <c r="G8" s="21"/>
      <c r="H8" s="119" t="s">
        <v>43</v>
      </c>
      <c r="I8" s="120"/>
      <c r="J8" s="120"/>
      <c r="K8" s="12"/>
      <c r="L8" s="12"/>
      <c r="M8" s="12"/>
    </row>
    <row r="9" spans="1:18" s="13" customFormat="1" ht="30" customHeight="1" thickBot="1">
      <c r="A9" s="22" t="s">
        <v>15</v>
      </c>
      <c r="B9" s="23"/>
      <c r="C9" s="121" t="s">
        <v>44</v>
      </c>
      <c r="D9" s="122"/>
      <c r="E9" s="122"/>
      <c r="F9" s="24" t="s">
        <v>15</v>
      </c>
      <c r="G9" s="25"/>
      <c r="H9" s="123" t="s">
        <v>45</v>
      </c>
      <c r="I9" s="124"/>
      <c r="J9" s="124"/>
      <c r="K9" s="12"/>
      <c r="L9" s="12"/>
      <c r="M9" s="12"/>
    </row>
    <row r="10" spans="1:18" s="13" customFormat="1" ht="30" customHeight="1">
      <c r="A10" s="26" t="s">
        <v>16</v>
      </c>
      <c r="B10" s="27"/>
      <c r="C10" s="27"/>
      <c r="D10" s="46" t="s">
        <v>24</v>
      </c>
      <c r="E10" s="46"/>
      <c r="F10" s="46"/>
      <c r="G10" s="27"/>
      <c r="H10" s="27"/>
      <c r="I10" s="27"/>
      <c r="J10" s="45"/>
      <c r="K10" s="105" t="s">
        <v>154</v>
      </c>
      <c r="L10" s="106"/>
      <c r="M10" s="106"/>
      <c r="N10" s="106"/>
      <c r="O10" s="106"/>
      <c r="P10" s="106"/>
      <c r="Q10" s="106"/>
      <c r="R10" s="106"/>
    </row>
    <row r="11" spans="1:18" s="13" customFormat="1" ht="30" customHeight="1" thickBot="1">
      <c r="A11" s="29"/>
      <c r="B11" s="30"/>
      <c r="C11" s="30"/>
      <c r="D11" s="47"/>
      <c r="E11" s="47"/>
      <c r="F11" s="47"/>
      <c r="G11" s="30"/>
      <c r="H11" s="30"/>
      <c r="I11" s="30"/>
      <c r="J11" s="44"/>
      <c r="K11" s="78" t="s">
        <v>155</v>
      </c>
      <c r="L11" s="107" t="s">
        <v>156</v>
      </c>
      <c r="M11" s="107"/>
      <c r="N11" s="107"/>
      <c r="O11" s="107"/>
      <c r="P11" s="107"/>
      <c r="Q11" s="107"/>
      <c r="R11" s="107"/>
    </row>
    <row r="12" spans="1:18" s="13" customFormat="1" ht="30" customHeight="1">
      <c r="A12" s="12"/>
      <c r="B12" s="12"/>
      <c r="C12" s="12"/>
      <c r="D12" s="12"/>
      <c r="E12" s="12"/>
      <c r="F12" s="12"/>
      <c r="G12" s="12"/>
      <c r="H12" s="12"/>
      <c r="I12" s="12"/>
      <c r="J12" s="12"/>
      <c r="K12" s="12"/>
      <c r="L12" s="12"/>
      <c r="M12" s="12"/>
    </row>
    <row r="13" spans="1:18" s="13" customFormat="1" ht="30" customHeight="1">
      <c r="A13" s="3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sheetData>
  <mergeCells count="14">
    <mergeCell ref="A2:H2"/>
    <mergeCell ref="C3:J3"/>
    <mergeCell ref="A4:A5"/>
    <mergeCell ref="C4:J4"/>
    <mergeCell ref="A6:E6"/>
    <mergeCell ref="F6:J6"/>
    <mergeCell ref="K10:R10"/>
    <mergeCell ref="L11:R11"/>
    <mergeCell ref="C7:E7"/>
    <mergeCell ref="H7:J7"/>
    <mergeCell ref="C8:E8"/>
    <mergeCell ref="H8:J8"/>
    <mergeCell ref="C9:E9"/>
    <mergeCell ref="H9:J9"/>
  </mergeCells>
  <phoneticPr fontId="1"/>
  <hyperlinks>
    <hyperlink ref="J1" r:id="rId1" xr:uid="{00000000-0004-0000-1000-000000000000}"/>
    <hyperlink ref="L11:R11" r:id="rId2" display="（参考リンク）HIVの労災について" xr:uid="{00000000-0004-0000-1000-000001000000}"/>
  </hyperlinks>
  <pageMargins left="0.7" right="0.7" top="0.75" bottom="0.75" header="0.3" footer="0.3"/>
  <pageSetup paperSize="9" orientation="portrait" r:id="rId3"/>
  <drawing r:id="rId4"/>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tabColor rgb="FFFFFF00"/>
    <pageSetUpPr fitToPage="1"/>
  </sheetPr>
  <dimension ref="A1:R24"/>
  <sheetViews>
    <sheetView view="pageBreakPreview" zoomScaleNormal="100" zoomScaleSheetLayoutView="100" workbookViewId="0">
      <selection activeCell="K10" sqref="K10:R10"/>
    </sheetView>
  </sheetViews>
  <sheetFormatPr defaultRowHeight="13.2"/>
  <cols>
    <col min="1" max="1" width="10.6640625" customWidth="1"/>
    <col min="2" max="2" width="1.6640625" customWidth="1"/>
    <col min="3" max="6" width="10.6640625" customWidth="1"/>
    <col min="7" max="7" width="1.6640625" customWidth="1"/>
    <col min="8" max="9" width="10.6640625" customWidth="1"/>
    <col min="10" max="10" width="11.77734375" customWidth="1"/>
    <col min="11" max="11" width="10.6640625" customWidth="1"/>
  </cols>
  <sheetData>
    <row r="1" spans="1:18" s="5" customFormat="1" ht="20.100000000000001" customHeight="1" thickBot="1">
      <c r="A1" s="3" t="s">
        <v>0</v>
      </c>
      <c r="B1" s="3"/>
      <c r="C1" s="4"/>
      <c r="D1" s="4"/>
      <c r="E1" s="4"/>
      <c r="F1" s="4"/>
      <c r="G1" s="4"/>
      <c r="H1" s="4"/>
      <c r="I1" s="4"/>
      <c r="J1" s="43" t="s">
        <v>22</v>
      </c>
    </row>
    <row r="2" spans="1:18" ht="67.5" customHeight="1" thickBot="1">
      <c r="A2" s="125" t="s">
        <v>37</v>
      </c>
      <c r="B2" s="108"/>
      <c r="C2" s="108"/>
      <c r="D2" s="108"/>
      <c r="E2" s="108"/>
      <c r="F2" s="108"/>
      <c r="G2" s="108"/>
      <c r="H2" s="108"/>
      <c r="I2" s="6" t="s">
        <v>2</v>
      </c>
      <c r="J2" s="34"/>
      <c r="K2" s="8"/>
    </row>
    <row r="3" spans="1:18" s="11" customFormat="1" ht="30" customHeight="1" thickBot="1">
      <c r="A3" s="9" t="s">
        <v>4</v>
      </c>
      <c r="B3" s="10"/>
      <c r="C3" s="109" t="s">
        <v>90</v>
      </c>
      <c r="D3" s="110"/>
      <c r="E3" s="110"/>
      <c r="F3" s="110"/>
      <c r="G3" s="110"/>
      <c r="H3" s="110"/>
      <c r="I3" s="110"/>
      <c r="J3" s="110"/>
    </row>
    <row r="4" spans="1:18" s="13" customFormat="1" ht="40.5" customHeight="1">
      <c r="A4" s="133" t="s">
        <v>5</v>
      </c>
      <c r="B4" s="35"/>
      <c r="C4" s="131" t="s">
        <v>152</v>
      </c>
      <c r="D4" s="131"/>
      <c r="E4" s="131"/>
      <c r="F4" s="131"/>
      <c r="G4" s="131"/>
      <c r="H4" s="131"/>
      <c r="I4" s="131"/>
      <c r="J4" s="132"/>
      <c r="K4" s="12"/>
    </row>
    <row r="5" spans="1:18" s="13" customFormat="1" ht="30" customHeight="1" thickBot="1">
      <c r="A5" s="134"/>
      <c r="B5" s="36"/>
      <c r="C5" s="180"/>
      <c r="D5" s="180"/>
      <c r="E5" s="180"/>
      <c r="F5" s="180"/>
      <c r="G5" s="180"/>
      <c r="H5" s="180"/>
      <c r="I5" s="180"/>
      <c r="J5" s="181"/>
      <c r="K5" s="12"/>
      <c r="L5" s="12"/>
      <c r="M5" s="12"/>
    </row>
    <row r="6" spans="1:18" s="13" customFormat="1" ht="30" customHeight="1">
      <c r="A6" s="111" t="s">
        <v>9</v>
      </c>
      <c r="B6" s="111"/>
      <c r="C6" s="111"/>
      <c r="D6" s="111"/>
      <c r="E6" s="111"/>
      <c r="F6" s="112" t="s">
        <v>10</v>
      </c>
      <c r="G6" s="112"/>
      <c r="H6" s="112"/>
      <c r="I6" s="112"/>
      <c r="J6" s="112"/>
      <c r="K6" s="12"/>
      <c r="L6" s="12"/>
      <c r="M6" s="12"/>
    </row>
    <row r="7" spans="1:18" s="13" customFormat="1" ht="30" customHeight="1">
      <c r="A7" s="14" t="s">
        <v>11</v>
      </c>
      <c r="B7" s="15"/>
      <c r="C7" s="113" t="s">
        <v>42</v>
      </c>
      <c r="D7" s="114"/>
      <c r="E7" s="114"/>
      <c r="F7" s="16" t="s">
        <v>11</v>
      </c>
      <c r="G7" s="17"/>
      <c r="H7" s="115" t="s">
        <v>46</v>
      </c>
      <c r="I7" s="116"/>
      <c r="J7" s="116"/>
      <c r="K7" s="12"/>
      <c r="L7" s="12"/>
      <c r="M7" s="12"/>
    </row>
    <row r="8" spans="1:18" s="13" customFormat="1" ht="30" customHeight="1">
      <c r="A8" s="18" t="s">
        <v>13</v>
      </c>
      <c r="B8" s="19"/>
      <c r="C8" s="117" t="s">
        <v>47</v>
      </c>
      <c r="D8" s="118"/>
      <c r="E8" s="118"/>
      <c r="F8" s="20" t="s">
        <v>13</v>
      </c>
      <c r="G8" s="21"/>
      <c r="H8" s="119" t="s">
        <v>47</v>
      </c>
      <c r="I8" s="120"/>
      <c r="J8" s="120"/>
      <c r="K8" s="12"/>
      <c r="L8" s="12"/>
      <c r="M8" s="12"/>
    </row>
    <row r="9" spans="1:18" s="13" customFormat="1" ht="30" customHeight="1" thickBot="1">
      <c r="A9" s="22" t="s">
        <v>15</v>
      </c>
      <c r="B9" s="23"/>
      <c r="C9" s="121" t="s">
        <v>44</v>
      </c>
      <c r="D9" s="122"/>
      <c r="E9" s="122"/>
      <c r="F9" s="24" t="s">
        <v>15</v>
      </c>
      <c r="G9" s="93"/>
      <c r="H9" s="178" t="s">
        <v>48</v>
      </c>
      <c r="I9" s="178"/>
      <c r="J9" s="179"/>
      <c r="K9" s="12"/>
      <c r="L9" s="12"/>
      <c r="M9" s="12"/>
    </row>
    <row r="10" spans="1:18" s="13" customFormat="1" ht="30" customHeight="1">
      <c r="A10" s="26" t="s">
        <v>16</v>
      </c>
      <c r="B10" s="27"/>
      <c r="C10" s="27"/>
      <c r="D10" s="46" t="s">
        <v>24</v>
      </c>
      <c r="E10" s="46"/>
      <c r="F10" s="46"/>
      <c r="G10" s="27"/>
      <c r="H10" s="27"/>
      <c r="I10" s="27"/>
      <c r="J10" s="45"/>
      <c r="K10" s="105" t="s">
        <v>154</v>
      </c>
      <c r="L10" s="106"/>
      <c r="M10" s="106"/>
      <c r="N10" s="106"/>
      <c r="O10" s="106"/>
      <c r="P10" s="106"/>
      <c r="Q10" s="106"/>
      <c r="R10" s="106"/>
    </row>
    <row r="11" spans="1:18" s="13" customFormat="1" ht="30" customHeight="1" thickBot="1">
      <c r="A11" s="29"/>
      <c r="B11" s="30"/>
      <c r="C11" s="30"/>
      <c r="D11" s="47"/>
      <c r="E11" s="47"/>
      <c r="F11" s="47"/>
      <c r="G11" s="30"/>
      <c r="H11" s="30"/>
      <c r="I11" s="30"/>
      <c r="J11" s="44"/>
      <c r="K11" s="78" t="s">
        <v>155</v>
      </c>
      <c r="L11" s="107" t="s">
        <v>156</v>
      </c>
      <c r="M11" s="107"/>
      <c r="N11" s="107"/>
      <c r="O11" s="107"/>
      <c r="P11" s="107"/>
      <c r="Q11" s="107"/>
      <c r="R11" s="107"/>
    </row>
    <row r="12" spans="1:18" s="13" customFormat="1" ht="30" customHeight="1">
      <c r="A12" s="12"/>
      <c r="B12" s="12"/>
      <c r="C12" s="12"/>
      <c r="D12" s="12"/>
      <c r="E12" s="12"/>
      <c r="F12" s="12"/>
      <c r="G12" s="12"/>
      <c r="H12" s="12"/>
      <c r="I12" s="12"/>
      <c r="J12" s="12"/>
      <c r="K12" s="12"/>
      <c r="L12" s="12"/>
      <c r="M12" s="12"/>
    </row>
    <row r="13" spans="1:18" s="13" customFormat="1" ht="30" customHeight="1">
      <c r="A13" s="3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sheetData>
  <mergeCells count="14">
    <mergeCell ref="A2:H2"/>
    <mergeCell ref="C3:J3"/>
    <mergeCell ref="A4:A5"/>
    <mergeCell ref="A6:E6"/>
    <mergeCell ref="F6:J6"/>
    <mergeCell ref="C4:J5"/>
    <mergeCell ref="K10:R10"/>
    <mergeCell ref="L11:R11"/>
    <mergeCell ref="C7:E7"/>
    <mergeCell ref="H7:J7"/>
    <mergeCell ref="C8:E8"/>
    <mergeCell ref="H8:J8"/>
    <mergeCell ref="C9:E9"/>
    <mergeCell ref="H9:J9"/>
  </mergeCells>
  <phoneticPr fontId="1"/>
  <hyperlinks>
    <hyperlink ref="J1" r:id="rId1" xr:uid="{00000000-0004-0000-1100-000000000000}"/>
    <hyperlink ref="L11:R11" r:id="rId2" display="（参考リンク）HIVの労災について" xr:uid="{00000000-0004-0000-1100-000001000000}"/>
  </hyperlinks>
  <pageMargins left="0.7" right="0.7" top="0.75" bottom="0.75" header="0.3" footer="0.3"/>
  <pageSetup paperSize="9" scale="98" orientation="portrait" r:id="rId3"/>
  <drawing r:id="rId4"/>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tabColor rgb="FFFFFF00"/>
  </sheetPr>
  <dimension ref="A1:R24"/>
  <sheetViews>
    <sheetView view="pageBreakPreview" zoomScaleNormal="100" zoomScaleSheetLayoutView="100" workbookViewId="0">
      <selection activeCell="L23" sqref="L23"/>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2</v>
      </c>
    </row>
    <row r="2" spans="1:18" ht="67.5" customHeight="1" thickBot="1">
      <c r="A2" s="182" t="s">
        <v>38</v>
      </c>
      <c r="B2" s="183"/>
      <c r="C2" s="183"/>
      <c r="D2" s="183"/>
      <c r="E2" s="183"/>
      <c r="F2" s="183"/>
      <c r="G2" s="183"/>
      <c r="H2" s="184"/>
      <c r="I2" s="6" t="s">
        <v>2</v>
      </c>
      <c r="J2" s="34"/>
      <c r="K2" s="8"/>
    </row>
    <row r="3" spans="1:18" s="11" customFormat="1" ht="30" customHeight="1" thickBot="1">
      <c r="A3" s="9" t="s">
        <v>4</v>
      </c>
      <c r="B3" s="10"/>
      <c r="C3" s="109" t="s">
        <v>91</v>
      </c>
      <c r="D3" s="110"/>
      <c r="E3" s="110"/>
      <c r="F3" s="110"/>
      <c r="G3" s="110"/>
      <c r="H3" s="110"/>
      <c r="I3" s="110"/>
      <c r="J3" s="110"/>
    </row>
    <row r="4" spans="1:18" s="13" customFormat="1" ht="30" customHeight="1" thickBot="1">
      <c r="A4" s="126" t="s">
        <v>5</v>
      </c>
      <c r="B4" s="35"/>
      <c r="C4" s="142" t="s">
        <v>39</v>
      </c>
      <c r="D4" s="175"/>
      <c r="E4" s="175"/>
      <c r="F4" s="175"/>
      <c r="G4" s="175"/>
      <c r="H4" s="110"/>
      <c r="I4" s="110"/>
      <c r="J4" s="110"/>
      <c r="K4" s="12"/>
    </row>
    <row r="5" spans="1:18" s="13" customFormat="1" ht="30" customHeight="1" thickBot="1">
      <c r="A5" s="174"/>
      <c r="B5" s="36"/>
      <c r="C5" s="37"/>
      <c r="D5" s="37"/>
      <c r="E5" s="37"/>
      <c r="F5" s="38"/>
      <c r="G5" s="39"/>
      <c r="H5" s="9" t="s">
        <v>7</v>
      </c>
      <c r="I5" s="40" t="s">
        <v>8</v>
      </c>
      <c r="J5" s="41"/>
      <c r="K5" s="12"/>
      <c r="L5" s="12"/>
      <c r="M5" s="12"/>
    </row>
    <row r="6" spans="1:18" s="13" customFormat="1" ht="30" customHeight="1">
      <c r="A6" s="111" t="s">
        <v>49</v>
      </c>
      <c r="B6" s="111"/>
      <c r="C6" s="111"/>
      <c r="D6" s="111"/>
      <c r="E6" s="111"/>
      <c r="F6" s="112" t="s">
        <v>19</v>
      </c>
      <c r="G6" s="112"/>
      <c r="H6" s="112"/>
      <c r="I6" s="112"/>
      <c r="J6" s="112"/>
      <c r="K6" s="12"/>
      <c r="L6" s="12"/>
      <c r="M6" s="12"/>
    </row>
    <row r="7" spans="1:18" s="13" customFormat="1" ht="30" customHeight="1">
      <c r="A7" s="14" t="s">
        <v>11</v>
      </c>
      <c r="B7" s="15"/>
      <c r="C7" s="113" t="s">
        <v>42</v>
      </c>
      <c r="D7" s="114"/>
      <c r="E7" s="114"/>
      <c r="F7" s="16" t="s">
        <v>11</v>
      </c>
      <c r="G7" s="17"/>
      <c r="H7" s="115" t="s">
        <v>46</v>
      </c>
      <c r="I7" s="116"/>
      <c r="J7" s="116"/>
      <c r="K7" s="12"/>
      <c r="L7" s="12"/>
      <c r="M7" s="12"/>
    </row>
    <row r="8" spans="1:18" s="13" customFormat="1" ht="30" customHeight="1">
      <c r="A8" s="18" t="s">
        <v>13</v>
      </c>
      <c r="B8" s="19"/>
      <c r="C8" s="117" t="s">
        <v>56</v>
      </c>
      <c r="D8" s="118"/>
      <c r="E8" s="118"/>
      <c r="F8" s="20" t="s">
        <v>13</v>
      </c>
      <c r="G8" s="21"/>
      <c r="H8" s="119" t="s">
        <v>55</v>
      </c>
      <c r="I8" s="120"/>
      <c r="J8" s="120"/>
      <c r="K8" s="12"/>
      <c r="L8" s="12"/>
      <c r="M8" s="12"/>
    </row>
    <row r="9" spans="1:18" s="13" customFormat="1" ht="30" customHeight="1" thickBot="1">
      <c r="A9" s="22" t="s">
        <v>15</v>
      </c>
      <c r="B9" s="23"/>
      <c r="C9" s="121" t="s">
        <v>153</v>
      </c>
      <c r="D9" s="122"/>
      <c r="E9" s="122"/>
      <c r="F9" s="24" t="s">
        <v>15</v>
      </c>
      <c r="G9" s="25"/>
      <c r="H9" s="123" t="s">
        <v>57</v>
      </c>
      <c r="I9" s="124"/>
      <c r="J9" s="124"/>
      <c r="K9" s="12"/>
      <c r="L9" s="12"/>
      <c r="M9" s="12"/>
    </row>
    <row r="10" spans="1:18" s="13" customFormat="1" ht="30" customHeight="1">
      <c r="A10" s="26" t="s">
        <v>16</v>
      </c>
      <c r="B10" s="27"/>
      <c r="C10" s="27"/>
      <c r="D10" s="46" t="s">
        <v>24</v>
      </c>
      <c r="E10" s="46"/>
      <c r="F10" s="46"/>
      <c r="G10" s="27"/>
      <c r="H10" s="27"/>
      <c r="I10" s="27"/>
      <c r="J10" s="45"/>
      <c r="K10" s="105" t="s">
        <v>154</v>
      </c>
      <c r="L10" s="106"/>
      <c r="M10" s="106"/>
      <c r="N10" s="106"/>
      <c r="O10" s="106"/>
      <c r="P10" s="106"/>
      <c r="Q10" s="106"/>
      <c r="R10" s="106"/>
    </row>
    <row r="11" spans="1:18" s="13" customFormat="1" ht="30" customHeight="1" thickBot="1">
      <c r="A11" s="29"/>
      <c r="B11" s="30"/>
      <c r="C11" s="30"/>
      <c r="D11" s="47"/>
      <c r="E11" s="47"/>
      <c r="F11" s="47"/>
      <c r="G11" s="30"/>
      <c r="H11" s="30"/>
      <c r="I11" s="30"/>
      <c r="J11" s="44"/>
      <c r="K11" s="78" t="s">
        <v>155</v>
      </c>
      <c r="L11" s="107" t="s">
        <v>156</v>
      </c>
      <c r="M11" s="107"/>
      <c r="N11" s="107"/>
      <c r="O11" s="107"/>
      <c r="P11" s="107"/>
      <c r="Q11" s="107"/>
      <c r="R11" s="107"/>
    </row>
    <row r="12" spans="1:18" s="13" customFormat="1" ht="30" customHeight="1">
      <c r="A12" s="12"/>
      <c r="B12" s="12"/>
      <c r="C12" s="12"/>
      <c r="D12" s="12"/>
      <c r="E12" s="12"/>
      <c r="F12" s="12"/>
      <c r="G12" s="12"/>
      <c r="H12" s="12"/>
      <c r="I12" s="12"/>
      <c r="J12" s="12"/>
      <c r="K12" s="12"/>
      <c r="L12" s="12"/>
      <c r="M12" s="12"/>
    </row>
    <row r="13" spans="1:18" s="13" customFormat="1" ht="30" customHeight="1">
      <c r="A13" s="32"/>
      <c r="B13" s="12"/>
      <c r="C13" s="12"/>
      <c r="D13" s="12"/>
      <c r="E13" s="12"/>
      <c r="F13" s="12"/>
      <c r="G13" s="12"/>
      <c r="H13" s="51"/>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50"/>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sheetData>
  <mergeCells count="14">
    <mergeCell ref="A2:H2"/>
    <mergeCell ref="C3:J3"/>
    <mergeCell ref="A4:A5"/>
    <mergeCell ref="C4:J4"/>
    <mergeCell ref="A6:E6"/>
    <mergeCell ref="F6:J6"/>
    <mergeCell ref="K10:R10"/>
    <mergeCell ref="L11:R11"/>
    <mergeCell ref="C7:E7"/>
    <mergeCell ref="H7:J7"/>
    <mergeCell ref="C8:E8"/>
    <mergeCell ref="H8:J8"/>
    <mergeCell ref="C9:E9"/>
    <mergeCell ref="H9:J9"/>
  </mergeCells>
  <phoneticPr fontId="1"/>
  <hyperlinks>
    <hyperlink ref="J1" r:id="rId1" xr:uid="{00000000-0004-0000-1200-000000000000}"/>
    <hyperlink ref="L11:R11" r:id="rId2" display="（参考リンク）HIVの労災について" xr:uid="{00000000-0004-0000-1200-000001000000}"/>
  </hyperlinks>
  <pageMargins left="0.7" right="0.7" top="0.75" bottom="0.75" header="0.3" footer="0.3"/>
  <pageSetup paperSize="9" orientation="portrait" r:id="rId3"/>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FF00"/>
  </sheetPr>
  <dimension ref="A1:R29"/>
  <sheetViews>
    <sheetView view="pageBreakPreview" zoomScaleNormal="100" zoomScaleSheetLayoutView="100" workbookViewId="0">
      <selection activeCell="F12" sqref="F12"/>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1</v>
      </c>
    </row>
    <row r="2" spans="1:18" ht="67.5" customHeight="1" thickBot="1">
      <c r="A2" s="108" t="s">
        <v>1</v>
      </c>
      <c r="B2" s="108"/>
      <c r="C2" s="108"/>
      <c r="D2" s="108"/>
      <c r="E2" s="108"/>
      <c r="F2" s="108"/>
      <c r="G2" s="108"/>
      <c r="H2" s="108"/>
      <c r="I2" s="6" t="s">
        <v>2</v>
      </c>
      <c r="J2" s="7" t="s">
        <v>3</v>
      </c>
      <c r="K2" s="8"/>
    </row>
    <row r="3" spans="1:18" s="11" customFormat="1" ht="30" customHeight="1" thickBot="1">
      <c r="A3" s="9" t="s">
        <v>4</v>
      </c>
      <c r="B3" s="10"/>
      <c r="C3" s="109" t="s">
        <v>81</v>
      </c>
      <c r="D3" s="110"/>
      <c r="E3" s="110"/>
      <c r="F3" s="110"/>
      <c r="G3" s="110"/>
      <c r="H3" s="110"/>
      <c r="I3" s="110"/>
      <c r="J3" s="110"/>
    </row>
    <row r="4" spans="1:18" s="13" customFormat="1" ht="30" customHeight="1" thickBot="1">
      <c r="A4" s="9" t="s">
        <v>5</v>
      </c>
      <c r="B4" s="10"/>
      <c r="C4" s="109" t="s">
        <v>6</v>
      </c>
      <c r="D4" s="110"/>
      <c r="E4" s="110"/>
      <c r="F4" s="110"/>
      <c r="G4" s="110"/>
      <c r="H4" s="110"/>
      <c r="I4" s="110"/>
      <c r="J4" s="110"/>
      <c r="K4" s="12"/>
    </row>
    <row r="5" spans="1:18" s="13" customFormat="1" ht="30" customHeight="1" thickBot="1">
      <c r="A5" s="9" t="s">
        <v>7</v>
      </c>
      <c r="B5" s="10"/>
      <c r="C5" s="109" t="s">
        <v>8</v>
      </c>
      <c r="D5" s="110"/>
      <c r="E5" s="110"/>
      <c r="F5" s="110"/>
      <c r="G5" s="110"/>
      <c r="H5" s="110"/>
      <c r="I5" s="110"/>
      <c r="J5" s="110"/>
      <c r="K5" s="12"/>
      <c r="L5" s="12"/>
      <c r="M5" s="12"/>
    </row>
    <row r="6" spans="1:18" s="13" customFormat="1" ht="30" customHeight="1">
      <c r="A6" s="111" t="s">
        <v>49</v>
      </c>
      <c r="B6" s="111"/>
      <c r="C6" s="111"/>
      <c r="D6" s="111"/>
      <c r="E6" s="111"/>
      <c r="F6" s="112" t="s">
        <v>10</v>
      </c>
      <c r="G6" s="112"/>
      <c r="H6" s="112"/>
      <c r="I6" s="112"/>
      <c r="J6" s="112"/>
      <c r="K6" s="12"/>
      <c r="L6" s="12"/>
      <c r="M6" s="12"/>
    </row>
    <row r="7" spans="1:18" s="13" customFormat="1" ht="30" customHeight="1">
      <c r="A7" s="14" t="s">
        <v>11</v>
      </c>
      <c r="B7" s="15"/>
      <c r="C7" s="113" t="s">
        <v>42</v>
      </c>
      <c r="D7" s="114"/>
      <c r="E7" s="114"/>
      <c r="F7" s="16" t="s">
        <v>11</v>
      </c>
      <c r="G7" s="17"/>
      <c r="H7" s="115" t="s">
        <v>46</v>
      </c>
      <c r="I7" s="116"/>
      <c r="J7" s="116"/>
      <c r="K7" s="12"/>
      <c r="L7" s="12"/>
      <c r="M7" s="12"/>
    </row>
    <row r="8" spans="1:18" s="13" customFormat="1" ht="30" customHeight="1">
      <c r="A8" s="18" t="s">
        <v>13</v>
      </c>
      <c r="B8" s="19"/>
      <c r="C8" s="117" t="s">
        <v>50</v>
      </c>
      <c r="D8" s="118"/>
      <c r="E8" s="118"/>
      <c r="F8" s="20" t="s">
        <v>13</v>
      </c>
      <c r="G8" s="21"/>
      <c r="H8" s="119" t="s">
        <v>14</v>
      </c>
      <c r="I8" s="120"/>
      <c r="J8" s="120"/>
      <c r="K8" s="12"/>
      <c r="L8" s="12"/>
      <c r="M8" s="12"/>
    </row>
    <row r="9" spans="1:18" s="13" customFormat="1" ht="30" customHeight="1" thickBot="1">
      <c r="A9" s="22" t="s">
        <v>15</v>
      </c>
      <c r="B9" s="23"/>
      <c r="C9" s="121" t="s">
        <v>51</v>
      </c>
      <c r="D9" s="122"/>
      <c r="E9" s="122"/>
      <c r="F9" s="24" t="s">
        <v>15</v>
      </c>
      <c r="G9" s="25"/>
      <c r="H9" s="123" t="s">
        <v>44</v>
      </c>
      <c r="I9" s="124"/>
      <c r="J9" s="124"/>
      <c r="K9" s="12"/>
      <c r="L9" s="12"/>
      <c r="M9" s="12"/>
    </row>
    <row r="10" spans="1:18" s="13" customFormat="1" ht="30" customHeight="1">
      <c r="A10" s="26" t="s">
        <v>16</v>
      </c>
      <c r="B10" s="27"/>
      <c r="C10" s="27"/>
      <c r="D10" s="80" t="s">
        <v>53</v>
      </c>
      <c r="E10" s="80"/>
      <c r="F10" s="80" t="s">
        <v>54</v>
      </c>
      <c r="G10" s="80"/>
      <c r="H10" s="80"/>
      <c r="I10" s="80"/>
      <c r="J10" s="81"/>
      <c r="K10" s="105" t="s">
        <v>154</v>
      </c>
      <c r="L10" s="106"/>
      <c r="M10" s="106"/>
      <c r="N10" s="106"/>
      <c r="O10" s="106"/>
      <c r="P10" s="106"/>
      <c r="Q10" s="106"/>
      <c r="R10" s="106"/>
    </row>
    <row r="11" spans="1:18" s="13" customFormat="1" ht="30" customHeight="1" thickBot="1">
      <c r="A11" s="29"/>
      <c r="B11" s="30"/>
      <c r="C11" s="30"/>
      <c r="D11" s="84" t="s">
        <v>52</v>
      </c>
      <c r="E11" s="84"/>
      <c r="F11" s="84"/>
      <c r="G11" s="84"/>
      <c r="H11" s="84"/>
      <c r="I11" s="84"/>
      <c r="J11" s="85"/>
      <c r="K11" s="78" t="s">
        <v>155</v>
      </c>
      <c r="L11" s="107" t="s">
        <v>156</v>
      </c>
      <c r="M11" s="107"/>
      <c r="N11" s="107"/>
      <c r="O11" s="107"/>
      <c r="P11" s="107"/>
      <c r="Q11" s="107"/>
      <c r="R11" s="107"/>
    </row>
    <row r="12" spans="1:18" s="13" customFormat="1" ht="30" customHeight="1">
      <c r="A12" s="12"/>
      <c r="B12" s="12"/>
      <c r="C12" s="12"/>
      <c r="D12" s="12"/>
      <c r="E12" s="12"/>
      <c r="F12" s="12"/>
      <c r="G12" s="12"/>
      <c r="H12" s="12"/>
      <c r="I12" s="12"/>
      <c r="J12" s="12"/>
      <c r="K12" s="79"/>
      <c r="L12" s="79"/>
      <c r="M12" s="79"/>
      <c r="N12" s="79"/>
      <c r="O12" s="79"/>
      <c r="P12" s="79"/>
      <c r="Q12" s="79"/>
      <c r="R12" s="79"/>
    </row>
    <row r="13" spans="1:18" s="13" customFormat="1" ht="30" customHeight="1">
      <c r="A13" s="3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s="13" customFormat="1" ht="30" customHeight="1">
      <c r="A16" s="32"/>
      <c r="B16" s="12"/>
      <c r="C16" s="12"/>
      <c r="D16" s="12"/>
      <c r="E16" s="12"/>
      <c r="F16" s="12"/>
      <c r="G16" s="12"/>
      <c r="H16" s="12"/>
      <c r="I16" s="12"/>
      <c r="J16" s="12"/>
      <c r="K16" s="12"/>
      <c r="L16" s="12"/>
      <c r="M16" s="12"/>
    </row>
    <row r="17" spans="1:13" s="13" customFormat="1" ht="30" customHeight="1">
      <c r="A17" s="32"/>
      <c r="B17" s="12"/>
      <c r="C17" s="12"/>
      <c r="D17" s="12"/>
      <c r="E17" s="12"/>
      <c r="F17" s="12"/>
      <c r="G17" s="12"/>
      <c r="H17" s="12"/>
      <c r="I17" s="12"/>
      <c r="J17" s="12"/>
      <c r="K17" s="12"/>
      <c r="L17" s="12"/>
      <c r="M17" s="12"/>
    </row>
    <row r="18" spans="1:13" s="13" customFormat="1" ht="30" customHeight="1">
      <c r="A18" s="32"/>
      <c r="B18" s="12"/>
      <c r="C18" s="12"/>
      <c r="D18" s="12"/>
      <c r="E18" s="12"/>
      <c r="F18" s="12"/>
      <c r="G18" s="12"/>
      <c r="H18" s="12"/>
      <c r="I18" s="12"/>
      <c r="J18" s="12"/>
      <c r="K18" s="12"/>
      <c r="L18" s="12"/>
      <c r="M18" s="12"/>
    </row>
    <row r="19" spans="1:13" s="13" customFormat="1" ht="30" customHeight="1">
      <c r="A19" s="32"/>
      <c r="B19" s="12"/>
      <c r="C19" s="12"/>
      <c r="D19" s="12"/>
      <c r="E19" s="12"/>
      <c r="F19" s="12"/>
      <c r="G19" s="12"/>
      <c r="H19" s="12"/>
      <c r="I19" s="12"/>
      <c r="J19" s="12"/>
      <c r="K19" s="12"/>
      <c r="L19" s="12"/>
      <c r="M19" s="12"/>
    </row>
    <row r="20" spans="1:13" s="13" customFormat="1" ht="30" customHeight="1">
      <c r="A20" s="32"/>
      <c r="B20" s="12"/>
      <c r="C20" s="12"/>
      <c r="D20" s="12"/>
      <c r="E20" s="12"/>
      <c r="F20" s="12"/>
      <c r="G20" s="12"/>
      <c r="H20" s="12"/>
      <c r="I20" s="12"/>
      <c r="J20" s="12"/>
      <c r="K20" s="12"/>
      <c r="L20" s="12"/>
      <c r="M20" s="12"/>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row r="25" spans="1:13" ht="16.2">
      <c r="A25" s="33"/>
      <c r="B25" s="33"/>
      <c r="C25" s="33"/>
      <c r="D25" s="33"/>
      <c r="E25" s="33"/>
      <c r="F25" s="33"/>
      <c r="G25" s="33"/>
      <c r="H25" s="33"/>
      <c r="I25" s="33"/>
      <c r="J25" s="33"/>
      <c r="K25" s="33"/>
      <c r="L25" s="33"/>
      <c r="M25" s="33"/>
    </row>
    <row r="26" spans="1:13" ht="16.2">
      <c r="A26" s="33"/>
      <c r="B26" s="33"/>
      <c r="C26" s="33"/>
      <c r="D26" s="33"/>
      <c r="E26" s="33"/>
      <c r="F26" s="33"/>
      <c r="G26" s="33"/>
      <c r="H26" s="33"/>
      <c r="I26" s="33"/>
      <c r="J26" s="33"/>
      <c r="K26" s="33"/>
      <c r="L26" s="33"/>
      <c r="M26" s="33"/>
    </row>
    <row r="27" spans="1:13" ht="16.2">
      <c r="A27" s="33"/>
      <c r="B27" s="33"/>
      <c r="C27" s="33"/>
      <c r="D27" s="33"/>
      <c r="E27" s="33"/>
      <c r="F27" s="33"/>
      <c r="G27" s="33"/>
      <c r="H27" s="33"/>
      <c r="I27" s="33"/>
      <c r="J27" s="33"/>
      <c r="K27" s="33"/>
      <c r="L27" s="33"/>
      <c r="M27" s="33"/>
    </row>
    <row r="28" spans="1:13" ht="16.2">
      <c r="A28" s="33"/>
      <c r="B28" s="33"/>
      <c r="C28" s="33"/>
      <c r="D28" s="33"/>
      <c r="E28" s="33"/>
      <c r="F28" s="33"/>
      <c r="G28" s="33"/>
      <c r="H28" s="33"/>
      <c r="I28" s="33"/>
      <c r="J28" s="33"/>
      <c r="K28" s="33"/>
      <c r="L28" s="33"/>
      <c r="M28" s="33"/>
    </row>
    <row r="29" spans="1:13" ht="16.2">
      <c r="A29" s="33"/>
      <c r="B29" s="33"/>
      <c r="C29" s="33"/>
      <c r="D29" s="33"/>
      <c r="E29" s="33"/>
      <c r="F29" s="33"/>
      <c r="G29" s="33"/>
      <c r="H29" s="33"/>
      <c r="I29" s="33"/>
      <c r="J29" s="33"/>
      <c r="K29" s="33"/>
      <c r="L29" s="33"/>
      <c r="M29" s="33"/>
    </row>
  </sheetData>
  <mergeCells count="14">
    <mergeCell ref="K10:R10"/>
    <mergeCell ref="L11:R11"/>
    <mergeCell ref="A2:H2"/>
    <mergeCell ref="C3:J3"/>
    <mergeCell ref="C4:J4"/>
    <mergeCell ref="C5:J5"/>
    <mergeCell ref="A6:E6"/>
    <mergeCell ref="F6:J6"/>
    <mergeCell ref="C7:E7"/>
    <mergeCell ref="H7:J7"/>
    <mergeCell ref="C8:E8"/>
    <mergeCell ref="H8:J8"/>
    <mergeCell ref="C9:E9"/>
    <mergeCell ref="H9:J9"/>
  </mergeCells>
  <phoneticPr fontId="1"/>
  <hyperlinks>
    <hyperlink ref="J1" r:id="rId1" xr:uid="{00000000-0004-0000-0100-000000000000}"/>
    <hyperlink ref="L11:R11" r:id="rId2" display="（参考リンク）HIVの労災について" xr:uid="{00000000-0004-0000-0100-000001000000}"/>
  </hyperlinks>
  <pageMargins left="0.7" right="0.7" top="0.75" bottom="0.75" header="0.3" footer="0.3"/>
  <pageSetup paperSize="9" orientation="portrait" r:id="rId3"/>
  <drawing r:id="rId4"/>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FF00"/>
  </sheetPr>
  <dimension ref="A1:R29"/>
  <sheetViews>
    <sheetView view="pageBreakPreview" zoomScaleNormal="100" zoomScaleSheetLayoutView="100" workbookViewId="0">
      <selection activeCell="K10" sqref="K10"/>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2</v>
      </c>
    </row>
    <row r="2" spans="1:18" ht="67.5" customHeight="1" thickBot="1">
      <c r="A2" s="125" t="s">
        <v>17</v>
      </c>
      <c r="B2" s="108"/>
      <c r="C2" s="108"/>
      <c r="D2" s="108"/>
      <c r="E2" s="108"/>
      <c r="F2" s="108"/>
      <c r="G2" s="108"/>
      <c r="H2" s="108"/>
      <c r="I2" s="6" t="s">
        <v>2</v>
      </c>
      <c r="J2" s="7" t="s">
        <v>3</v>
      </c>
      <c r="K2" s="8"/>
    </row>
    <row r="3" spans="1:18" s="11" customFormat="1" ht="30" customHeight="1" thickBot="1">
      <c r="A3" s="9" t="s">
        <v>4</v>
      </c>
      <c r="B3" s="10"/>
      <c r="C3" s="109" t="s">
        <v>82</v>
      </c>
      <c r="D3" s="110"/>
      <c r="E3" s="110"/>
      <c r="F3" s="110"/>
      <c r="G3" s="110"/>
      <c r="H3" s="110"/>
      <c r="I3" s="110"/>
      <c r="J3" s="110"/>
    </row>
    <row r="4" spans="1:18" s="13" customFormat="1" ht="48.6" customHeight="1" thickBot="1">
      <c r="A4" s="126" t="s">
        <v>5</v>
      </c>
      <c r="B4" s="130" t="s">
        <v>162</v>
      </c>
      <c r="C4" s="131"/>
      <c r="D4" s="131"/>
      <c r="E4" s="131"/>
      <c r="F4" s="131"/>
      <c r="G4" s="131"/>
      <c r="H4" s="131"/>
      <c r="I4" s="131"/>
      <c r="J4" s="132"/>
      <c r="K4" s="12"/>
    </row>
    <row r="5" spans="1:18" s="13" customFormat="1" ht="30" customHeight="1" thickBot="1">
      <c r="A5" s="127"/>
      <c r="B5" s="82"/>
      <c r="C5" s="83"/>
      <c r="D5" s="83"/>
      <c r="E5" s="83"/>
      <c r="F5" s="83"/>
      <c r="G5" s="83"/>
      <c r="H5" s="90" t="s">
        <v>163</v>
      </c>
      <c r="I5" s="128" t="s">
        <v>164</v>
      </c>
      <c r="J5" s="129"/>
      <c r="K5" s="12"/>
      <c r="L5" s="12"/>
      <c r="M5" s="12"/>
    </row>
    <row r="6" spans="1:18" s="13" customFormat="1" ht="30" customHeight="1">
      <c r="A6" s="111" t="s">
        <v>59</v>
      </c>
      <c r="B6" s="111"/>
      <c r="C6" s="111"/>
      <c r="D6" s="111"/>
      <c r="E6" s="111"/>
      <c r="F6" s="112" t="s">
        <v>19</v>
      </c>
      <c r="G6" s="112"/>
      <c r="H6" s="112"/>
      <c r="I6" s="112"/>
      <c r="J6" s="112"/>
      <c r="K6" s="12"/>
      <c r="L6" s="12"/>
      <c r="M6" s="12"/>
    </row>
    <row r="7" spans="1:18" s="13" customFormat="1" ht="30" customHeight="1">
      <c r="A7" s="14" t="s">
        <v>11</v>
      </c>
      <c r="B7" s="15"/>
      <c r="C7" s="113" t="s">
        <v>60</v>
      </c>
      <c r="D7" s="114"/>
      <c r="E7" s="114"/>
      <c r="F7" s="16" t="s">
        <v>11</v>
      </c>
      <c r="G7" s="17"/>
      <c r="H7" s="115" t="s">
        <v>60</v>
      </c>
      <c r="I7" s="116"/>
      <c r="J7" s="116"/>
      <c r="K7" s="12"/>
      <c r="L7" s="12"/>
      <c r="M7" s="12"/>
    </row>
    <row r="8" spans="1:18" s="13" customFormat="1" ht="30" customHeight="1">
      <c r="A8" s="18" t="s">
        <v>13</v>
      </c>
      <c r="B8" s="19"/>
      <c r="C8" s="117" t="s">
        <v>61</v>
      </c>
      <c r="D8" s="118"/>
      <c r="E8" s="118"/>
      <c r="F8" s="20" t="s">
        <v>13</v>
      </c>
      <c r="G8" s="21"/>
      <c r="H8" s="119" t="s">
        <v>63</v>
      </c>
      <c r="I8" s="120"/>
      <c r="J8" s="120"/>
      <c r="K8" s="105" t="s">
        <v>154</v>
      </c>
      <c r="L8" s="106"/>
      <c r="M8" s="106"/>
      <c r="N8" s="106"/>
      <c r="O8" s="106"/>
      <c r="P8" s="106"/>
      <c r="Q8" s="106"/>
      <c r="R8" s="106"/>
    </row>
    <row r="9" spans="1:18" s="13" customFormat="1" ht="30" customHeight="1" thickBot="1">
      <c r="A9" s="22" t="s">
        <v>15</v>
      </c>
      <c r="B9" s="23"/>
      <c r="C9" s="121" t="s">
        <v>136</v>
      </c>
      <c r="D9" s="122"/>
      <c r="E9" s="122"/>
      <c r="F9" s="24" t="s">
        <v>15</v>
      </c>
      <c r="G9" s="25"/>
      <c r="H9" s="123" t="s">
        <v>63</v>
      </c>
      <c r="I9" s="124"/>
      <c r="J9" s="124"/>
      <c r="K9" s="78" t="s">
        <v>155</v>
      </c>
      <c r="L9" s="107" t="s">
        <v>156</v>
      </c>
      <c r="M9" s="107"/>
      <c r="N9" s="107"/>
      <c r="O9" s="107"/>
      <c r="P9" s="107"/>
      <c r="Q9" s="107"/>
      <c r="R9" s="107"/>
    </row>
    <row r="10" spans="1:18" s="13" customFormat="1" ht="30" customHeight="1">
      <c r="A10" s="26" t="s">
        <v>16</v>
      </c>
      <c r="B10" s="27"/>
      <c r="C10" s="27"/>
      <c r="D10" s="46" t="s">
        <v>24</v>
      </c>
      <c r="E10" s="46"/>
      <c r="F10" s="46"/>
      <c r="G10" s="27"/>
      <c r="H10" s="27"/>
      <c r="I10" s="27"/>
      <c r="J10" s="28"/>
      <c r="K10" s="12"/>
      <c r="L10" s="12"/>
      <c r="M10" s="12"/>
    </row>
    <row r="11" spans="1:18" s="13" customFormat="1" ht="30" customHeight="1" thickBot="1">
      <c r="A11" s="29"/>
      <c r="B11" s="30"/>
      <c r="C11" s="30"/>
      <c r="D11" s="47"/>
      <c r="E11" s="47"/>
      <c r="F11" s="47"/>
      <c r="G11" s="30"/>
      <c r="H11" s="30"/>
      <c r="I11" s="30"/>
      <c r="J11" s="31"/>
      <c r="K11" s="12"/>
      <c r="L11" s="12"/>
      <c r="M11" s="12"/>
    </row>
    <row r="12" spans="1:18" s="13" customFormat="1" ht="30" customHeight="1">
      <c r="A12" s="12"/>
      <c r="B12" s="12"/>
      <c r="C12" s="12"/>
      <c r="D12" s="12"/>
      <c r="E12" s="12"/>
      <c r="F12" s="12"/>
      <c r="G12" s="12"/>
      <c r="H12" s="12"/>
      <c r="I12" s="12"/>
      <c r="J12" s="12"/>
      <c r="K12" s="12"/>
      <c r="L12" s="12"/>
      <c r="M12" s="12"/>
    </row>
    <row r="13" spans="1:18" s="13" customFormat="1" ht="30" customHeight="1">
      <c r="A13" s="3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s="13" customFormat="1" ht="30" customHeight="1">
      <c r="A16" s="32"/>
      <c r="B16" s="12"/>
      <c r="C16" s="12"/>
      <c r="D16" s="12"/>
      <c r="E16" s="12"/>
      <c r="F16" s="12"/>
      <c r="G16" s="12"/>
      <c r="H16" s="12"/>
      <c r="I16" s="12"/>
      <c r="J16" s="12"/>
      <c r="K16" s="12"/>
      <c r="L16" s="12"/>
      <c r="M16" s="12"/>
    </row>
    <row r="17" spans="1:13" s="13" customFormat="1" ht="30" customHeight="1">
      <c r="A17" s="32"/>
      <c r="B17" s="12"/>
      <c r="C17" s="12"/>
      <c r="D17" s="12"/>
      <c r="E17" s="12"/>
      <c r="F17" s="12"/>
      <c r="G17" s="12"/>
      <c r="H17" s="12"/>
      <c r="I17" s="12"/>
      <c r="J17" s="12"/>
      <c r="K17" s="12"/>
      <c r="L17" s="12"/>
      <c r="M17" s="12"/>
    </row>
    <row r="18" spans="1:13" s="13" customFormat="1" ht="30" customHeight="1">
      <c r="A18" s="32"/>
      <c r="B18" s="12"/>
      <c r="C18" s="12"/>
      <c r="D18" s="12"/>
      <c r="E18" s="12"/>
      <c r="F18" s="12"/>
      <c r="G18" s="12"/>
      <c r="H18" s="12"/>
      <c r="I18" s="12"/>
      <c r="J18" s="12"/>
      <c r="K18" s="12"/>
      <c r="L18" s="12"/>
      <c r="M18" s="12"/>
    </row>
    <row r="19" spans="1:13" s="13" customFormat="1" ht="30" customHeight="1">
      <c r="A19" s="32"/>
      <c r="B19" s="12"/>
      <c r="C19" s="12"/>
      <c r="D19" s="12"/>
      <c r="E19" s="12"/>
      <c r="F19" s="12"/>
      <c r="G19" s="12"/>
      <c r="H19" s="12"/>
      <c r="I19" s="12"/>
      <c r="J19" s="12"/>
      <c r="K19" s="12"/>
      <c r="L19" s="12"/>
      <c r="M19" s="12"/>
    </row>
    <row r="20" spans="1:13" s="13" customFormat="1" ht="30" customHeight="1">
      <c r="A20" s="32"/>
      <c r="B20" s="12"/>
      <c r="C20" s="12"/>
      <c r="D20" s="12"/>
      <c r="E20" s="12"/>
      <c r="F20" s="12"/>
      <c r="G20" s="12"/>
      <c r="H20" s="12"/>
      <c r="I20" s="12"/>
      <c r="J20" s="12"/>
      <c r="K20" s="12"/>
      <c r="L20" s="12"/>
      <c r="M20" s="12"/>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row r="25" spans="1:13" ht="16.2">
      <c r="A25" s="33"/>
      <c r="B25" s="33"/>
      <c r="C25" s="33"/>
      <c r="D25" s="33"/>
      <c r="E25" s="33"/>
      <c r="F25" s="33"/>
      <c r="G25" s="33"/>
      <c r="H25" s="33"/>
      <c r="I25" s="33"/>
      <c r="J25" s="33"/>
      <c r="K25" s="33"/>
      <c r="L25" s="33"/>
      <c r="M25" s="33"/>
    </row>
    <row r="26" spans="1:13" ht="16.2">
      <c r="A26" s="33"/>
      <c r="B26" s="33"/>
      <c r="C26" s="33"/>
      <c r="D26" s="33"/>
      <c r="E26" s="33"/>
      <c r="F26" s="33"/>
      <c r="G26" s="33"/>
      <c r="H26" s="33"/>
      <c r="I26" s="33"/>
      <c r="J26" s="33"/>
      <c r="K26" s="33"/>
      <c r="L26" s="33"/>
      <c r="M26" s="33"/>
    </row>
    <row r="27" spans="1:13" ht="16.2">
      <c r="A27" s="33"/>
      <c r="B27" s="33"/>
      <c r="C27" s="33"/>
      <c r="D27" s="33"/>
      <c r="E27" s="33"/>
      <c r="F27" s="33"/>
      <c r="G27" s="33"/>
      <c r="H27" s="33"/>
      <c r="I27" s="33"/>
      <c r="J27" s="33"/>
      <c r="K27" s="33"/>
      <c r="L27" s="33"/>
      <c r="M27" s="33"/>
    </row>
    <row r="28" spans="1:13" ht="16.2">
      <c r="A28" s="33"/>
      <c r="B28" s="33"/>
      <c r="C28" s="33"/>
      <c r="D28" s="33"/>
      <c r="E28" s="33"/>
      <c r="F28" s="33"/>
      <c r="G28" s="33"/>
      <c r="H28" s="33"/>
      <c r="I28" s="33"/>
      <c r="J28" s="33"/>
    </row>
    <row r="29" spans="1:13" ht="16.2">
      <c r="A29" s="33"/>
      <c r="B29" s="33"/>
      <c r="C29" s="33"/>
      <c r="D29" s="33"/>
      <c r="E29" s="33"/>
      <c r="F29" s="33"/>
      <c r="G29" s="33"/>
      <c r="H29" s="33"/>
      <c r="I29" s="33"/>
      <c r="J29" s="33"/>
    </row>
  </sheetData>
  <mergeCells count="15">
    <mergeCell ref="K8:R8"/>
    <mergeCell ref="L9:R9"/>
    <mergeCell ref="A2:H2"/>
    <mergeCell ref="C3:J3"/>
    <mergeCell ref="A6:E6"/>
    <mergeCell ref="F6:J6"/>
    <mergeCell ref="A4:A5"/>
    <mergeCell ref="C7:E7"/>
    <mergeCell ref="H7:J7"/>
    <mergeCell ref="C8:E8"/>
    <mergeCell ref="H8:J8"/>
    <mergeCell ref="C9:E9"/>
    <mergeCell ref="H9:J9"/>
    <mergeCell ref="I5:J5"/>
    <mergeCell ref="B4:J4"/>
  </mergeCells>
  <phoneticPr fontId="1"/>
  <hyperlinks>
    <hyperlink ref="J1" r:id="rId1" xr:uid="{00000000-0004-0000-0200-000000000000}"/>
    <hyperlink ref="L9:R9" r:id="rId2" display="（参考リンク）HIVの労災について" xr:uid="{00000000-0004-0000-0200-000001000000}"/>
  </hyperlinks>
  <pageMargins left="0.7" right="0.7" top="0.75" bottom="0.75" header="0.3" footer="0.3"/>
  <pageSetup paperSize="9" orientation="portrait" r:id="rId3"/>
  <drawing r:id="rId4"/>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FFFF00"/>
    <pageSetUpPr fitToPage="1"/>
  </sheetPr>
  <dimension ref="A1:R26"/>
  <sheetViews>
    <sheetView view="pageBreakPreview" zoomScaleNormal="100" zoomScaleSheetLayoutView="100" workbookViewId="0">
      <selection activeCell="K7" sqref="K7"/>
    </sheetView>
  </sheetViews>
  <sheetFormatPr defaultRowHeight="13.2"/>
  <cols>
    <col min="1" max="1" width="10.6640625" customWidth="1"/>
    <col min="2" max="2" width="1.6640625" customWidth="1"/>
    <col min="3" max="6" width="10.6640625" customWidth="1"/>
    <col min="7" max="7" width="1.6640625" customWidth="1"/>
    <col min="8" max="9" width="10.6640625" customWidth="1"/>
    <col min="10" max="10" width="12.5546875" customWidth="1"/>
    <col min="11" max="11" width="10.6640625" customWidth="1"/>
  </cols>
  <sheetData>
    <row r="1" spans="1:18" s="5" customFormat="1" ht="20.100000000000001" customHeight="1" thickBot="1">
      <c r="A1" s="3" t="s">
        <v>0</v>
      </c>
      <c r="B1" s="3"/>
      <c r="C1" s="4"/>
      <c r="D1" s="4"/>
      <c r="E1" s="4"/>
      <c r="F1" s="4"/>
      <c r="G1" s="4"/>
      <c r="H1" s="4"/>
      <c r="I1" s="4"/>
      <c r="J1" s="43" t="s">
        <v>21</v>
      </c>
    </row>
    <row r="2" spans="1:18" ht="67.5" customHeight="1" thickBot="1">
      <c r="A2" s="125" t="s">
        <v>25</v>
      </c>
      <c r="B2" s="125"/>
      <c r="C2" s="125"/>
      <c r="D2" s="125"/>
      <c r="E2" s="125"/>
      <c r="F2" s="125"/>
      <c r="G2" s="125"/>
      <c r="H2" s="125"/>
      <c r="I2" s="6" t="s">
        <v>2</v>
      </c>
      <c r="J2" s="7" t="s">
        <v>3</v>
      </c>
      <c r="K2" s="8"/>
    </row>
    <row r="3" spans="1:18" s="11" customFormat="1" ht="30" customHeight="1" thickBot="1">
      <c r="A3" s="9" t="s">
        <v>4</v>
      </c>
      <c r="B3" s="10"/>
      <c r="C3" s="109" t="s">
        <v>134</v>
      </c>
      <c r="D3" s="110"/>
      <c r="E3" s="110"/>
      <c r="F3" s="110"/>
      <c r="G3" s="110"/>
      <c r="H3" s="110"/>
      <c r="I3" s="110"/>
      <c r="J3" s="110"/>
    </row>
    <row r="4" spans="1:18" s="13" customFormat="1" ht="67.95" customHeight="1">
      <c r="A4" s="133" t="s">
        <v>5</v>
      </c>
      <c r="B4" s="135" t="s">
        <v>135</v>
      </c>
      <c r="C4" s="136"/>
      <c r="D4" s="136"/>
      <c r="E4" s="136"/>
      <c r="F4" s="136"/>
      <c r="G4" s="136"/>
      <c r="H4" s="136"/>
      <c r="I4" s="136"/>
      <c r="J4" s="137"/>
      <c r="K4" s="12"/>
    </row>
    <row r="5" spans="1:18" s="13" customFormat="1" ht="67.95" customHeight="1" thickBot="1">
      <c r="A5" s="134"/>
      <c r="B5" s="138"/>
      <c r="C5" s="139"/>
      <c r="D5" s="139"/>
      <c r="E5" s="139"/>
      <c r="F5" s="139"/>
      <c r="G5" s="139"/>
      <c r="H5" s="139"/>
      <c r="I5" s="139"/>
      <c r="J5" s="140"/>
      <c r="K5" s="12"/>
    </row>
    <row r="6" spans="1:18" s="13" customFormat="1" ht="30" customHeight="1" thickBot="1">
      <c r="A6" s="9" t="s">
        <v>7</v>
      </c>
      <c r="B6" s="10"/>
      <c r="C6" s="109" t="s">
        <v>8</v>
      </c>
      <c r="D6" s="110"/>
      <c r="E6" s="110"/>
      <c r="F6" s="110"/>
      <c r="G6" s="110"/>
      <c r="H6" s="110"/>
      <c r="I6" s="110"/>
      <c r="J6" s="110"/>
      <c r="K6" s="12"/>
      <c r="L6" s="12"/>
      <c r="M6" s="12"/>
    </row>
    <row r="7" spans="1:18" s="13" customFormat="1" ht="30" customHeight="1">
      <c r="A7" s="111" t="s">
        <v>70</v>
      </c>
      <c r="B7" s="111"/>
      <c r="C7" s="111"/>
      <c r="D7" s="111"/>
      <c r="E7" s="111"/>
      <c r="F7" s="112" t="s">
        <v>19</v>
      </c>
      <c r="G7" s="112"/>
      <c r="H7" s="112"/>
      <c r="I7" s="112"/>
      <c r="J7" s="112"/>
      <c r="K7" s="12"/>
      <c r="L7" s="12"/>
      <c r="M7" s="12"/>
    </row>
    <row r="8" spans="1:18" s="13" customFormat="1" ht="30" customHeight="1">
      <c r="A8" s="14" t="s">
        <v>11</v>
      </c>
      <c r="B8" s="185"/>
      <c r="C8" s="113" t="s">
        <v>12</v>
      </c>
      <c r="D8" s="114"/>
      <c r="E8" s="114"/>
      <c r="F8" s="16" t="s">
        <v>11</v>
      </c>
      <c r="G8" s="186"/>
      <c r="H8" s="115" t="s">
        <v>46</v>
      </c>
      <c r="I8" s="116"/>
      <c r="J8" s="116"/>
      <c r="K8" s="105" t="s">
        <v>154</v>
      </c>
      <c r="L8" s="106"/>
      <c r="M8" s="106"/>
      <c r="N8" s="106"/>
      <c r="O8" s="106"/>
      <c r="P8" s="106"/>
      <c r="Q8" s="106"/>
      <c r="R8" s="106"/>
    </row>
    <row r="9" spans="1:18" s="13" customFormat="1" ht="30" customHeight="1">
      <c r="A9" s="18" t="s">
        <v>13</v>
      </c>
      <c r="B9" s="19"/>
      <c r="C9" s="117" t="s">
        <v>169</v>
      </c>
      <c r="D9" s="118"/>
      <c r="E9" s="118"/>
      <c r="F9" s="20" t="s">
        <v>13</v>
      </c>
      <c r="G9" s="21"/>
      <c r="H9" s="119" t="s">
        <v>138</v>
      </c>
      <c r="I9" s="120"/>
      <c r="J9" s="120"/>
      <c r="K9" s="78" t="s">
        <v>155</v>
      </c>
      <c r="L9" s="107" t="s">
        <v>156</v>
      </c>
      <c r="M9" s="107"/>
      <c r="N9" s="107"/>
      <c r="O9" s="107"/>
      <c r="P9" s="107"/>
      <c r="Q9" s="107"/>
      <c r="R9" s="107"/>
    </row>
    <row r="10" spans="1:18" s="13" customFormat="1" ht="30" customHeight="1" thickBot="1">
      <c r="A10" s="22" t="s">
        <v>15</v>
      </c>
      <c r="B10" s="23"/>
      <c r="C10" s="121" t="s">
        <v>73</v>
      </c>
      <c r="D10" s="122"/>
      <c r="E10" s="122"/>
      <c r="F10" s="24" t="s">
        <v>15</v>
      </c>
      <c r="G10" s="25"/>
      <c r="H10" s="123" t="s">
        <v>137</v>
      </c>
      <c r="I10" s="124"/>
      <c r="J10" s="124"/>
      <c r="K10" s="12"/>
      <c r="L10" s="12"/>
      <c r="M10" s="12"/>
    </row>
    <row r="11" spans="1:18" s="13" customFormat="1" ht="30" customHeight="1">
      <c r="A11" s="101" t="s">
        <v>16</v>
      </c>
      <c r="B11" s="97"/>
      <c r="C11" s="97"/>
      <c r="D11" s="95" t="s">
        <v>65</v>
      </c>
      <c r="E11" s="95"/>
      <c r="F11" s="95"/>
      <c r="G11" s="95" t="s">
        <v>139</v>
      </c>
      <c r="H11" s="97"/>
      <c r="I11" s="97"/>
      <c r="J11" s="98"/>
      <c r="K11" s="12"/>
      <c r="L11" s="12"/>
      <c r="M11" s="12"/>
    </row>
    <row r="12" spans="1:18" s="13" customFormat="1" ht="30" customHeight="1" thickBot="1">
      <c r="A12" s="99"/>
      <c r="B12" s="100"/>
      <c r="C12" s="100"/>
      <c r="D12" s="96" t="s">
        <v>74</v>
      </c>
      <c r="E12" s="96"/>
      <c r="F12" s="96"/>
      <c r="G12" s="100"/>
      <c r="H12" s="100"/>
      <c r="I12" s="100"/>
      <c r="J12" s="94"/>
      <c r="K12" s="12"/>
      <c r="L12" s="12"/>
      <c r="M12" s="12"/>
    </row>
    <row r="13" spans="1:18" s="13" customFormat="1" ht="30" customHeight="1">
      <c r="A13" s="1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row r="25" spans="1:13" ht="16.2">
      <c r="A25" s="33"/>
      <c r="B25" s="33"/>
      <c r="C25" s="33"/>
      <c r="D25" s="33"/>
      <c r="E25" s="33"/>
      <c r="F25" s="33"/>
      <c r="G25" s="33"/>
      <c r="H25" s="33"/>
      <c r="I25" s="33"/>
      <c r="J25" s="33"/>
    </row>
    <row r="26" spans="1:13" ht="16.2">
      <c r="A26" s="33"/>
      <c r="B26" s="33"/>
      <c r="C26" s="33"/>
      <c r="D26" s="33"/>
      <c r="E26" s="33"/>
      <c r="F26" s="33"/>
      <c r="G26" s="33"/>
      <c r="H26" s="33"/>
      <c r="I26" s="33"/>
      <c r="J26" s="33"/>
    </row>
  </sheetData>
  <mergeCells count="15">
    <mergeCell ref="C10:E10"/>
    <mergeCell ref="H10:J10"/>
    <mergeCell ref="A2:H2"/>
    <mergeCell ref="C3:J3"/>
    <mergeCell ref="C6:J6"/>
    <mergeCell ref="A7:E7"/>
    <mergeCell ref="F7:J7"/>
    <mergeCell ref="A4:A5"/>
    <mergeCell ref="B4:J5"/>
    <mergeCell ref="K8:R8"/>
    <mergeCell ref="L9:R9"/>
    <mergeCell ref="C8:E8"/>
    <mergeCell ref="H8:J8"/>
    <mergeCell ref="C9:E9"/>
    <mergeCell ref="H9:J9"/>
  </mergeCells>
  <phoneticPr fontId="1"/>
  <hyperlinks>
    <hyperlink ref="L9:R9" r:id="rId1" display="（参考リンク）HIVの労災について" xr:uid="{00000000-0004-0000-0300-000001000000}"/>
    <hyperlink ref="J1" r:id="rId2" xr:uid="{1C487C3B-C0E8-4EA4-AB34-6D26215F4594}"/>
  </hyperlinks>
  <pageMargins left="0.7" right="0.7" top="0.75" bottom="0.75" header="0.3" footer="0.3"/>
  <pageSetup paperSize="9" scale="98" orientation="portrait" r:id="rId3"/>
  <drawing r:id="rId4"/>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FF00"/>
  </sheetPr>
  <dimension ref="A1:R26"/>
  <sheetViews>
    <sheetView view="pageBreakPreview" zoomScaleNormal="100" zoomScaleSheetLayoutView="100" workbookViewId="0">
      <selection activeCell="A16" sqref="A16:XFD20"/>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1</v>
      </c>
    </row>
    <row r="2" spans="1:18" ht="67.5" customHeight="1" thickBot="1">
      <c r="A2" s="125" t="s">
        <v>126</v>
      </c>
      <c r="B2" s="125"/>
      <c r="C2" s="125"/>
      <c r="D2" s="125"/>
      <c r="E2" s="125"/>
      <c r="F2" s="125"/>
      <c r="G2" s="125"/>
      <c r="H2" s="125"/>
      <c r="I2" s="6" t="s">
        <v>2</v>
      </c>
      <c r="J2" s="7" t="s">
        <v>3</v>
      </c>
      <c r="K2" s="8"/>
    </row>
    <row r="3" spans="1:18" s="11" customFormat="1" ht="30" customHeight="1" thickBot="1">
      <c r="A3" s="9" t="s">
        <v>4</v>
      </c>
      <c r="B3" s="10"/>
      <c r="C3" s="109" t="s">
        <v>133</v>
      </c>
      <c r="D3" s="110"/>
      <c r="E3" s="110"/>
      <c r="F3" s="110"/>
      <c r="G3" s="110"/>
      <c r="H3" s="110"/>
      <c r="I3" s="110"/>
      <c r="J3" s="110"/>
    </row>
    <row r="4" spans="1:18" s="13" customFormat="1" ht="30" customHeight="1">
      <c r="A4" s="133" t="s">
        <v>93</v>
      </c>
      <c r="B4" s="130" t="s">
        <v>132</v>
      </c>
      <c r="C4" s="141"/>
      <c r="D4" s="141"/>
      <c r="E4" s="141"/>
      <c r="F4" s="141"/>
      <c r="G4" s="141"/>
      <c r="H4" s="141"/>
      <c r="I4" s="141"/>
      <c r="J4" s="142"/>
      <c r="K4" s="12"/>
    </row>
    <row r="5" spans="1:18" s="13" customFormat="1" ht="30" customHeight="1" thickBot="1">
      <c r="A5" s="134"/>
      <c r="B5" s="143"/>
      <c r="C5" s="144"/>
      <c r="D5" s="144"/>
      <c r="E5" s="144"/>
      <c r="F5" s="144"/>
      <c r="G5" s="144"/>
      <c r="H5" s="144"/>
      <c r="I5" s="144"/>
      <c r="J5" s="121"/>
      <c r="K5" s="12"/>
    </row>
    <row r="6" spans="1:18" s="13" customFormat="1" ht="30" customHeight="1" thickBot="1">
      <c r="A6" s="9" t="s">
        <v>7</v>
      </c>
      <c r="B6" s="10"/>
      <c r="C6" s="109" t="s">
        <v>8</v>
      </c>
      <c r="D6" s="110"/>
      <c r="E6" s="110"/>
      <c r="F6" s="110"/>
      <c r="G6" s="110"/>
      <c r="H6" s="110"/>
      <c r="I6" s="110"/>
      <c r="J6" s="110"/>
      <c r="K6" s="12"/>
      <c r="L6" s="12"/>
      <c r="M6" s="12"/>
    </row>
    <row r="7" spans="1:18" s="13" customFormat="1" ht="30" customHeight="1">
      <c r="A7" s="111" t="s">
        <v>127</v>
      </c>
      <c r="B7" s="111"/>
      <c r="C7" s="111"/>
      <c r="D7" s="111"/>
      <c r="E7" s="111"/>
      <c r="F7" s="112" t="s">
        <v>10</v>
      </c>
      <c r="G7" s="112"/>
      <c r="H7" s="112"/>
      <c r="I7" s="112"/>
      <c r="J7" s="112"/>
      <c r="K7" s="12"/>
      <c r="L7" s="12"/>
      <c r="M7" s="12"/>
    </row>
    <row r="8" spans="1:18" s="13" customFormat="1" ht="30" customHeight="1">
      <c r="A8" s="14" t="s">
        <v>11</v>
      </c>
      <c r="B8" s="15"/>
      <c r="C8" s="113" t="s">
        <v>128</v>
      </c>
      <c r="D8" s="114"/>
      <c r="E8" s="114"/>
      <c r="F8" s="16" t="s">
        <v>11</v>
      </c>
      <c r="G8" s="17"/>
      <c r="H8" s="115" t="s">
        <v>46</v>
      </c>
      <c r="I8" s="116"/>
      <c r="J8" s="116"/>
      <c r="K8" s="12"/>
      <c r="L8" s="12"/>
      <c r="M8" s="12"/>
    </row>
    <row r="9" spans="1:18" s="13" customFormat="1" ht="30" customHeight="1">
      <c r="A9" s="18" t="s">
        <v>13</v>
      </c>
      <c r="B9" s="19"/>
      <c r="C9" s="117" t="s">
        <v>129</v>
      </c>
      <c r="D9" s="118"/>
      <c r="E9" s="118"/>
      <c r="F9" s="20" t="s">
        <v>13</v>
      </c>
      <c r="G9" s="21"/>
      <c r="H9" s="119" t="s">
        <v>131</v>
      </c>
      <c r="I9" s="120"/>
      <c r="J9" s="120"/>
      <c r="K9" s="12"/>
      <c r="L9" s="12"/>
      <c r="M9" s="12"/>
    </row>
    <row r="10" spans="1:18" s="13" customFormat="1" ht="30" customHeight="1" thickBot="1">
      <c r="A10" s="22" t="s">
        <v>15</v>
      </c>
      <c r="B10" s="23"/>
      <c r="C10" s="121" t="s">
        <v>77</v>
      </c>
      <c r="D10" s="122"/>
      <c r="E10" s="122"/>
      <c r="F10" s="24" t="s">
        <v>15</v>
      </c>
      <c r="G10" s="25"/>
      <c r="H10" s="123" t="s">
        <v>130</v>
      </c>
      <c r="I10" s="124"/>
      <c r="J10" s="124"/>
      <c r="K10" s="105" t="s">
        <v>154</v>
      </c>
      <c r="L10" s="106"/>
      <c r="M10" s="106"/>
      <c r="N10" s="106"/>
      <c r="O10" s="106"/>
      <c r="P10" s="106"/>
      <c r="Q10" s="106"/>
      <c r="R10" s="106"/>
    </row>
    <row r="11" spans="1:18" s="13" customFormat="1" ht="30" customHeight="1">
      <c r="A11" s="74" t="s">
        <v>16</v>
      </c>
      <c r="B11" s="75"/>
      <c r="C11" s="75"/>
      <c r="D11" s="72" t="s">
        <v>23</v>
      </c>
      <c r="E11" s="72"/>
      <c r="F11" s="72"/>
      <c r="G11" s="75"/>
      <c r="H11" s="75"/>
      <c r="I11" s="75"/>
      <c r="J11" s="71"/>
      <c r="K11" s="78" t="s">
        <v>155</v>
      </c>
      <c r="L11" s="107" t="s">
        <v>156</v>
      </c>
      <c r="M11" s="107"/>
      <c r="N11" s="107"/>
      <c r="O11" s="107"/>
      <c r="P11" s="107"/>
      <c r="Q11" s="107"/>
      <c r="R11" s="107"/>
    </row>
    <row r="12" spans="1:18" s="13" customFormat="1" ht="30" customHeight="1" thickBot="1">
      <c r="A12" s="76"/>
      <c r="B12" s="77"/>
      <c r="C12" s="77"/>
      <c r="D12" s="73"/>
      <c r="E12" s="73"/>
      <c r="F12" s="73"/>
      <c r="G12" s="77"/>
      <c r="H12" s="77"/>
      <c r="I12" s="77"/>
      <c r="J12" s="70"/>
      <c r="K12" s="12"/>
      <c r="L12" s="12"/>
      <c r="M12" s="12"/>
    </row>
    <row r="13" spans="1:18" s="13" customFormat="1" ht="30" customHeight="1">
      <c r="A13" s="1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row r="25" spans="1:13" ht="16.2">
      <c r="A25" s="33"/>
      <c r="B25" s="33"/>
      <c r="C25" s="33"/>
      <c r="D25" s="33"/>
      <c r="E25" s="33"/>
      <c r="F25" s="33"/>
      <c r="G25" s="33"/>
      <c r="H25" s="33"/>
      <c r="I25" s="33"/>
      <c r="J25" s="33"/>
      <c r="K25" s="33"/>
      <c r="L25" s="33"/>
      <c r="M25" s="33"/>
    </row>
    <row r="26" spans="1:13" ht="16.2">
      <c r="A26" s="33"/>
      <c r="B26" s="33"/>
      <c r="C26" s="33"/>
      <c r="D26" s="33"/>
      <c r="E26" s="33"/>
      <c r="F26" s="33"/>
      <c r="G26" s="33"/>
      <c r="H26" s="33"/>
      <c r="I26" s="33"/>
      <c r="J26" s="33"/>
      <c r="K26" s="33"/>
      <c r="L26" s="33"/>
      <c r="M26" s="33"/>
    </row>
  </sheetData>
  <mergeCells count="15">
    <mergeCell ref="K10:R10"/>
    <mergeCell ref="L11:R11"/>
    <mergeCell ref="A7:E7"/>
    <mergeCell ref="F7:J7"/>
    <mergeCell ref="A2:H2"/>
    <mergeCell ref="C3:J3"/>
    <mergeCell ref="A4:A5"/>
    <mergeCell ref="B4:J5"/>
    <mergeCell ref="C6:J6"/>
    <mergeCell ref="C8:E8"/>
    <mergeCell ref="H8:J8"/>
    <mergeCell ref="C9:E9"/>
    <mergeCell ref="H9:J9"/>
    <mergeCell ref="C10:E10"/>
    <mergeCell ref="H10:J10"/>
  </mergeCells>
  <phoneticPr fontId="1"/>
  <hyperlinks>
    <hyperlink ref="J1" r:id="rId1" xr:uid="{00000000-0004-0000-0400-000000000000}"/>
    <hyperlink ref="L11:R11" r:id="rId2" display="（参考リンク）HIVの労災について" xr:uid="{00000000-0004-0000-0400-000001000000}"/>
  </hyperlinks>
  <pageMargins left="0.7" right="0.7" top="0.75" bottom="0.75" header="0.3" footer="0.3"/>
  <pageSetup paperSize="9" orientation="portrait" r:id="rId3"/>
  <drawing r:id="rId4"/>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FF00"/>
  </sheetPr>
  <dimension ref="A1:R25"/>
  <sheetViews>
    <sheetView view="pageBreakPreview" zoomScaleNormal="100" zoomScaleSheetLayoutView="100" workbookViewId="0">
      <selection activeCell="F23" sqref="F23"/>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1</v>
      </c>
    </row>
    <row r="2" spans="1:18" ht="67.5" customHeight="1" thickBot="1">
      <c r="A2" s="125" t="s">
        <v>26</v>
      </c>
      <c r="B2" s="108"/>
      <c r="C2" s="108"/>
      <c r="D2" s="108"/>
      <c r="E2" s="108"/>
      <c r="F2" s="108"/>
      <c r="G2" s="108"/>
      <c r="H2" s="108"/>
      <c r="I2" s="6" t="s">
        <v>2</v>
      </c>
      <c r="J2" s="7" t="s">
        <v>3</v>
      </c>
      <c r="K2" s="8"/>
    </row>
    <row r="3" spans="1:18" s="11" customFormat="1" ht="30" customHeight="1" thickBot="1">
      <c r="A3" s="9" t="s">
        <v>4</v>
      </c>
      <c r="B3" s="10"/>
      <c r="C3" s="109" t="s">
        <v>83</v>
      </c>
      <c r="D3" s="110"/>
      <c r="E3" s="110"/>
      <c r="F3" s="110"/>
      <c r="G3" s="110"/>
      <c r="H3" s="110"/>
      <c r="I3" s="110"/>
      <c r="J3" s="110"/>
    </row>
    <row r="4" spans="1:18" s="13" customFormat="1" ht="48.75" customHeight="1">
      <c r="A4" s="133" t="s">
        <v>5</v>
      </c>
      <c r="B4" s="135" t="s">
        <v>141</v>
      </c>
      <c r="C4" s="145"/>
      <c r="D4" s="145"/>
      <c r="E4" s="145"/>
      <c r="F4" s="145"/>
      <c r="G4" s="145"/>
      <c r="H4" s="145"/>
      <c r="I4" s="145"/>
      <c r="J4" s="146"/>
      <c r="K4" s="12"/>
    </row>
    <row r="5" spans="1:18" s="13" customFormat="1" ht="30" customHeight="1" thickBot="1">
      <c r="A5" s="134"/>
      <c r="B5" s="147"/>
      <c r="C5" s="148"/>
      <c r="D5" s="148"/>
      <c r="E5" s="148"/>
      <c r="F5" s="148"/>
      <c r="G5" s="148"/>
      <c r="H5" s="148"/>
      <c r="I5" s="148"/>
      <c r="J5" s="149"/>
      <c r="K5" s="12"/>
      <c r="L5" s="12"/>
      <c r="M5" s="12"/>
    </row>
    <row r="6" spans="1:18" s="13" customFormat="1" ht="30" customHeight="1" thickBot="1">
      <c r="A6" s="9" t="s">
        <v>7</v>
      </c>
      <c r="B6" s="10"/>
      <c r="C6" s="109" t="s">
        <v>8</v>
      </c>
      <c r="D6" s="110"/>
      <c r="E6" s="110"/>
      <c r="F6" s="110"/>
      <c r="G6" s="110"/>
      <c r="H6" s="110"/>
      <c r="I6" s="110"/>
      <c r="J6" s="110"/>
      <c r="K6" s="12"/>
      <c r="L6" s="12"/>
      <c r="M6" s="12"/>
    </row>
    <row r="7" spans="1:18" s="13" customFormat="1" ht="30" customHeight="1">
      <c r="A7" s="111" t="s">
        <v>49</v>
      </c>
      <c r="B7" s="111"/>
      <c r="C7" s="111"/>
      <c r="D7" s="111"/>
      <c r="E7" s="111"/>
      <c r="F7" s="112" t="s">
        <v>19</v>
      </c>
      <c r="G7" s="112"/>
      <c r="H7" s="112"/>
      <c r="I7" s="112"/>
      <c r="J7" s="112"/>
      <c r="K7" s="12"/>
      <c r="L7" s="12"/>
      <c r="M7" s="12"/>
    </row>
    <row r="8" spans="1:18" s="13" customFormat="1" ht="30" customHeight="1">
      <c r="A8" s="14" t="s">
        <v>11</v>
      </c>
      <c r="B8" s="15"/>
      <c r="C8" s="113" t="s">
        <v>42</v>
      </c>
      <c r="D8" s="114"/>
      <c r="E8" s="114"/>
      <c r="F8" s="16" t="s">
        <v>11</v>
      </c>
      <c r="G8" s="17"/>
      <c r="H8" s="115" t="s">
        <v>46</v>
      </c>
      <c r="I8" s="116"/>
      <c r="J8" s="116"/>
      <c r="K8" s="12"/>
      <c r="L8" s="12"/>
      <c r="M8" s="12"/>
    </row>
    <row r="9" spans="1:18" s="13" customFormat="1" ht="30" customHeight="1">
      <c r="A9" s="18" t="s">
        <v>13</v>
      </c>
      <c r="B9" s="19"/>
      <c r="C9" s="117" t="s">
        <v>58</v>
      </c>
      <c r="D9" s="118"/>
      <c r="E9" s="118"/>
      <c r="F9" s="20" t="s">
        <v>13</v>
      </c>
      <c r="G9" s="21"/>
      <c r="H9" s="119" t="s">
        <v>58</v>
      </c>
      <c r="I9" s="120"/>
      <c r="J9" s="120"/>
      <c r="K9" s="12"/>
      <c r="L9" s="12"/>
      <c r="M9" s="12"/>
    </row>
    <row r="10" spans="1:18" s="13" customFormat="1" ht="30" customHeight="1" thickBot="1">
      <c r="A10" s="22" t="s">
        <v>15</v>
      </c>
      <c r="B10" s="23"/>
      <c r="C10" s="121" t="s">
        <v>140</v>
      </c>
      <c r="D10" s="122"/>
      <c r="E10" s="122"/>
      <c r="F10" s="24" t="s">
        <v>15</v>
      </c>
      <c r="G10" s="25"/>
      <c r="H10" s="123" t="s">
        <v>76</v>
      </c>
      <c r="I10" s="124"/>
      <c r="J10" s="124"/>
      <c r="K10" s="105" t="s">
        <v>154</v>
      </c>
      <c r="L10" s="106"/>
      <c r="M10" s="106"/>
      <c r="N10" s="106"/>
      <c r="O10" s="106"/>
      <c r="P10" s="106"/>
      <c r="Q10" s="106"/>
      <c r="R10" s="106"/>
    </row>
    <row r="11" spans="1:18" s="13" customFormat="1" ht="30" customHeight="1">
      <c r="A11" s="26" t="s">
        <v>16</v>
      </c>
      <c r="B11" s="27"/>
      <c r="C11" s="27"/>
      <c r="D11" s="46" t="s">
        <v>23</v>
      </c>
      <c r="E11" s="46"/>
      <c r="F11" s="46"/>
      <c r="G11" s="27"/>
      <c r="H11" s="27"/>
      <c r="I11" s="27"/>
      <c r="J11" s="45"/>
      <c r="K11" s="78" t="s">
        <v>155</v>
      </c>
      <c r="L11" s="107" t="s">
        <v>156</v>
      </c>
      <c r="M11" s="107"/>
      <c r="N11" s="107"/>
      <c r="O11" s="107"/>
      <c r="P11" s="107"/>
      <c r="Q11" s="107"/>
      <c r="R11" s="107"/>
    </row>
    <row r="12" spans="1:18" s="13" customFormat="1" ht="30" customHeight="1" thickBot="1">
      <c r="A12" s="29"/>
      <c r="B12" s="30"/>
      <c r="C12" s="30"/>
      <c r="D12" s="47"/>
      <c r="E12" s="47"/>
      <c r="F12" s="47"/>
      <c r="G12" s="30"/>
      <c r="H12" s="30"/>
      <c r="I12" s="30"/>
      <c r="J12" s="44"/>
      <c r="K12" s="12"/>
      <c r="L12" s="12"/>
      <c r="M12" s="12"/>
    </row>
    <row r="13" spans="1:18" s="13" customFormat="1" ht="30" customHeight="1">
      <c r="A13" s="1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row r="25" spans="1:13" ht="16.2">
      <c r="A25" s="33"/>
      <c r="B25" s="33"/>
      <c r="C25" s="33"/>
      <c r="D25" s="33"/>
      <c r="E25" s="33"/>
      <c r="F25" s="33"/>
      <c r="G25" s="33"/>
      <c r="H25" s="33"/>
      <c r="I25" s="33"/>
      <c r="J25" s="33"/>
    </row>
  </sheetData>
  <mergeCells count="15">
    <mergeCell ref="A2:H2"/>
    <mergeCell ref="C3:J3"/>
    <mergeCell ref="C6:J6"/>
    <mergeCell ref="A7:E7"/>
    <mergeCell ref="F7:J7"/>
    <mergeCell ref="A4:A5"/>
    <mergeCell ref="B4:J5"/>
    <mergeCell ref="K10:R10"/>
    <mergeCell ref="L11:R11"/>
    <mergeCell ref="C8:E8"/>
    <mergeCell ref="H8:J8"/>
    <mergeCell ref="C9:E9"/>
    <mergeCell ref="H9:J9"/>
    <mergeCell ref="C10:E10"/>
    <mergeCell ref="H10:J10"/>
  </mergeCells>
  <phoneticPr fontId="1"/>
  <hyperlinks>
    <hyperlink ref="J1" r:id="rId1" xr:uid="{00000000-0004-0000-0500-000000000000}"/>
    <hyperlink ref="L11:R11" r:id="rId2" display="（参考リンク）HIVの労災について" xr:uid="{00000000-0004-0000-0500-000001000000}"/>
  </hyperlinks>
  <pageMargins left="0.7" right="0.7" top="0.75" bottom="0.75" header="0.3" footer="0.3"/>
  <pageSetup paperSize="9" orientation="portrait" r:id="rId3"/>
  <drawing r:id="rId4"/>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FF00"/>
  </sheetPr>
  <dimension ref="A1:R25"/>
  <sheetViews>
    <sheetView view="pageBreakPreview" zoomScaleNormal="100" zoomScaleSheetLayoutView="100" workbookViewId="0">
      <selection activeCell="H22" sqref="H22"/>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1</v>
      </c>
    </row>
    <row r="2" spans="1:18" ht="67.5" customHeight="1" thickBot="1">
      <c r="A2" s="125" t="s">
        <v>27</v>
      </c>
      <c r="B2" s="125"/>
      <c r="C2" s="125"/>
      <c r="D2" s="125"/>
      <c r="E2" s="125"/>
      <c r="F2" s="125"/>
      <c r="G2" s="125"/>
      <c r="H2" s="125"/>
      <c r="I2" s="6" t="s">
        <v>2</v>
      </c>
      <c r="J2" s="7" t="s">
        <v>3</v>
      </c>
      <c r="K2" s="8"/>
    </row>
    <row r="3" spans="1:18" s="11" customFormat="1" ht="30" customHeight="1" thickBot="1">
      <c r="A3" s="9" t="s">
        <v>4</v>
      </c>
      <c r="B3" s="10"/>
      <c r="C3" s="109" t="s">
        <v>84</v>
      </c>
      <c r="D3" s="110"/>
      <c r="E3" s="110"/>
      <c r="F3" s="110"/>
      <c r="G3" s="110"/>
      <c r="H3" s="110"/>
      <c r="I3" s="110"/>
      <c r="J3" s="110"/>
    </row>
    <row r="4" spans="1:18" s="13" customFormat="1" ht="30" customHeight="1">
      <c r="A4" s="133" t="s">
        <v>5</v>
      </c>
      <c r="B4" s="153" t="s">
        <v>28</v>
      </c>
      <c r="C4" s="141"/>
      <c r="D4" s="141"/>
      <c r="E4" s="141"/>
      <c r="F4" s="141"/>
      <c r="G4" s="141"/>
      <c r="H4" s="141"/>
      <c r="I4" s="141"/>
      <c r="J4" s="142"/>
      <c r="K4" s="12"/>
    </row>
    <row r="5" spans="1:18" s="13" customFormat="1" ht="30" customHeight="1" thickBot="1">
      <c r="A5" s="134"/>
      <c r="B5" s="143"/>
      <c r="C5" s="144"/>
      <c r="D5" s="144"/>
      <c r="E5" s="144"/>
      <c r="F5" s="144"/>
      <c r="G5" s="144"/>
      <c r="H5" s="144"/>
      <c r="I5" s="144"/>
      <c r="J5" s="121"/>
      <c r="K5" s="12"/>
    </row>
    <row r="6" spans="1:18" s="13" customFormat="1" ht="30" customHeight="1" thickBot="1">
      <c r="A6" s="9" t="s">
        <v>7</v>
      </c>
      <c r="B6" s="10"/>
      <c r="C6" s="109" t="s">
        <v>8</v>
      </c>
      <c r="D6" s="110"/>
      <c r="E6" s="110"/>
      <c r="F6" s="110"/>
      <c r="G6" s="110"/>
      <c r="H6" s="110"/>
      <c r="I6" s="110"/>
      <c r="J6" s="110"/>
      <c r="K6" s="12"/>
      <c r="L6" s="12"/>
      <c r="M6" s="12"/>
    </row>
    <row r="7" spans="1:18" s="13" customFormat="1" ht="30" customHeight="1">
      <c r="A7" s="111" t="s">
        <v>143</v>
      </c>
      <c r="B7" s="111"/>
      <c r="C7" s="111"/>
      <c r="D7" s="111"/>
      <c r="E7" s="111"/>
      <c r="F7" s="112" t="s">
        <v>10</v>
      </c>
      <c r="G7" s="112"/>
      <c r="H7" s="112"/>
      <c r="I7" s="112"/>
      <c r="J7" s="112"/>
      <c r="K7" s="12"/>
      <c r="L7" s="12"/>
      <c r="M7" s="12"/>
    </row>
    <row r="8" spans="1:18" s="13" customFormat="1" ht="40.049999999999997" customHeight="1">
      <c r="A8" s="14" t="s">
        <v>11</v>
      </c>
      <c r="B8" s="15"/>
      <c r="C8" s="150" t="s">
        <v>142</v>
      </c>
      <c r="D8" s="151"/>
      <c r="E8" s="152"/>
      <c r="F8" s="16" t="s">
        <v>11</v>
      </c>
      <c r="G8" s="17"/>
      <c r="H8" s="115" t="s">
        <v>46</v>
      </c>
      <c r="I8" s="116"/>
      <c r="J8" s="116"/>
      <c r="K8" s="12"/>
      <c r="L8" s="12"/>
      <c r="M8" s="12"/>
    </row>
    <row r="9" spans="1:18" s="13" customFormat="1" ht="30" customHeight="1">
      <c r="A9" s="18" t="s">
        <v>13</v>
      </c>
      <c r="B9" s="19"/>
      <c r="C9" s="117" t="s">
        <v>66</v>
      </c>
      <c r="D9" s="118"/>
      <c r="E9" s="118"/>
      <c r="F9" s="20" t="s">
        <v>13</v>
      </c>
      <c r="G9" s="21"/>
      <c r="H9" s="119" t="s">
        <v>66</v>
      </c>
      <c r="I9" s="120"/>
      <c r="J9" s="120"/>
      <c r="K9" s="12"/>
      <c r="L9" s="12"/>
      <c r="M9" s="12"/>
    </row>
    <row r="10" spans="1:18" s="13" customFormat="1" ht="30" customHeight="1" thickBot="1">
      <c r="A10" s="22" t="s">
        <v>15</v>
      </c>
      <c r="B10" s="23"/>
      <c r="C10" s="121" t="s">
        <v>68</v>
      </c>
      <c r="D10" s="122"/>
      <c r="E10" s="122"/>
      <c r="F10" s="24" t="s">
        <v>15</v>
      </c>
      <c r="G10" s="25"/>
      <c r="H10" s="123" t="s">
        <v>67</v>
      </c>
      <c r="I10" s="124"/>
      <c r="J10" s="124"/>
      <c r="K10" s="105" t="s">
        <v>154</v>
      </c>
      <c r="L10" s="106"/>
      <c r="M10" s="106"/>
      <c r="N10" s="106"/>
      <c r="O10" s="106"/>
      <c r="P10" s="106"/>
      <c r="Q10" s="106"/>
      <c r="R10" s="106"/>
    </row>
    <row r="11" spans="1:18" s="13" customFormat="1" ht="30" customHeight="1">
      <c r="A11" s="26" t="s">
        <v>16</v>
      </c>
      <c r="B11" s="27"/>
      <c r="C11" s="27"/>
      <c r="D11" s="46" t="s">
        <v>23</v>
      </c>
      <c r="E11" s="46"/>
      <c r="F11" s="46"/>
      <c r="G11" s="27"/>
      <c r="H11" s="27"/>
      <c r="I11" s="27"/>
      <c r="J11" s="45"/>
      <c r="K11" s="78" t="s">
        <v>155</v>
      </c>
      <c r="L11" s="107" t="s">
        <v>156</v>
      </c>
      <c r="M11" s="107"/>
      <c r="N11" s="107"/>
      <c r="O11" s="107"/>
      <c r="P11" s="107"/>
      <c r="Q11" s="107"/>
      <c r="R11" s="107"/>
    </row>
    <row r="12" spans="1:18" s="13" customFormat="1" ht="30" customHeight="1" thickBot="1">
      <c r="A12" s="29"/>
      <c r="B12" s="30"/>
      <c r="C12" s="30"/>
      <c r="D12" s="52" t="s">
        <v>69</v>
      </c>
      <c r="E12" s="47"/>
      <c r="F12" s="47"/>
      <c r="G12" s="30"/>
      <c r="H12" s="30"/>
      <c r="I12" s="30"/>
      <c r="J12" s="44"/>
      <c r="K12" s="12"/>
      <c r="L12" s="12"/>
      <c r="M12" s="12"/>
    </row>
    <row r="13" spans="1:18" s="13" customFormat="1" ht="30" customHeight="1">
      <c r="A13" s="1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c r="K24" s="33"/>
      <c r="L24" s="33"/>
      <c r="M24" s="33"/>
    </row>
    <row r="25" spans="1:13" ht="16.2">
      <c r="A25" s="33"/>
      <c r="B25" s="33"/>
      <c r="C25" s="33"/>
      <c r="D25" s="33"/>
      <c r="E25" s="33"/>
      <c r="F25" s="33"/>
      <c r="G25" s="33"/>
      <c r="H25" s="33"/>
      <c r="I25" s="33"/>
      <c r="J25" s="33"/>
      <c r="K25" s="33"/>
      <c r="L25" s="33"/>
      <c r="M25" s="33"/>
    </row>
  </sheetData>
  <mergeCells count="15">
    <mergeCell ref="A2:H2"/>
    <mergeCell ref="C3:J3"/>
    <mergeCell ref="C6:J6"/>
    <mergeCell ref="A7:E7"/>
    <mergeCell ref="F7:J7"/>
    <mergeCell ref="B4:J5"/>
    <mergeCell ref="A4:A5"/>
    <mergeCell ref="K10:R10"/>
    <mergeCell ref="L11:R11"/>
    <mergeCell ref="C8:E8"/>
    <mergeCell ref="H8:J8"/>
    <mergeCell ref="C9:E9"/>
    <mergeCell ref="H9:J9"/>
    <mergeCell ref="C10:E10"/>
    <mergeCell ref="H10:J10"/>
  </mergeCells>
  <phoneticPr fontId="1"/>
  <hyperlinks>
    <hyperlink ref="J1" r:id="rId1" xr:uid="{00000000-0004-0000-0600-000000000000}"/>
    <hyperlink ref="L11:R11" r:id="rId2" display="（参考リンク）HIVの労災について" xr:uid="{00000000-0004-0000-0600-000001000000}"/>
  </hyperlinks>
  <pageMargins left="0.7" right="0.7" top="0.75" bottom="0.75" header="0.3" footer="0.3"/>
  <pageSetup paperSize="9" scale="96" orientation="portrait" r:id="rId3"/>
  <drawing r:id="rId4"/>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FFFF00"/>
  </sheetPr>
  <dimension ref="A1:R24"/>
  <sheetViews>
    <sheetView view="pageBreakPreview" zoomScaleNormal="100" zoomScaleSheetLayoutView="100" workbookViewId="0">
      <selection activeCell="K2" sqref="K2"/>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1</v>
      </c>
    </row>
    <row r="2" spans="1:18" ht="67.5" customHeight="1" thickBot="1">
      <c r="A2" s="125" t="s">
        <v>92</v>
      </c>
      <c r="B2" s="125"/>
      <c r="C2" s="125"/>
      <c r="D2" s="125"/>
      <c r="E2" s="125"/>
      <c r="F2" s="125"/>
      <c r="G2" s="125"/>
      <c r="H2" s="125"/>
      <c r="I2" s="6" t="s">
        <v>2</v>
      </c>
      <c r="J2" s="7" t="s">
        <v>3</v>
      </c>
      <c r="K2" s="8"/>
    </row>
    <row r="3" spans="1:18" s="11" customFormat="1" ht="30" customHeight="1" thickBot="1">
      <c r="A3" s="9" t="s">
        <v>4</v>
      </c>
      <c r="B3" s="10"/>
      <c r="C3" s="109" t="s">
        <v>157</v>
      </c>
      <c r="D3" s="110"/>
      <c r="E3" s="110"/>
      <c r="F3" s="110"/>
      <c r="G3" s="110"/>
      <c r="H3" s="110"/>
      <c r="I3" s="110"/>
      <c r="J3" s="110"/>
    </row>
    <row r="4" spans="1:18" s="13" customFormat="1" ht="30" customHeight="1">
      <c r="A4" s="133" t="s">
        <v>5</v>
      </c>
      <c r="B4" s="130" t="s">
        <v>145</v>
      </c>
      <c r="C4" s="141"/>
      <c r="D4" s="141"/>
      <c r="E4" s="141"/>
      <c r="F4" s="141"/>
      <c r="G4" s="141"/>
      <c r="H4" s="141"/>
      <c r="I4" s="141"/>
      <c r="J4" s="142"/>
      <c r="K4" s="12"/>
    </row>
    <row r="5" spans="1:18" s="13" customFormat="1" ht="30" customHeight="1" thickBot="1">
      <c r="A5" s="134"/>
      <c r="B5" s="143"/>
      <c r="C5" s="144"/>
      <c r="D5" s="144"/>
      <c r="E5" s="144"/>
      <c r="F5" s="144"/>
      <c r="G5" s="144"/>
      <c r="H5" s="144"/>
      <c r="I5" s="144"/>
      <c r="J5" s="121"/>
      <c r="K5" s="12"/>
      <c r="L5" s="12"/>
      <c r="M5" s="12"/>
    </row>
    <row r="6" spans="1:18" s="13" customFormat="1" ht="30" customHeight="1" thickBot="1">
      <c r="A6" s="9" t="s">
        <v>7</v>
      </c>
      <c r="B6" s="10"/>
      <c r="C6" s="109" t="s">
        <v>8</v>
      </c>
      <c r="D6" s="110"/>
      <c r="E6" s="110"/>
      <c r="F6" s="110"/>
      <c r="G6" s="110"/>
      <c r="H6" s="110"/>
      <c r="I6" s="110"/>
      <c r="J6" s="110"/>
      <c r="K6" s="12"/>
      <c r="L6" s="12"/>
      <c r="M6" s="12"/>
    </row>
    <row r="7" spans="1:18" s="13" customFormat="1" ht="30" customHeight="1">
      <c r="A7" s="111" t="s">
        <v>49</v>
      </c>
      <c r="B7" s="111"/>
      <c r="C7" s="111"/>
      <c r="D7" s="111"/>
      <c r="E7" s="111"/>
      <c r="F7" s="112" t="s">
        <v>10</v>
      </c>
      <c r="G7" s="112"/>
      <c r="H7" s="112"/>
      <c r="I7" s="112"/>
      <c r="J7" s="112"/>
      <c r="K7" s="12"/>
      <c r="L7" s="12"/>
      <c r="M7" s="12"/>
    </row>
    <row r="8" spans="1:18" s="13" customFormat="1" ht="30" customHeight="1">
      <c r="A8" s="14" t="s">
        <v>11</v>
      </c>
      <c r="B8" s="185"/>
      <c r="C8" s="154" t="s">
        <v>170</v>
      </c>
      <c r="D8" s="155"/>
      <c r="E8" s="155"/>
      <c r="F8" s="16" t="s">
        <v>11</v>
      </c>
      <c r="G8" s="186"/>
      <c r="H8" s="115" t="s">
        <v>94</v>
      </c>
      <c r="I8" s="116"/>
      <c r="J8" s="116"/>
      <c r="K8" s="12"/>
      <c r="L8" s="12"/>
      <c r="M8" s="12"/>
    </row>
    <row r="9" spans="1:18" s="13" customFormat="1" ht="30" customHeight="1">
      <c r="A9" s="18" t="s">
        <v>13</v>
      </c>
      <c r="B9" s="19"/>
      <c r="C9" s="117" t="s">
        <v>125</v>
      </c>
      <c r="D9" s="118"/>
      <c r="E9" s="118"/>
      <c r="F9" s="20" t="s">
        <v>13</v>
      </c>
      <c r="G9" s="21"/>
      <c r="H9" s="119" t="s">
        <v>95</v>
      </c>
      <c r="I9" s="120"/>
      <c r="J9" s="120"/>
      <c r="K9" s="12"/>
      <c r="L9" s="12"/>
      <c r="M9" s="12"/>
    </row>
    <row r="10" spans="1:18" s="13" customFormat="1" ht="30" customHeight="1" thickBot="1">
      <c r="A10" s="22" t="s">
        <v>15</v>
      </c>
      <c r="B10" s="23"/>
      <c r="C10" s="121" t="s">
        <v>96</v>
      </c>
      <c r="D10" s="122"/>
      <c r="E10" s="122"/>
      <c r="F10" s="24" t="s">
        <v>15</v>
      </c>
      <c r="G10" s="25"/>
      <c r="H10" s="156" t="s">
        <v>144</v>
      </c>
      <c r="I10" s="157"/>
      <c r="J10" s="157"/>
      <c r="K10" s="105" t="s">
        <v>154</v>
      </c>
      <c r="L10" s="106"/>
      <c r="M10" s="106"/>
      <c r="N10" s="106"/>
      <c r="O10" s="106"/>
      <c r="P10" s="106"/>
      <c r="Q10" s="106"/>
      <c r="R10" s="106"/>
    </row>
    <row r="11" spans="1:18" s="13" customFormat="1" ht="30" customHeight="1">
      <c r="A11" s="101" t="s">
        <v>16</v>
      </c>
      <c r="B11" s="97"/>
      <c r="C11" s="97"/>
      <c r="D11" s="95" t="s">
        <v>23</v>
      </c>
      <c r="E11" s="95"/>
      <c r="F11" s="95"/>
      <c r="G11" s="97"/>
      <c r="H11" s="97"/>
      <c r="I11" s="97"/>
      <c r="J11" s="98"/>
      <c r="K11" s="78" t="s">
        <v>155</v>
      </c>
      <c r="L11" s="107" t="s">
        <v>156</v>
      </c>
      <c r="M11" s="107"/>
      <c r="N11" s="107"/>
      <c r="O11" s="107"/>
      <c r="P11" s="107"/>
      <c r="Q11" s="107"/>
      <c r="R11" s="107"/>
    </row>
    <row r="12" spans="1:18" s="13" customFormat="1" ht="30" customHeight="1" thickBot="1">
      <c r="A12" s="99"/>
      <c r="B12" s="100"/>
      <c r="C12" s="100"/>
      <c r="D12" s="96" t="s">
        <v>65</v>
      </c>
      <c r="E12" s="96"/>
      <c r="F12" s="96"/>
      <c r="G12" s="100"/>
      <c r="H12" s="100"/>
      <c r="I12" s="100"/>
      <c r="J12" s="94"/>
      <c r="K12" s="12"/>
      <c r="L12" s="12"/>
      <c r="M12" s="12"/>
    </row>
    <row r="13" spans="1:18" s="13" customFormat="1" ht="30" customHeight="1">
      <c r="A13" s="1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row>
  </sheetData>
  <mergeCells count="15">
    <mergeCell ref="A2:H2"/>
    <mergeCell ref="C3:J3"/>
    <mergeCell ref="C6:J6"/>
    <mergeCell ref="A7:E7"/>
    <mergeCell ref="F7:J7"/>
    <mergeCell ref="A4:A5"/>
    <mergeCell ref="B4:J5"/>
    <mergeCell ref="K10:R10"/>
    <mergeCell ref="L11:R11"/>
    <mergeCell ref="C8:E8"/>
    <mergeCell ref="H8:J8"/>
    <mergeCell ref="C9:E9"/>
    <mergeCell ref="H9:J9"/>
    <mergeCell ref="C10:E10"/>
    <mergeCell ref="H10:J10"/>
  </mergeCells>
  <phoneticPr fontId="1"/>
  <hyperlinks>
    <hyperlink ref="L11:R11" r:id="rId1" display="（参考リンク）HIVの労災について" xr:uid="{00000000-0004-0000-0700-000001000000}"/>
    <hyperlink ref="J1" r:id="rId2" xr:uid="{59807F3C-D129-4967-BF95-97AB53AF03A2}"/>
  </hyperlinks>
  <pageMargins left="0.7" right="0.7" top="0.75" bottom="0.75" header="0.3" footer="0.3"/>
  <pageSetup paperSize="9" orientation="portrait" r:id="rId3"/>
  <drawing r:id="rId4"/>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FFFF00"/>
  </sheetPr>
  <dimension ref="A1:R24"/>
  <sheetViews>
    <sheetView view="pageBreakPreview" zoomScaleNormal="100" zoomScaleSheetLayoutView="100" workbookViewId="0">
      <selection activeCell="H23" sqref="H23"/>
    </sheetView>
  </sheetViews>
  <sheetFormatPr defaultRowHeight="13.2"/>
  <cols>
    <col min="1" max="1" width="10.6640625" customWidth="1"/>
    <col min="2" max="2" width="1.6640625" customWidth="1"/>
    <col min="3" max="6" width="10.6640625" customWidth="1"/>
    <col min="7" max="7" width="1.6640625" customWidth="1"/>
    <col min="8" max="11" width="10.6640625" customWidth="1"/>
  </cols>
  <sheetData>
    <row r="1" spans="1:18" s="5" customFormat="1" ht="20.100000000000001" customHeight="1" thickBot="1">
      <c r="A1" s="3" t="s">
        <v>0</v>
      </c>
      <c r="B1" s="3"/>
      <c r="C1" s="4"/>
      <c r="D1" s="4"/>
      <c r="E1" s="4"/>
      <c r="F1" s="4"/>
      <c r="G1" s="4"/>
      <c r="H1" s="4"/>
      <c r="I1" s="4"/>
      <c r="J1" s="43" t="s">
        <v>21</v>
      </c>
    </row>
    <row r="2" spans="1:18" ht="67.5" customHeight="1" thickBot="1">
      <c r="A2" s="125" t="s">
        <v>117</v>
      </c>
      <c r="B2" s="125"/>
      <c r="C2" s="125"/>
      <c r="D2" s="125"/>
      <c r="E2" s="125"/>
      <c r="F2" s="125"/>
      <c r="G2" s="125"/>
      <c r="H2" s="125"/>
      <c r="I2" s="6" t="s">
        <v>2</v>
      </c>
      <c r="J2" s="7" t="s">
        <v>3</v>
      </c>
      <c r="K2" s="8"/>
    </row>
    <row r="3" spans="1:18" s="11" customFormat="1" ht="30" customHeight="1" thickBot="1">
      <c r="A3" s="9" t="s">
        <v>4</v>
      </c>
      <c r="B3" s="10"/>
      <c r="C3" s="109" t="s">
        <v>158</v>
      </c>
      <c r="D3" s="110"/>
      <c r="E3" s="110"/>
      <c r="F3" s="110"/>
      <c r="G3" s="110"/>
      <c r="H3" s="110"/>
      <c r="I3" s="110"/>
      <c r="J3" s="110"/>
    </row>
    <row r="4" spans="1:18" s="13" customFormat="1" ht="30" customHeight="1">
      <c r="A4" s="133" t="s">
        <v>118</v>
      </c>
      <c r="B4" s="158" t="s">
        <v>146</v>
      </c>
      <c r="C4" s="159"/>
      <c r="D4" s="159"/>
      <c r="E4" s="159"/>
      <c r="F4" s="159"/>
      <c r="G4" s="159"/>
      <c r="H4" s="159"/>
      <c r="I4" s="159"/>
      <c r="J4" s="160"/>
      <c r="K4" s="12"/>
    </row>
    <row r="5" spans="1:18" s="13" customFormat="1" ht="30" customHeight="1" thickBot="1">
      <c r="A5" s="134"/>
      <c r="B5" s="161"/>
      <c r="C5" s="162"/>
      <c r="D5" s="162"/>
      <c r="E5" s="162"/>
      <c r="F5" s="162"/>
      <c r="G5" s="162"/>
      <c r="H5" s="162"/>
      <c r="I5" s="162"/>
      <c r="J5" s="163"/>
      <c r="K5" s="12"/>
      <c r="L5" s="12"/>
      <c r="M5" s="12"/>
    </row>
    <row r="6" spans="1:18" s="13" customFormat="1" ht="30" customHeight="1" thickBot="1">
      <c r="A6" s="9" t="s">
        <v>7</v>
      </c>
      <c r="B6" s="10"/>
      <c r="C6" s="109" t="s">
        <v>119</v>
      </c>
      <c r="D6" s="110"/>
      <c r="E6" s="110"/>
      <c r="F6" s="110"/>
      <c r="G6" s="110"/>
      <c r="H6" s="110"/>
      <c r="I6" s="110"/>
      <c r="J6" s="110"/>
      <c r="K6" s="12"/>
      <c r="L6" s="12"/>
      <c r="M6" s="12"/>
    </row>
    <row r="7" spans="1:18" s="13" customFormat="1" ht="37.5" customHeight="1">
      <c r="A7" s="111" t="s">
        <v>9</v>
      </c>
      <c r="B7" s="111"/>
      <c r="C7" s="111"/>
      <c r="D7" s="111"/>
      <c r="E7" s="111"/>
      <c r="F7" s="112" t="s">
        <v>10</v>
      </c>
      <c r="G7" s="112"/>
      <c r="H7" s="112"/>
      <c r="I7" s="112"/>
      <c r="J7" s="112"/>
      <c r="K7" s="12"/>
      <c r="L7" s="12"/>
      <c r="M7" s="12"/>
    </row>
    <row r="8" spans="1:18" s="13" customFormat="1" ht="34.799999999999997" customHeight="1">
      <c r="A8" s="14" t="s">
        <v>11</v>
      </c>
      <c r="B8" s="164" t="s">
        <v>121</v>
      </c>
      <c r="C8" s="165"/>
      <c r="D8" s="165"/>
      <c r="E8" s="166"/>
      <c r="F8" s="16" t="s">
        <v>11</v>
      </c>
      <c r="G8" s="17"/>
      <c r="H8" s="115" t="s">
        <v>46</v>
      </c>
      <c r="I8" s="116"/>
      <c r="J8" s="116"/>
      <c r="K8" s="12"/>
      <c r="L8" s="12"/>
      <c r="M8" s="12"/>
    </row>
    <row r="9" spans="1:18" s="13" customFormat="1" ht="30" customHeight="1">
      <c r="A9" s="18" t="s">
        <v>13</v>
      </c>
      <c r="B9" s="19"/>
      <c r="C9" s="117" t="s">
        <v>122</v>
      </c>
      <c r="D9" s="118"/>
      <c r="E9" s="118"/>
      <c r="F9" s="20" t="s">
        <v>13</v>
      </c>
      <c r="G9" s="21"/>
      <c r="H9" s="119" t="s">
        <v>124</v>
      </c>
      <c r="I9" s="120"/>
      <c r="J9" s="120"/>
      <c r="K9" s="12"/>
      <c r="L9" s="12"/>
      <c r="M9" s="12"/>
    </row>
    <row r="10" spans="1:18" s="13" customFormat="1" ht="30" customHeight="1" thickBot="1">
      <c r="A10" s="22" t="s">
        <v>15</v>
      </c>
      <c r="B10" s="23"/>
      <c r="C10" s="121" t="s">
        <v>120</v>
      </c>
      <c r="D10" s="122"/>
      <c r="E10" s="122"/>
      <c r="F10" s="24" t="s">
        <v>15</v>
      </c>
      <c r="G10" s="25"/>
      <c r="H10" s="123" t="s">
        <v>123</v>
      </c>
      <c r="I10" s="124"/>
      <c r="J10" s="124"/>
      <c r="K10" s="105" t="s">
        <v>154</v>
      </c>
      <c r="L10" s="106"/>
      <c r="M10" s="106"/>
      <c r="N10" s="106"/>
      <c r="O10" s="106"/>
      <c r="P10" s="106"/>
      <c r="Q10" s="106"/>
      <c r="R10" s="106"/>
    </row>
    <row r="11" spans="1:18" s="13" customFormat="1" ht="30" customHeight="1">
      <c r="A11" s="66" t="s">
        <v>16</v>
      </c>
      <c r="B11" s="67"/>
      <c r="C11" s="67"/>
      <c r="D11" s="64" t="s">
        <v>23</v>
      </c>
      <c r="E11" s="64"/>
      <c r="F11" s="64"/>
      <c r="G11" s="67"/>
      <c r="H11" s="67"/>
      <c r="I11" s="67"/>
      <c r="J11" s="63"/>
      <c r="K11" s="78" t="s">
        <v>155</v>
      </c>
      <c r="L11" s="107" t="s">
        <v>156</v>
      </c>
      <c r="M11" s="107"/>
      <c r="N11" s="107"/>
      <c r="O11" s="107"/>
      <c r="P11" s="107"/>
      <c r="Q11" s="107"/>
      <c r="R11" s="107"/>
    </row>
    <row r="12" spans="1:18" s="13" customFormat="1" ht="30" customHeight="1" thickBot="1">
      <c r="A12" s="68"/>
      <c r="B12" s="69"/>
      <c r="C12" s="69"/>
      <c r="D12" s="65"/>
      <c r="E12" s="65"/>
      <c r="F12" s="65"/>
      <c r="G12" s="69"/>
      <c r="H12" s="69"/>
      <c r="I12" s="69"/>
      <c r="J12" s="62"/>
      <c r="K12" s="12"/>
      <c r="L12" s="12"/>
      <c r="M12" s="12"/>
    </row>
    <row r="13" spans="1:18" s="13" customFormat="1" ht="30" customHeight="1">
      <c r="A13" s="12"/>
      <c r="B13" s="12"/>
      <c r="C13" s="12"/>
      <c r="D13" s="12"/>
      <c r="E13" s="12"/>
      <c r="F13" s="12"/>
      <c r="G13" s="12"/>
      <c r="H13" s="12"/>
      <c r="I13" s="12"/>
      <c r="J13" s="12"/>
      <c r="K13" s="12"/>
      <c r="L13" s="12"/>
      <c r="M13" s="12"/>
    </row>
    <row r="14" spans="1:18" s="13" customFormat="1" ht="30" customHeight="1">
      <c r="A14" s="32"/>
      <c r="B14" s="12"/>
      <c r="C14" s="12"/>
      <c r="D14" s="12"/>
      <c r="E14" s="12"/>
      <c r="F14" s="12"/>
      <c r="G14" s="12"/>
      <c r="H14" s="12"/>
      <c r="I14" s="12"/>
      <c r="J14" s="12"/>
      <c r="K14" s="12"/>
      <c r="L14" s="12"/>
      <c r="M14" s="12"/>
    </row>
    <row r="15" spans="1:18" s="13" customFormat="1" ht="30" customHeight="1">
      <c r="A15" s="32"/>
      <c r="B15" s="12"/>
      <c r="C15" s="12"/>
      <c r="D15" s="12"/>
      <c r="E15" s="12"/>
      <c r="F15" s="12"/>
      <c r="G15" s="12"/>
      <c r="H15" s="12"/>
      <c r="I15" s="12"/>
      <c r="J15" s="12"/>
      <c r="K15" s="12"/>
      <c r="L15" s="12"/>
      <c r="M15" s="12"/>
    </row>
    <row r="16" spans="1:18" ht="16.2">
      <c r="A16" s="33"/>
      <c r="B16" s="33"/>
      <c r="C16" s="33"/>
      <c r="D16" s="33"/>
      <c r="E16" s="33"/>
      <c r="F16" s="33"/>
      <c r="G16" s="33"/>
      <c r="H16" s="33"/>
      <c r="I16" s="33"/>
      <c r="J16" s="33"/>
      <c r="K16" s="33"/>
      <c r="L16" s="33"/>
      <c r="M16" s="33"/>
    </row>
    <row r="17" spans="1:13" ht="16.2">
      <c r="A17" s="33"/>
      <c r="B17" s="33"/>
      <c r="C17" s="33"/>
      <c r="D17" s="33"/>
      <c r="E17" s="33"/>
      <c r="F17" s="33"/>
      <c r="G17" s="33"/>
      <c r="H17" s="33"/>
      <c r="I17" s="33"/>
      <c r="J17" s="33"/>
      <c r="K17" s="33"/>
      <c r="L17" s="33"/>
      <c r="M17" s="33"/>
    </row>
    <row r="18" spans="1:13" ht="16.2">
      <c r="A18" s="33"/>
      <c r="B18" s="33"/>
      <c r="C18" s="33"/>
      <c r="D18" s="33"/>
      <c r="E18" s="33"/>
      <c r="F18" s="33"/>
      <c r="G18" s="33"/>
      <c r="H18" s="33"/>
      <c r="I18" s="33"/>
      <c r="J18" s="33"/>
      <c r="K18" s="33"/>
      <c r="L18" s="33"/>
      <c r="M18" s="33"/>
    </row>
    <row r="19" spans="1:13" ht="16.2">
      <c r="A19" s="33"/>
      <c r="B19" s="33"/>
      <c r="C19" s="33"/>
      <c r="D19" s="33"/>
      <c r="E19" s="33"/>
      <c r="F19" s="33"/>
      <c r="G19" s="33"/>
      <c r="H19" s="33"/>
      <c r="I19" s="33"/>
      <c r="J19" s="33"/>
      <c r="K19" s="33"/>
      <c r="L19" s="33"/>
      <c r="M19" s="33"/>
    </row>
    <row r="20" spans="1:13" ht="16.2">
      <c r="A20" s="33"/>
      <c r="B20" s="33"/>
      <c r="C20" s="33"/>
      <c r="D20" s="33"/>
      <c r="E20" s="33"/>
      <c r="F20" s="33"/>
      <c r="G20" s="33"/>
      <c r="H20" s="33"/>
      <c r="I20" s="33"/>
      <c r="J20" s="33"/>
      <c r="K20" s="33"/>
      <c r="L20" s="33"/>
      <c r="M20" s="33"/>
    </row>
    <row r="21" spans="1:13" ht="16.2">
      <c r="A21" s="33"/>
      <c r="B21" s="33"/>
      <c r="C21" s="33"/>
      <c r="D21" s="33"/>
      <c r="E21" s="33"/>
      <c r="F21" s="33"/>
      <c r="G21" s="33"/>
      <c r="H21" s="33"/>
      <c r="I21" s="33"/>
      <c r="J21" s="33"/>
      <c r="K21" s="33"/>
      <c r="L21" s="33"/>
      <c r="M21" s="33"/>
    </row>
    <row r="22" spans="1:13" ht="16.2">
      <c r="A22" s="33"/>
      <c r="B22" s="33"/>
      <c r="C22" s="33"/>
      <c r="D22" s="33"/>
      <c r="E22" s="33"/>
      <c r="F22" s="33"/>
      <c r="G22" s="33"/>
      <c r="H22" s="33"/>
      <c r="I22" s="33"/>
      <c r="J22" s="33"/>
      <c r="K22" s="33"/>
      <c r="L22" s="33"/>
      <c r="M22" s="33"/>
    </row>
    <row r="23" spans="1:13" ht="16.2">
      <c r="A23" s="33"/>
      <c r="B23" s="33"/>
      <c r="C23" s="33"/>
      <c r="D23" s="33"/>
      <c r="E23" s="33"/>
      <c r="F23" s="33"/>
      <c r="G23" s="33"/>
      <c r="H23" s="33"/>
      <c r="I23" s="33"/>
      <c r="J23" s="33"/>
      <c r="K23" s="33"/>
      <c r="L23" s="33"/>
      <c r="M23" s="33"/>
    </row>
    <row r="24" spans="1:13" ht="16.2">
      <c r="A24" s="33"/>
      <c r="B24" s="33"/>
      <c r="C24" s="33"/>
      <c r="D24" s="33"/>
      <c r="E24" s="33"/>
      <c r="F24" s="33"/>
      <c r="G24" s="33"/>
      <c r="H24" s="33"/>
      <c r="I24" s="33"/>
      <c r="J24" s="33"/>
    </row>
  </sheetData>
  <mergeCells count="15">
    <mergeCell ref="K10:R10"/>
    <mergeCell ref="L11:R11"/>
    <mergeCell ref="A2:H2"/>
    <mergeCell ref="C3:J3"/>
    <mergeCell ref="C6:J6"/>
    <mergeCell ref="A7:E7"/>
    <mergeCell ref="F7:J7"/>
    <mergeCell ref="A4:A5"/>
    <mergeCell ref="B4:J5"/>
    <mergeCell ref="H8:J8"/>
    <mergeCell ref="C9:E9"/>
    <mergeCell ref="H9:J9"/>
    <mergeCell ref="C10:E10"/>
    <mergeCell ref="H10:J10"/>
    <mergeCell ref="B8:E8"/>
  </mergeCells>
  <phoneticPr fontId="1"/>
  <hyperlinks>
    <hyperlink ref="J1" r:id="rId1" xr:uid="{00000000-0004-0000-0800-000000000000}"/>
    <hyperlink ref="L11:R11" r:id="rId2" display="（参考リンク）HIVの労災について" xr:uid="{00000000-0004-0000-0800-000001000000}"/>
  </hyperlinks>
  <pageMargins left="0.7" right="0.7" top="0.75" bottom="0.75" header="0.3" footer="0.3"/>
  <pageSetup paperSize="9" orientation="portrait" r:id="rId3"/>
  <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19</vt:i4>
      </vt:variant>
    </vt:vector>
  </HeadingPairs>
  <TitlesOfParts>
    <vt:vector size="38" baseType="lpstr">
      <vt:lpstr>マップ</vt:lpstr>
      <vt:lpstr>市大</vt:lpstr>
      <vt:lpstr>小田原</vt:lpstr>
      <vt:lpstr>横浜市民</vt:lpstr>
      <vt:lpstr>川崎</vt:lpstr>
      <vt:lpstr>井田</vt:lpstr>
      <vt:lpstr>聖マリ</vt:lpstr>
      <vt:lpstr>北里</vt:lpstr>
      <vt:lpstr>東海</vt:lpstr>
      <vt:lpstr>厚木</vt:lpstr>
      <vt:lpstr>足柄上</vt:lpstr>
      <vt:lpstr>国立横浜</vt:lpstr>
      <vt:lpstr>みなと赤十字</vt:lpstr>
      <vt:lpstr>こども</vt:lpstr>
      <vt:lpstr>センター病院</vt:lpstr>
      <vt:lpstr>国立相模原</vt:lpstr>
      <vt:lpstr>相模原赤</vt:lpstr>
      <vt:lpstr>秦野赤</vt:lpstr>
      <vt:lpstr>横須賀市民</vt:lpstr>
      <vt:lpstr>こども!Print_Area</vt:lpstr>
      <vt:lpstr>センター病院!Print_Area</vt:lpstr>
      <vt:lpstr>マップ!Print_Area</vt:lpstr>
      <vt:lpstr>みなと赤十字!Print_Area</vt:lpstr>
      <vt:lpstr>井田!Print_Area</vt:lpstr>
      <vt:lpstr>横須賀市民!Print_Area</vt:lpstr>
      <vt:lpstr>横浜市民!Print_Area</vt:lpstr>
      <vt:lpstr>厚木!Print_Area</vt:lpstr>
      <vt:lpstr>国立横浜!Print_Area</vt:lpstr>
      <vt:lpstr>国立相模原!Print_Area</vt:lpstr>
      <vt:lpstr>市大!Print_Area</vt:lpstr>
      <vt:lpstr>小田原!Print_Area</vt:lpstr>
      <vt:lpstr>秦野赤!Print_Area</vt:lpstr>
      <vt:lpstr>聖マリ!Print_Area</vt:lpstr>
      <vt:lpstr>川崎!Print_Area</vt:lpstr>
      <vt:lpstr>相模原赤!Print_Area</vt:lpstr>
      <vt:lpstr>足柄上!Print_Area</vt:lpstr>
      <vt:lpstr>東海!Print_Area</vt:lpstr>
      <vt:lpstr>北里!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原 秀</dc:creator>
  <cp:lastModifiedBy>user</cp:lastModifiedBy>
  <cp:lastPrinted>2026-03-13T00:52:51Z</cp:lastPrinted>
  <dcterms:created xsi:type="dcterms:W3CDTF">1997-01-08T22:48:59Z</dcterms:created>
  <dcterms:modified xsi:type="dcterms:W3CDTF">2026-03-13T00:56:37Z</dcterms:modified>
</cp:coreProperties>
</file>